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328"/>
  <workbookPr defaultThemeVersion="202300"/>
  <mc:AlternateContent xmlns:mc="http://schemas.openxmlformats.org/markup-compatibility/2006">
    <mc:Choice Requires="x15">
      <x15ac:absPath xmlns:x15ac="http://schemas.microsoft.com/office/spreadsheetml/2010/11/ac" url="E:\Documents\s5103\My Documents\トライアル\TRIAL_SMART_グロサリー\"/>
    </mc:Choice>
  </mc:AlternateContent>
  <xr:revisionPtr revIDLastSave="0" documentId="13_ncr:1_{B7C9F429-D6DD-4211-9839-31BB1D0418D8}" xr6:coauthVersionLast="47" xr6:coauthVersionMax="47" xr10:uidLastSave="{00000000-0000-0000-0000-000000000000}"/>
  <bookViews>
    <workbookView xWindow="-108" yWindow="-108" windowWidth="23256" windowHeight="13896" xr2:uid="{D7ABC67A-D359-4AFD-AFE8-818730F0D87B}"/>
  </bookViews>
  <sheets>
    <sheet name="Sheet1" sheetId="1" r:id="rId1"/>
  </sheets>
  <definedNames>
    <definedName name="_xlnm._FilterDatabase" localSheetId="0" hidden="1">Sheet1!$A$1:$AS$6546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217531" uniqueCount="67989">
  <si>
    <t>JAN</t>
  </si>
  <si>
    <t>商品名</t>
  </si>
  <si>
    <t>規格</t>
  </si>
  <si>
    <t>メーカー名</t>
  </si>
  <si>
    <t>ブランド</t>
  </si>
  <si>
    <t>季節</t>
  </si>
  <si>
    <t>グローサリー</t>
  </si>
  <si>
    <t>砂糖</t>
  </si>
  <si>
    <t>ベーシック</t>
  </si>
  <si>
    <t>大容量(701g以上)</t>
  </si>
  <si>
    <t>白砂糖</t>
  </si>
  <si>
    <t>砂糖５Ｋｇ入り</t>
  </si>
  <si>
    <t>1kg×5</t>
  </si>
  <si>
    <t>トライアルカンパニー</t>
  </si>
  <si>
    <t>ﾄﾗｲｱﾙ</t>
  </si>
  <si>
    <t>年間</t>
  </si>
  <si>
    <t>砂糖１０Ｋｇ入り</t>
  </si>
  <si>
    <t>1kg×10</t>
  </si>
  <si>
    <t>上白糖20個セット</t>
  </si>
  <si>
    <t>20個入セット</t>
  </si>
  <si>
    <t>ﾀﾞｲﾆﾎﾝﾒｲｼﾞ</t>
  </si>
  <si>
    <t>上白糖_5個セット</t>
  </si>
  <si>
    <t>5個セット</t>
  </si>
  <si>
    <t>ﾊﾟ-ﾙｴ-ｽ</t>
  </si>
  <si>
    <t>上白糖_3個ｾｯﾄ</t>
  </si>
  <si>
    <t>1000g*3</t>
  </si>
  <si>
    <t>上白糖</t>
  </si>
  <si>
    <t>1000g</t>
  </si>
  <si>
    <t>パールエース</t>
  </si>
  <si>
    <t>1kg</t>
  </si>
  <si>
    <t>マルハニチロ</t>
  </si>
  <si>
    <t>ﾏﾙﾊﾆﾁﾛ</t>
  </si>
  <si>
    <t>三井製糖</t>
  </si>
  <si>
    <t>ﾐﾂｲｾｲﾄｳ</t>
  </si>
  <si>
    <t>白ザラ糖小粒</t>
  </si>
  <si>
    <t>大日本明治製糖</t>
  </si>
  <si>
    <t>日新製糖</t>
  </si>
  <si>
    <t>ﾆｯｼﾝｾｲﾄｳ</t>
  </si>
  <si>
    <t>日本甜菜製糖</t>
  </si>
  <si>
    <t>ﾆﾎﾝﾃﾝｻｲ</t>
  </si>
  <si>
    <t>ｽｽﾞﾗﾝｼﾞﾙｼ</t>
  </si>
  <si>
    <t>伊藤忠製糖</t>
  </si>
  <si>
    <t>ｲﾄｳﾁｭｳｾｲﾄｳ</t>
  </si>
  <si>
    <t>管理対象外メーカー</t>
  </si>
  <si>
    <t>ｽﾌﾟｰﾝ</t>
  </si>
  <si>
    <t>新光製糖</t>
  </si>
  <si>
    <t>ｼﾝｺｳ</t>
  </si>
  <si>
    <t>富士上白糖</t>
  </si>
  <si>
    <t>フジ日本精糖</t>
  </si>
  <si>
    <t>ﾌｼﾞｾｲﾄｳ</t>
  </si>
  <si>
    <t>三温糖</t>
  </si>
  <si>
    <t>洗双糖</t>
  </si>
  <si>
    <t>1Kg</t>
  </si>
  <si>
    <t>ビオ・マーケット</t>
  </si>
  <si>
    <t>BIO</t>
  </si>
  <si>
    <t>中双糖</t>
  </si>
  <si>
    <t>バラ印中双糖</t>
  </si>
  <si>
    <t>ニッシンチュウソウトウ１Ｋ</t>
  </si>
  <si>
    <t>**</t>
  </si>
  <si>
    <t>はまなす中双糖　１ｋｇ</t>
  </si>
  <si>
    <t>近畿食糧</t>
  </si>
  <si>
    <t>ﾊﾏﾅｽｼﾞﾙｼ</t>
  </si>
  <si>
    <t>グラニュー糖</t>
  </si>
  <si>
    <t>バラ印グラニュー糖</t>
  </si>
  <si>
    <t>ニッシングラニュウトウ１Ｋ</t>
  </si>
  <si>
    <t>ばら印のグラニュー糖</t>
  </si>
  <si>
    <t>_</t>
  </si>
  <si>
    <t>未登録</t>
  </si>
  <si>
    <t>中容量(501～700g)</t>
  </si>
  <si>
    <t>700g</t>
  </si>
  <si>
    <t>かしこいかあさんの三温糖</t>
  </si>
  <si>
    <t>小容量(500ｇ以下)</t>
  </si>
  <si>
    <t>500g</t>
  </si>
  <si>
    <t>シュガーパウダー</t>
  </si>
  <si>
    <t>70g</t>
  </si>
  <si>
    <t>共立食品</t>
  </si>
  <si>
    <t>ｷｮｳﾘﾂｼｮｸﾋﾝ</t>
  </si>
  <si>
    <t>1/2上白糖</t>
  </si>
  <si>
    <t>250g</t>
  </si>
  <si>
    <t>スプーン上白糖</t>
  </si>
  <si>
    <t>400g</t>
  </si>
  <si>
    <t>純糖</t>
  </si>
  <si>
    <t>270g</t>
  </si>
  <si>
    <t>龍為製菓</t>
  </si>
  <si>
    <t>ﾘｭｳﾀﾒ</t>
  </si>
  <si>
    <t>日新ｶｯﾌﾟ_白砂糖_500g</t>
  </si>
  <si>
    <t>粉末玉砂糖</t>
  </si>
  <si>
    <t>300g</t>
  </si>
  <si>
    <t>カップ印カップシュガーファイブ</t>
  </si>
  <si>
    <t>5g×100P</t>
  </si>
  <si>
    <t>ボックスシュガーミニ</t>
  </si>
  <si>
    <t>メープルシュガー</t>
  </si>
  <si>
    <t>170g</t>
  </si>
  <si>
    <t>メープルファームズジャパン</t>
  </si>
  <si>
    <t>ﾒｰﾌﾟﾙﾌｧｰﾑ</t>
  </si>
  <si>
    <t>イチゴジャム瓶</t>
  </si>
  <si>
    <t>330G</t>
  </si>
  <si>
    <t>不明</t>
  </si>
  <si>
    <t>ｱｦﾊﾀ</t>
  </si>
  <si>
    <t>ｱｦﾊﾀ55ｲﾁｺﾞｼﾞｬﾑUD3</t>
  </si>
  <si>
    <t>ｱｦﾊﾀ55ｵﾚﾝｼﾞﾏﾏﾚｰﾄﾞ</t>
  </si>
  <si>
    <t>砂糖ギフト10KG</t>
  </si>
  <si>
    <t>10Kg</t>
  </si>
  <si>
    <t>砂糖ギフト5KG</t>
  </si>
  <si>
    <t>5KG</t>
  </si>
  <si>
    <t>砂糖2KG</t>
  </si>
  <si>
    <t>2KG</t>
  </si>
  <si>
    <t>食品ｷﾞﾌﾄ￥500</t>
  </si>
  <si>
    <t>食品ｷﾞﾌﾄ￥1000</t>
  </si>
  <si>
    <t>5ﾗｲﾝ食品</t>
  </si>
  <si>
    <t>1ＫＧ</t>
  </si>
  <si>
    <t>ﾊﾞﾗｼﾞﾙｼ</t>
  </si>
  <si>
    <t>81部門手書き棚卸</t>
  </si>
  <si>
    <t>調味料処分</t>
  </si>
  <si>
    <t>ﾊﾟｰﾙﾎﾞｰｼｭｶﾞｰ</t>
  </si>
  <si>
    <t>6×50</t>
  </si>
  <si>
    <t>ﾊﾟｰﾙｴｰｽ</t>
  </si>
  <si>
    <t>ﾊﾟｰﾙﾎﾞｼｭｶﾞｰ</t>
  </si>
  <si>
    <t>6G*70本</t>
  </si>
  <si>
    <t>純粋はちみつ</t>
  </si>
  <si>
    <t>750ｇ</t>
  </si>
  <si>
    <t>ｴｺｰﾌｰｽﾞ</t>
  </si>
  <si>
    <t>210ｇ</t>
  </si>
  <si>
    <t>中部精糖</t>
  </si>
  <si>
    <t>ﾁｭｳﾌﾞｾｲﾄｳ</t>
  </si>
  <si>
    <t>220g</t>
  </si>
  <si>
    <t>西表島産黒糖</t>
  </si>
  <si>
    <t>200g</t>
  </si>
  <si>
    <t>西表糖業</t>
  </si>
  <si>
    <t>ｺｺﾅｯﾂｼｭｶﾞｰ</t>
  </si>
  <si>
    <t>150g</t>
  </si>
  <si>
    <t>ﾀﾏﾁｬｰﾄ</t>
  </si>
  <si>
    <t>ｽﾘﾑｱｯﾌﾟｼｭｶﾞｰ</t>
  </si>
  <si>
    <t>20P</t>
  </si>
  <si>
    <t>ｱｼﾞﾉﾓﾄ</t>
  </si>
  <si>
    <t>ｽﾘﾑｱｯﾌﾟｼｭｶﾞｰST</t>
  </si>
  <si>
    <t>20本</t>
  </si>
  <si>
    <t>チョコレートシロップ</t>
  </si>
  <si>
    <t>ｿﾝﾄﾝ</t>
  </si>
  <si>
    <t>水あめ　Sパック</t>
  </si>
  <si>
    <t>1/2三温糖</t>
  </si>
  <si>
    <t>スプーン三温糖</t>
  </si>
  <si>
    <t>梅酒用白双糖</t>
  </si>
  <si>
    <t>1㎏</t>
  </si>
  <si>
    <t>角砂糖</t>
  </si>
  <si>
    <t>400ｇ</t>
  </si>
  <si>
    <t>ﾊﾞﾗｼﾙｼ</t>
  </si>
  <si>
    <t>ｾﾌﾞﾝ印三温糖700g</t>
  </si>
  <si>
    <t>国産島ザラ糖</t>
  </si>
  <si>
    <t>700ｇ</t>
  </si>
  <si>
    <t>国産グラニュー糖</t>
  </si>
  <si>
    <t>ｾﾌﾞﾝ印上白糖700g</t>
  </si>
  <si>
    <t>国産上白糖</t>
  </si>
  <si>
    <t>正栄純粋はちみつ10</t>
  </si>
  <si>
    <t>正栄水あめ300g瓶</t>
  </si>
  <si>
    <t>正栄純粋蜂蜜ﾄﾝｶﾞﾘ</t>
  </si>
  <si>
    <t>250ｇ</t>
  </si>
  <si>
    <t>ｼｮｳｴｲ</t>
  </si>
  <si>
    <t>ｼｮｳｴｲｼﾞｭﾝｽｲﾊﾁﾐﾂ100</t>
  </si>
  <si>
    <t>--</t>
  </si>
  <si>
    <t>正栄ｵﾘｺﾞ糖＆食物繊維</t>
  </si>
  <si>
    <t>500G</t>
  </si>
  <si>
    <t>スッキリオリゴ糖</t>
  </si>
  <si>
    <t>ﾌﾞﾙ-ﾍﾞﾘ-果汁入はち</t>
  </si>
  <si>
    <t>りんご果汁入はちみ</t>
  </si>
  <si>
    <t>黒砂糖</t>
  </si>
  <si>
    <t>粉末黒砂糖</t>
  </si>
  <si>
    <t>300G</t>
  </si>
  <si>
    <t>ﾔﾏﾄ</t>
  </si>
  <si>
    <t>浅田飴ｼｭｶﾞ-ｶｯﾄ顆粒</t>
  </si>
  <si>
    <t>ダイエットオリゴ糖</t>
  </si>
  <si>
    <t>240g</t>
  </si>
  <si>
    <t>ザラメ糖</t>
  </si>
  <si>
    <t>スプーン印中ザラ糖</t>
  </si>
  <si>
    <t>印グラニュ糖</t>
  </si>
  <si>
    <t>日新_ｸﾞﾗﾆｭｰ糖_500G</t>
  </si>
  <si>
    <t>フランス風角砂糖</t>
  </si>
  <si>
    <t>健康・機能性</t>
  </si>
  <si>
    <t>低カロリー甘味料</t>
  </si>
  <si>
    <t>液体</t>
  </si>
  <si>
    <t>パルスイートカロリー0液体2本セット</t>
  </si>
  <si>
    <t>2本入セット</t>
  </si>
  <si>
    <t>スイートゼロ</t>
  </si>
  <si>
    <t>600g</t>
  </si>
  <si>
    <t>光商</t>
  </si>
  <si>
    <t>ｺｳｼｮｳ</t>
  </si>
  <si>
    <t>パルスイートカロリーゼロ液体</t>
  </si>
  <si>
    <t>350g</t>
  </si>
  <si>
    <t>味の素</t>
  </si>
  <si>
    <t>パルスイートビオリゴボトル</t>
  </si>
  <si>
    <t>ビオリゴ</t>
  </si>
  <si>
    <t>パルスイート液体タイプボトル</t>
  </si>
  <si>
    <t>テイカロリーノンシュガー</t>
  </si>
  <si>
    <t>340g</t>
  </si>
  <si>
    <t>キユーピー</t>
  </si>
  <si>
    <t>ｷｭｰﾋﾟｰ</t>
  </si>
  <si>
    <t>麦芽糖みずあめ</t>
  </si>
  <si>
    <t>255g</t>
  </si>
  <si>
    <t>ソントン</t>
  </si>
  <si>
    <t>新砂糖</t>
  </si>
  <si>
    <t>90g</t>
  </si>
  <si>
    <t>三幸</t>
  </si>
  <si>
    <t>ｻﾝｺｳ</t>
  </si>
  <si>
    <t>ラカントSシロップ280g</t>
  </si>
  <si>
    <t>280g</t>
  </si>
  <si>
    <t>サラヤ</t>
  </si>
  <si>
    <t>ｻﾗﾔ</t>
  </si>
  <si>
    <t>ラカントS液状</t>
  </si>
  <si>
    <t>280ｇ</t>
  </si>
  <si>
    <t>ラカントSシロップ</t>
  </si>
  <si>
    <t>Sシロップ</t>
  </si>
  <si>
    <t>シュガーカット</t>
  </si>
  <si>
    <t>浅田飴</t>
  </si>
  <si>
    <t>ｱｻﾀﾞｱﾒ</t>
  </si>
  <si>
    <t>ナチュレS</t>
  </si>
  <si>
    <t>浅田飴シュガーカットS</t>
  </si>
  <si>
    <t>450g</t>
  </si>
  <si>
    <t>ｶﾛﾘｰｺﾝﾄﾛｰﾙｼﾛｯﾌﾟ</t>
  </si>
  <si>
    <t>梅屋ハネー</t>
  </si>
  <si>
    <t>ｳﾒﾔﾊﾈｰ</t>
  </si>
  <si>
    <t>カロリースラット</t>
  </si>
  <si>
    <t>マルミ</t>
  </si>
  <si>
    <t>ﾏﾙﾐ</t>
  </si>
  <si>
    <t>大象ジャパン　水あめ</t>
  </si>
  <si>
    <t>1.2L</t>
  </si>
  <si>
    <t>大象ジャパン</t>
  </si>
  <si>
    <t>ﾃﾞｻﾝｼﾞｬﾊﾟﾝ</t>
  </si>
  <si>
    <t>粉末</t>
  </si>
  <si>
    <t>キシリトール</t>
  </si>
  <si>
    <t>湘和</t>
  </si>
  <si>
    <t>ｼｮｳﾜ</t>
  </si>
  <si>
    <t>光商　スイートスリム　ゼロ</t>
  </si>
  <si>
    <t>スリムアップシュガー</t>
  </si>
  <si>
    <t>85g</t>
  </si>
  <si>
    <t>パルスィートカロリーゼロ</t>
  </si>
  <si>
    <t>パルスイート</t>
  </si>
  <si>
    <t>50ｇ</t>
  </si>
  <si>
    <t>パルスィート袋</t>
  </si>
  <si>
    <t>120g</t>
  </si>
  <si>
    <t>パルスィート袋入り</t>
  </si>
  <si>
    <t>140g</t>
  </si>
  <si>
    <t>カロリーゼロ</t>
  </si>
  <si>
    <t>80g</t>
  </si>
  <si>
    <t>スプーン印すこしですむさとう１／４</t>
  </si>
  <si>
    <t>ｽﾋﾟｰﾝ</t>
  </si>
  <si>
    <t>ダイエットプラン_カロリー０</t>
  </si>
  <si>
    <t>サッカリン</t>
  </si>
  <si>
    <t>7g</t>
  </si>
  <si>
    <t>ラカントＳ顆粒</t>
  </si>
  <si>
    <t>132g</t>
  </si>
  <si>
    <t>ラカントＳ　顆粒</t>
  </si>
  <si>
    <t>ラカントS顆粒</t>
  </si>
  <si>
    <t>130g</t>
  </si>
  <si>
    <t>580g</t>
  </si>
  <si>
    <t>ﾗｶﾝﾄ</t>
  </si>
  <si>
    <t>使い切り</t>
  </si>
  <si>
    <t>パールトレハ</t>
  </si>
  <si>
    <t>3g×25P</t>
  </si>
  <si>
    <t>パールエース　ゼロカロリー甘味料ステビア</t>
  </si>
  <si>
    <t>1.8g×30</t>
  </si>
  <si>
    <t>ガムシロップ</t>
  </si>
  <si>
    <t>12g×20P</t>
  </si>
  <si>
    <t>ＳＵＮ_ＩＫＫＩ</t>
  </si>
  <si>
    <t>SUNIKKI</t>
  </si>
  <si>
    <t>1.8g×30P</t>
  </si>
  <si>
    <t>スリムアップシュガーシロップ</t>
  </si>
  <si>
    <t>7g×16</t>
  </si>
  <si>
    <t>パルスィートスティック</t>
  </si>
  <si>
    <t>1.2g×60P</t>
  </si>
  <si>
    <t>パルスイートカロリーゼロポーション15個入</t>
  </si>
  <si>
    <t>105g</t>
  </si>
  <si>
    <t>パルスイートスリムアップシュガー</t>
  </si>
  <si>
    <t>160g</t>
  </si>
  <si>
    <t>パルスィート_スティック</t>
  </si>
  <si>
    <t>60p</t>
  </si>
  <si>
    <t>パールトレハ　３ｇ×２５</t>
  </si>
  <si>
    <t>3g×25</t>
  </si>
  <si>
    <t>パールボー　６ｇ×２５</t>
  </si>
  <si>
    <t>6g×25</t>
  </si>
  <si>
    <t>パールボー　３ｇ×１００</t>
  </si>
  <si>
    <t>3g×100</t>
  </si>
  <si>
    <t>パールボー　６ｇ×１００</t>
  </si>
  <si>
    <t>6g×100</t>
  </si>
  <si>
    <t>スプーン印パラチニットダイエット</t>
  </si>
  <si>
    <t>1.2g×20</t>
  </si>
  <si>
    <t>パラチニットスイート</t>
  </si>
  <si>
    <t>1.2g×20P</t>
  </si>
  <si>
    <t>すこしですむさとう</t>
  </si>
  <si>
    <t>1.2g×30</t>
  </si>
  <si>
    <t>スプーン印カロリーゼロスティック</t>
  </si>
  <si>
    <t>バラ印ダイエットシュガー１／５</t>
  </si>
  <si>
    <t>2g×30</t>
  </si>
  <si>
    <t>7g×3P</t>
  </si>
  <si>
    <t>つけもと</t>
  </si>
  <si>
    <t>ﾂｹﾓﾄ</t>
  </si>
  <si>
    <t>ラカント顆粒</t>
  </si>
  <si>
    <t>4g×15</t>
  </si>
  <si>
    <t>ラカントホワイト</t>
  </si>
  <si>
    <t>3g×30</t>
  </si>
  <si>
    <t>シュガーカット顆粒</t>
  </si>
  <si>
    <t>オリゴ糖</t>
  </si>
  <si>
    <t>3個入セット</t>
  </si>
  <si>
    <t>オリゴ糖_2個セット</t>
  </si>
  <si>
    <t>1kg*2</t>
  </si>
  <si>
    <t>第一メタックス</t>
  </si>
  <si>
    <t>ﾀﾞｲｲﾁﾒﾀｯｸｽ</t>
  </si>
  <si>
    <t>ｱﾝｾﾞﾝｳﾝﾃﾝﾎ</t>
  </si>
  <si>
    <t>整オリゴ食物繊維</t>
  </si>
  <si>
    <t>すっきりオリゴ糖</t>
  </si>
  <si>
    <t>正栄</t>
  </si>
  <si>
    <t>イソマルトオリゴ糖ポリ</t>
  </si>
  <si>
    <t>ｳﾒﾔﾊﾈ-</t>
  </si>
  <si>
    <t>イソマルトオリゴ糖</t>
  </si>
  <si>
    <t>1000ml</t>
  </si>
  <si>
    <t>付加価値</t>
  </si>
  <si>
    <t>北海道てんさいオリゴ</t>
  </si>
  <si>
    <t>加藤美蜂園本舗</t>
  </si>
  <si>
    <t>ｻｸﾗﾊﾁﾐﾂ</t>
  </si>
  <si>
    <t>てんさいオリゴ</t>
  </si>
  <si>
    <t>ｶﾄｳﾋﾞﾎｳｴﾝ</t>
  </si>
  <si>
    <t>335g</t>
  </si>
  <si>
    <t>北海道てんさいオリゴ黒</t>
  </si>
  <si>
    <t>960ｇ</t>
  </si>
  <si>
    <t>オリゴタイム</t>
  </si>
  <si>
    <t>320g</t>
  </si>
  <si>
    <t>昭和産業</t>
  </si>
  <si>
    <t>ｼｮｳﾜｻﾝｷﾞｮｳ</t>
  </si>
  <si>
    <t>550g</t>
  </si>
  <si>
    <t>ととのえオリゴ乳酸菌</t>
  </si>
  <si>
    <t>850g</t>
  </si>
  <si>
    <t>沖縄・奄美おきびオリゴ糖</t>
  </si>
  <si>
    <t>沖縄・奄美のきびオリゴ</t>
  </si>
  <si>
    <t>800g</t>
  </si>
  <si>
    <t>十勝大地のオリゴ</t>
  </si>
  <si>
    <t>ミントハウス</t>
  </si>
  <si>
    <t>ﾐﾝﾄﾊｳｽ</t>
  </si>
  <si>
    <t>北海道てんさい金のオリゴ</t>
  </si>
  <si>
    <t>カロリー60%OFFオリゴ</t>
  </si>
  <si>
    <t>成分付与</t>
  </si>
  <si>
    <t>オリゴのおかげ</t>
  </si>
  <si>
    <t>オリゴのおかげポーション</t>
  </si>
  <si>
    <t>13g×10</t>
  </si>
  <si>
    <t>オリゴのおかげミニボトル</t>
  </si>
  <si>
    <t>650g</t>
  </si>
  <si>
    <t>オリゴスティック</t>
  </si>
  <si>
    <t>35g</t>
  </si>
  <si>
    <t>パールエース　オリゴスティック</t>
  </si>
  <si>
    <t>5g×21</t>
  </si>
  <si>
    <t>食物繊維入りオリゴ糖</t>
  </si>
  <si>
    <t>希少糖プラスオリゴ糖シロップ</t>
  </si>
  <si>
    <t>徳島産業</t>
  </si>
  <si>
    <t>ﾄｸｼﾏｻﾝｷﾞｮｳ</t>
  </si>
  <si>
    <t>オリゴ糖シロップビタミンＣ</t>
  </si>
  <si>
    <t>ﾊﾁﾉｽ</t>
  </si>
  <si>
    <t>立花養蜂</t>
  </si>
  <si>
    <t>ﾀﾁﾊﾞﾅﾖｳﾎｳ</t>
  </si>
  <si>
    <t>オリゴ糖入青リンゴドリンク</t>
  </si>
  <si>
    <t>180ml</t>
  </si>
  <si>
    <t>サンエス</t>
  </si>
  <si>
    <t>ﾘﾊﾞﾃｨ</t>
  </si>
  <si>
    <t>オリゴ糖入オレンジドリンク</t>
  </si>
  <si>
    <t>オリゴ糖入スポーツパワー</t>
  </si>
  <si>
    <t>固形</t>
  </si>
  <si>
    <t>やわらかい黒糖</t>
  </si>
  <si>
    <t>兼久農産物加工組合</t>
  </si>
  <si>
    <t>ｶﾈﾋｻﾉｳｻﾝ</t>
  </si>
  <si>
    <t>大自然　太陽の黒砂糖固形</t>
  </si>
  <si>
    <t>大自然</t>
  </si>
  <si>
    <t>ﾀﾞｲｼｾﾞﾝ</t>
  </si>
  <si>
    <t>黒糖</t>
  </si>
  <si>
    <t>ｺﾏﾁ</t>
  </si>
  <si>
    <t>黒糖ブロック</t>
  </si>
  <si>
    <t>津梁</t>
  </si>
  <si>
    <t>ｼﾝﾘｮｳ</t>
  </si>
  <si>
    <t>かちわり黒糖</t>
  </si>
  <si>
    <t>むちむち黒糖</t>
  </si>
  <si>
    <t>板黒糖</t>
  </si>
  <si>
    <t>固形黒砂糖</t>
  </si>
  <si>
    <t>薩南製糖</t>
  </si>
  <si>
    <t>ｻﾂﾅﾝｾｲﾄｳ</t>
  </si>
  <si>
    <t>薩南製糖　加工黒砂糖</t>
  </si>
  <si>
    <t>黒砂糖（かち割タイプ）</t>
  </si>
  <si>
    <t>180g</t>
  </si>
  <si>
    <t>トマトコーポレーション</t>
  </si>
  <si>
    <t>ﾄﾏﾄCP</t>
  </si>
  <si>
    <t>太陽の黒糖　固形</t>
  </si>
  <si>
    <t>旭食品</t>
  </si>
  <si>
    <t>ｱｻﾋｼｮｸﾋﾝ</t>
  </si>
  <si>
    <t>加工黒砂糖</t>
  </si>
  <si>
    <t>加藤産業</t>
  </si>
  <si>
    <t>ｶﾄｳｻﾝｷﾞｮｳ</t>
  </si>
  <si>
    <t>こつぶっこちゃん黒糖</t>
  </si>
  <si>
    <t>100g</t>
  </si>
  <si>
    <t>ｶﾝﾋﾟ-</t>
  </si>
  <si>
    <t>タキグロクロザトウ</t>
  </si>
  <si>
    <t>日新カップ</t>
  </si>
  <si>
    <t>ﾆｯｼﾝｶｯﾌﾟ</t>
  </si>
  <si>
    <t>沖縄黒砂糖</t>
  </si>
  <si>
    <t>やんばる糖</t>
  </si>
  <si>
    <t>幻の塩黒糖</t>
  </si>
  <si>
    <t>通宝海苔</t>
  </si>
  <si>
    <t>ﾂｳﾎｳﾉﾘ</t>
  </si>
  <si>
    <t>タカイ</t>
  </si>
  <si>
    <t>ﾀｶｲ</t>
  </si>
  <si>
    <t>黒砂糖ブロック</t>
  </si>
  <si>
    <t>おきなわのお砂糖</t>
  </si>
  <si>
    <t>北部製糖</t>
  </si>
  <si>
    <t>ﾎｸﾌﾞｾｲﾄｳ</t>
  </si>
  <si>
    <t>沖縄特産加工黒糖みやらび</t>
  </si>
  <si>
    <t>大地の恵み黒砂糖</t>
  </si>
  <si>
    <t>宮崎商店</t>
  </si>
  <si>
    <t>ﾐﾔｻﾞｷｼｮｳﾃﾝ</t>
  </si>
  <si>
    <t>大地の恵み黒砂糖恋丸</t>
  </si>
  <si>
    <t>焚黒糖固形</t>
  </si>
  <si>
    <t>上野砂糖</t>
  </si>
  <si>
    <t>ｳｴﾉｻﾄｳ</t>
  </si>
  <si>
    <t>黒糖固形</t>
  </si>
  <si>
    <t>ｳｴﾉ</t>
  </si>
  <si>
    <t>こつぶ加工黒糖</t>
  </si>
  <si>
    <t>焚黒糖成形加工黒糖</t>
  </si>
  <si>
    <t>ベビー印黒っ子</t>
  </si>
  <si>
    <t>黒砂糖固形</t>
  </si>
  <si>
    <t>サメシマ</t>
  </si>
  <si>
    <t>ｻﾒｼﾏ</t>
  </si>
  <si>
    <t>黒砂糖　固形</t>
  </si>
  <si>
    <t>大和砂糖</t>
  </si>
  <si>
    <t>ﾀﾞｲﾜ</t>
  </si>
  <si>
    <t>むち黒糖</t>
  </si>
  <si>
    <t>永久屋</t>
  </si>
  <si>
    <t>ﾅｶﾞﾋｻﾔ</t>
  </si>
  <si>
    <t>平瀬製菓</t>
  </si>
  <si>
    <t>ﾋﾗｾｾｲｶ</t>
  </si>
  <si>
    <t>琉球黒糖黒糖</t>
  </si>
  <si>
    <t>55g</t>
  </si>
  <si>
    <t>琉球黒糖</t>
  </si>
  <si>
    <t>ﾘｭｳｷｭｳ</t>
  </si>
  <si>
    <t>琉球黒糖黒酢</t>
  </si>
  <si>
    <t>50g</t>
  </si>
  <si>
    <t>琉球黒糖黒胡麻黒酢</t>
  </si>
  <si>
    <t>45g</t>
  </si>
  <si>
    <t>琉球黒糖ミント</t>
  </si>
  <si>
    <t>53g</t>
  </si>
  <si>
    <t>琉球黒糖ブルーベリー</t>
  </si>
  <si>
    <t>47g</t>
  </si>
  <si>
    <t>大自然　太陽の黒砂糖粉</t>
  </si>
  <si>
    <t>粉黒糖</t>
  </si>
  <si>
    <t>黒砂糖粉末</t>
  </si>
  <si>
    <t>ﾄﾏﾄCorp</t>
  </si>
  <si>
    <t>黒砂糖粉状</t>
  </si>
  <si>
    <t>ﾄﾏﾄｺｰﾎﾟ</t>
  </si>
  <si>
    <t>ﾄﾏﾄｺﾎﾟﾚｼｮﾝ</t>
  </si>
  <si>
    <t>太陽の黒糖　粉</t>
  </si>
  <si>
    <t>太陽の黒糖粉</t>
  </si>
  <si>
    <t>料理人_粉末加工黒砂糖_450g</t>
  </si>
  <si>
    <t>ﾘｮｳﾘﾆﾝ</t>
  </si>
  <si>
    <t>やんばる糖粉末</t>
  </si>
  <si>
    <t>沖縄粉末黒砂糖</t>
  </si>
  <si>
    <t>粉末黒糖</t>
  </si>
  <si>
    <t>焚黒黒砂糖</t>
  </si>
  <si>
    <t>波照間産黒糖　粉末</t>
  </si>
  <si>
    <t>粉末黒砂糖加工黒糖</t>
  </si>
  <si>
    <t>宮古島ふんわりさとうきび糖</t>
  </si>
  <si>
    <t>黒糖本舗垣乃花</t>
  </si>
  <si>
    <t>ｺｸﾄｳﾎﾝﾎﾟ</t>
  </si>
  <si>
    <t>きのこ総合センター</t>
  </si>
  <si>
    <t>ｷﾉｺS</t>
  </si>
  <si>
    <t>焚黒糖粉状</t>
  </si>
  <si>
    <t>焚黒糖粉末加工黒糖</t>
  </si>
  <si>
    <t>黒砂糖　粉末</t>
  </si>
  <si>
    <t>黒糖粉末</t>
  </si>
  <si>
    <t>黒砂糖顆粒スティック</t>
  </si>
  <si>
    <t>5g×24</t>
  </si>
  <si>
    <t>大東製糖</t>
  </si>
  <si>
    <t>ﾀﾞｲﾄｳｾｲﾄｳ</t>
  </si>
  <si>
    <t>森田商店</t>
  </si>
  <si>
    <t>ﾓﾘﾀ</t>
  </si>
  <si>
    <t>黒糖粉</t>
  </si>
  <si>
    <t>純黒糖</t>
  </si>
  <si>
    <t>喜界島黒糖さとうきび１００％</t>
  </si>
  <si>
    <t>サンエー２１</t>
  </si>
  <si>
    <t>奄美純黒糖</t>
  </si>
  <si>
    <t>230g</t>
  </si>
  <si>
    <t>奄美自然食本舗ファクトリー</t>
  </si>
  <si>
    <t>ｱﾏﾐｼｾﾞﾝｼｮｸ</t>
  </si>
  <si>
    <t>喜界島黒糖砂糖きび１００％</t>
  </si>
  <si>
    <t>佐野製糖</t>
  </si>
  <si>
    <t>ｻﾉｾｲﾄｳ</t>
  </si>
  <si>
    <t>太陽の黒糖固形</t>
  </si>
  <si>
    <t>波照間産黒糖　固形</t>
  </si>
  <si>
    <t>多良間島産黒糖</t>
  </si>
  <si>
    <t>宮古製糖</t>
  </si>
  <si>
    <t>ｹﾝｼｮｸｵｷﾅﾜ</t>
  </si>
  <si>
    <t>ヒラヤマ食品</t>
  </si>
  <si>
    <t>ﾋﾗﾔﾏ</t>
  </si>
  <si>
    <t>沖縄産黒糖</t>
  </si>
  <si>
    <t>屋比久黒糖</t>
  </si>
  <si>
    <t>ﾔﾋｸ</t>
  </si>
  <si>
    <t>黒糖波照間産</t>
  </si>
  <si>
    <t>仲宗根食品</t>
  </si>
  <si>
    <t>ﾅｶｿﾈｼｮｸﾋﾝ</t>
  </si>
  <si>
    <t>沖縄純黒糖波照間産</t>
  </si>
  <si>
    <t>ゆうな物産</t>
  </si>
  <si>
    <t>ﾕｳﾅﾌﾞｯｻﾝ</t>
  </si>
  <si>
    <t>金城黒糖　波照間産黒糖　２００ｇ</t>
  </si>
  <si>
    <t>200G</t>
  </si>
  <si>
    <t>金城黒糖</t>
  </si>
  <si>
    <t>ｷﾝｼﾞｮｳｺｸﾄｳ</t>
  </si>
  <si>
    <t>沖縄宮古産_純黒糖</t>
  </si>
  <si>
    <t>三幸食品</t>
  </si>
  <si>
    <t>ｻﾝｺｳｼｮｸﾋﾝ</t>
  </si>
  <si>
    <t>からだプランひとくちセサミン黒蜜きなこ</t>
  </si>
  <si>
    <t>MDホールディングス</t>
  </si>
  <si>
    <t>MDﾎｰﾙﾃﾞｨﾝｸ</t>
  </si>
  <si>
    <t>ブラウンシュガー</t>
  </si>
  <si>
    <t>きび糖</t>
  </si>
  <si>
    <t>カップ印きび砂糖4個セット</t>
  </si>
  <si>
    <t>4個入セット</t>
  </si>
  <si>
    <t>カップ印きび砂糖3個セットカップ印きび砂糖_3個セット</t>
  </si>
  <si>
    <t>3個セット</t>
  </si>
  <si>
    <t>大東_素焚糖_６００ｇ_3個ｾｯﾄ</t>
  </si>
  <si>
    <t>600g*3</t>
  </si>
  <si>
    <t>大東_素焚糖２個セット</t>
  </si>
  <si>
    <t>600g*2</t>
  </si>
  <si>
    <t>黒ザラメ</t>
  </si>
  <si>
    <t>島の鉄人</t>
  </si>
  <si>
    <t>釜焚島砂糖</t>
  </si>
  <si>
    <t>スリムアップキビサトウＳＴ</t>
  </si>
  <si>
    <t>40p</t>
  </si>
  <si>
    <t>料理人_種子島産さとうきび糖450G</t>
  </si>
  <si>
    <t>さとうきび</t>
  </si>
  <si>
    <t>創健社</t>
  </si>
  <si>
    <t>ｿｳｹﾝｼｬ</t>
  </si>
  <si>
    <t>フンマツタマザトウ</t>
  </si>
  <si>
    <t>沖縄の恵み糖</t>
  </si>
  <si>
    <t>本きび赤糖</t>
  </si>
  <si>
    <t>750g</t>
  </si>
  <si>
    <t>国産さとうきび糖</t>
  </si>
  <si>
    <t>石垣島のおいしいお砂糖</t>
  </si>
  <si>
    <t>ﾃﾞｨｰｴﾑﾐﾂｲｾ</t>
  </si>
  <si>
    <t>さとうきび一番糖</t>
  </si>
  <si>
    <t>カップ印きび砂糖</t>
  </si>
  <si>
    <t>ｳｪﾙﾈｵｼｭｶﾞｰ</t>
  </si>
  <si>
    <t>きび砂糖ペットシュガース</t>
  </si>
  <si>
    <t>5g×20P</t>
  </si>
  <si>
    <t>カップ　沖縄のお砂糖</t>
  </si>
  <si>
    <t>日新_ﾌﾟﾚﾐｱﾑきび砂糖_400G</t>
  </si>
  <si>
    <t>島ザラメ</t>
  </si>
  <si>
    <t>国産花見糖</t>
  </si>
  <si>
    <t>第一糖業</t>
  </si>
  <si>
    <t>ﾀﾞｲｲﾁﾄｳｷﾞｮ</t>
  </si>
  <si>
    <t>きびあじ</t>
  </si>
  <si>
    <t>和砂糖</t>
  </si>
  <si>
    <t>大東　赤糖</t>
  </si>
  <si>
    <t>300ｇ</t>
  </si>
  <si>
    <t>ﾀﾞｲﾄｳ</t>
  </si>
  <si>
    <t>素焚糖</t>
  </si>
  <si>
    <t>てんさい糖</t>
  </si>
  <si>
    <t>北の大地の贈り物砂糖</t>
  </si>
  <si>
    <t>ミヨシ</t>
  </si>
  <si>
    <t>ﾐﾖｼ</t>
  </si>
  <si>
    <t>国産てんさい糖</t>
  </si>
  <si>
    <t>ビート含蜜糖</t>
  </si>
  <si>
    <t>ﾆﾎﾝﾃﾝｻｲｻｲﾄ</t>
  </si>
  <si>
    <t>ビート糖顆粒</t>
  </si>
  <si>
    <t>山口製糖</t>
  </si>
  <si>
    <t>ﾔﾏｸﾞﾁｾｲﾄｳ</t>
  </si>
  <si>
    <t>ビート糖粉末</t>
  </si>
  <si>
    <t>ホクレン農業協同組合連合会</t>
  </si>
  <si>
    <t>ﾎｸﾚﾝ</t>
  </si>
  <si>
    <t>てんさいのお砂糖</t>
  </si>
  <si>
    <t>その他</t>
  </si>
  <si>
    <t>ベギャンセペルーシュキューブブラウン</t>
  </si>
  <si>
    <t>アルカン</t>
  </si>
  <si>
    <t>ｱﾙｶﾝ</t>
  </si>
  <si>
    <t>有機ココナッツシュガー</t>
  </si>
  <si>
    <t>ブラウンシュガー１ＳＴ</t>
  </si>
  <si>
    <t>ﾌﾞﾗｳﾝｼｭｶﾞｰ</t>
  </si>
  <si>
    <t>和三蜜糖</t>
  </si>
  <si>
    <t>220ｇ</t>
  </si>
  <si>
    <t>ﾄﾜﾔ</t>
  </si>
  <si>
    <t>高付加価値・高機能</t>
  </si>
  <si>
    <t>高付加価値・高機能その他</t>
  </si>
  <si>
    <t>パールエース　脳に速効ぶどう糖</t>
  </si>
  <si>
    <t>5g×15</t>
  </si>
  <si>
    <t>脳に速効ぶどう糖15P</t>
  </si>
  <si>
    <t>いつでもどこでもぶどう糖</t>
  </si>
  <si>
    <t>5g×15P</t>
  </si>
  <si>
    <t>九州じまんあまみ糖</t>
  </si>
  <si>
    <t>ｻﾝｴｰ21</t>
  </si>
  <si>
    <t>有機アガベシロップ</t>
  </si>
  <si>
    <t>570g</t>
  </si>
  <si>
    <t>三宗貿易（同）</t>
  </si>
  <si>
    <t>ｻﾝｿｳﾎﾞｳｴｷ</t>
  </si>
  <si>
    <t>レアシュガースウィート</t>
  </si>
  <si>
    <t>２７０ｇ</t>
  </si>
  <si>
    <t>ﾚｱｽｳｲ-ﾄ</t>
  </si>
  <si>
    <t>北海道てんさい糖蜜</t>
  </si>
  <si>
    <t>スローカロリーシュガー</t>
  </si>
  <si>
    <t>果糖</t>
  </si>
  <si>
    <t>カップ印カルシウム糖</t>
  </si>
  <si>
    <t>日新製糖かたまらない粉糖</t>
  </si>
  <si>
    <t>松谷化学工業</t>
  </si>
  <si>
    <t>ﾏﾂﾔｶｶﾞｸ</t>
  </si>
  <si>
    <t>玉砂糖</t>
  </si>
  <si>
    <t>ﾐﾔｻﾞｷｾｲﾄｳ</t>
  </si>
  <si>
    <t>ぶどう糖１００</t>
  </si>
  <si>
    <t>ぶどう糖ステック　６ｇ×３０P</t>
  </si>
  <si>
    <t>6g×30</t>
  </si>
  <si>
    <t>三井食品</t>
  </si>
  <si>
    <t>ﾊｰﾄﾌﾙﾊﾞﾀｹ</t>
  </si>
  <si>
    <t>赤糖</t>
  </si>
  <si>
    <t>黒砂糖ひとくち小粒</t>
  </si>
  <si>
    <t>からだにやさしいお砂糖</t>
  </si>
  <si>
    <t>イデア有機アガベシロップGOLD</t>
  </si>
  <si>
    <t>330g</t>
  </si>
  <si>
    <t>カワウ</t>
  </si>
  <si>
    <t>ｶﾜｳ</t>
  </si>
  <si>
    <t>季節・特定用途</t>
  </si>
  <si>
    <t>氷砂糖</t>
  </si>
  <si>
    <t>氷砂糖クリスタル</t>
  </si>
  <si>
    <t>鳳氷糖</t>
  </si>
  <si>
    <t>ｵｵﾄﾘﾋｮｳﾄｳ</t>
  </si>
  <si>
    <t>国産氷砂糖</t>
  </si>
  <si>
    <t>大容量(1kg以下)</t>
  </si>
  <si>
    <t>氷砂糖2個セット</t>
  </si>
  <si>
    <t>2個入セット</t>
  </si>
  <si>
    <t>氷砂糖3個セット</t>
  </si>
  <si>
    <t>2個セット</t>
  </si>
  <si>
    <t>ﾅｶﾆﾎﾝ</t>
  </si>
  <si>
    <t>氷砂糖ロック</t>
  </si>
  <si>
    <t>メイホウ食品</t>
  </si>
  <si>
    <t>ﾌｸﾂﾞﾁ</t>
  </si>
  <si>
    <t>スプーン印氷砂糖</t>
  </si>
  <si>
    <t>ﾃﾞｨｰｴﾑﾐﾂｲ</t>
  </si>
  <si>
    <t>スペシャルシュガー白双糖</t>
  </si>
  <si>
    <t>白ザラ糖</t>
  </si>
  <si>
    <t>日新_氷砂糖_ﾛｯｸ_1KG</t>
  </si>
  <si>
    <t>ﾆｯｼﾝｾﾄｳ</t>
  </si>
  <si>
    <t>果実酒用氷砂糖ロック</t>
  </si>
  <si>
    <t>中日本氷糖</t>
  </si>
  <si>
    <t>ﾅｶﾆﾎﾝﾋｮｳﾄｳ</t>
  </si>
  <si>
    <t>ギフト</t>
  </si>
  <si>
    <t>ギフトその他</t>
  </si>
  <si>
    <t>砂糖箱　１０ＫＧ</t>
  </si>
  <si>
    <t>10kg</t>
  </si>
  <si>
    <t>砂糖ギフト２ｋｇ</t>
  </si>
  <si>
    <t>2kg</t>
  </si>
  <si>
    <t>砂糖化粧箱　祝</t>
  </si>
  <si>
    <t>3kg</t>
  </si>
  <si>
    <t>4kg</t>
  </si>
  <si>
    <t>5kg</t>
  </si>
  <si>
    <t>サトウ箱</t>
  </si>
  <si>
    <t>砂糖化粧箱　仏事</t>
  </si>
  <si>
    <t>砂糖ギフト５ｋｇ仏</t>
  </si>
  <si>
    <t>砂糖化粧箱祝儀用</t>
  </si>
  <si>
    <t>3000g</t>
  </si>
  <si>
    <t>4000g</t>
  </si>
  <si>
    <t>5000g</t>
  </si>
  <si>
    <t>砂糖化粧箱仏用用</t>
  </si>
  <si>
    <t>料理用</t>
  </si>
  <si>
    <t>お菓子用</t>
  </si>
  <si>
    <t>シュクレーヌ</t>
  </si>
  <si>
    <t>ホームメイドノンウエットシュガー</t>
  </si>
  <si>
    <t>粉砂糖</t>
  </si>
  <si>
    <t>フントウ</t>
  </si>
  <si>
    <t>阿波和三盆糖</t>
  </si>
  <si>
    <t>野田ハニー食品工業</t>
  </si>
  <si>
    <t>ﾉﾀﾞﾊﾆ-</t>
  </si>
  <si>
    <t>その他メニュー</t>
  </si>
  <si>
    <t>フロストシュガ-スタンドパック</t>
  </si>
  <si>
    <t>カツプヨーグルト用のお砂糖8G*10</t>
  </si>
  <si>
    <t>8g×10P</t>
  </si>
  <si>
    <t>和三蜜糖　</t>
  </si>
  <si>
    <t>塩</t>
  </si>
  <si>
    <t>うま味調味料</t>
  </si>
  <si>
    <t>小容量（-69g）</t>
  </si>
  <si>
    <t>味の素　味の素瓶</t>
  </si>
  <si>
    <t>春夏</t>
  </si>
  <si>
    <t>味の素　ハイミー</t>
  </si>
  <si>
    <t>40g</t>
  </si>
  <si>
    <t>味の素赤袋</t>
  </si>
  <si>
    <t>60g</t>
  </si>
  <si>
    <t>味の素　瓶</t>
  </si>
  <si>
    <t>35ｇ</t>
  </si>
  <si>
    <t>味の素カレンダータイプ</t>
  </si>
  <si>
    <t>30g</t>
  </si>
  <si>
    <t>ノンブランド</t>
  </si>
  <si>
    <t>いの一番</t>
  </si>
  <si>
    <t>ＭＣフードスペシャリティーズ</t>
  </si>
  <si>
    <t>MCﾌｰﾄﾞ</t>
  </si>
  <si>
    <t>阿諏訪の出汁スパイス箔</t>
  </si>
  <si>
    <t>ｱﾙｺ＆ﾌｰﾄﾞ</t>
  </si>
  <si>
    <t>うま味だしハイミー</t>
  </si>
  <si>
    <t>65g</t>
  </si>
  <si>
    <t>イノイチバン</t>
  </si>
  <si>
    <t>武田薬品工業</t>
  </si>
  <si>
    <t>ﾀｹﾀﾞ</t>
  </si>
  <si>
    <t>中容量（70g-199g）</t>
  </si>
  <si>
    <t>アジパンダ瓶</t>
  </si>
  <si>
    <t>味の素ワンピース瓶</t>
  </si>
  <si>
    <t>ナンスイ</t>
  </si>
  <si>
    <t>味の素アジパンダ瓶第2弾</t>
  </si>
  <si>
    <t>味の素アジパンダ瓶第3弾</t>
  </si>
  <si>
    <t>75g</t>
  </si>
  <si>
    <t>味の素青袋</t>
  </si>
  <si>
    <t>味の素グリーン袋</t>
  </si>
  <si>
    <t>ココイチうま塩カレースパイス</t>
  </si>
  <si>
    <t>ダイショー</t>
  </si>
  <si>
    <t>ﾀﾞｲｼｮｰ</t>
  </si>
  <si>
    <t>ハイミー調理瓶</t>
  </si>
  <si>
    <t>大丸の韓国のりトリュフ塩</t>
  </si>
  <si>
    <t>10切50枚</t>
  </si>
  <si>
    <t>大丸商事</t>
  </si>
  <si>
    <t>ﾀﾞｲﾏﾙｮｳｼﾞ</t>
  </si>
  <si>
    <t>天空の鏡ウユニの塩</t>
  </si>
  <si>
    <t>ＯＲＧＡＮＩＣ_ＨＯＵＳＥ</t>
  </si>
  <si>
    <t>ORGANICHOU</t>
  </si>
  <si>
    <t>ハイミー７０ｇ</t>
  </si>
  <si>
    <t>ハイミー１００ｇ</t>
  </si>
  <si>
    <t>ローカルブランド</t>
  </si>
  <si>
    <t>真鯛のだし塩</t>
  </si>
  <si>
    <t>ｻﾝｶｸﾔｽｲｻﾝ</t>
  </si>
  <si>
    <t>あごのだし塩</t>
  </si>
  <si>
    <t>のどぐろだし塩</t>
  </si>
  <si>
    <t>居酒屋金ちゃんの鬼旨くなる白い粉</t>
  </si>
  <si>
    <t>ヤマサ_フレーブ</t>
  </si>
  <si>
    <t>ヤマサ醤油</t>
  </si>
  <si>
    <t>ﾔﾏｻ</t>
  </si>
  <si>
    <t>大容量（200g-）</t>
  </si>
  <si>
    <t>アジノモトギョウムヨウ</t>
  </si>
  <si>
    <t>味の素オレンジ</t>
  </si>
  <si>
    <t>味の素　味の素</t>
  </si>
  <si>
    <t>味の素缶</t>
  </si>
  <si>
    <t>500g×2P</t>
  </si>
  <si>
    <t>ハイミー２５０ｇ</t>
  </si>
  <si>
    <t>ハイミー</t>
  </si>
  <si>
    <t>うまみ調味料</t>
  </si>
  <si>
    <t>ソルトカンパニー</t>
  </si>
  <si>
    <t>ｷｭｳｼｭｳｿﾙﾄ</t>
  </si>
  <si>
    <t>うま味plusゴールド</t>
  </si>
  <si>
    <t>ｿﾙﾄｶﾝﾊﾟﾆ-ｱ</t>
  </si>
  <si>
    <t>旨味調味料古来</t>
  </si>
  <si>
    <t>シマヤ</t>
  </si>
  <si>
    <t>ｼﾏﾔ</t>
  </si>
  <si>
    <t>うま味調味料古来味</t>
  </si>
  <si>
    <t>旨味調味料古来ゴールド</t>
  </si>
  <si>
    <t>うまみ調味料古来味ハイゴールド</t>
  </si>
  <si>
    <t>ヤマサフレーブ</t>
  </si>
  <si>
    <t>ﾔﾏｻｼｮｳﾕ</t>
  </si>
  <si>
    <t>テーブルソルト</t>
  </si>
  <si>
    <t>こだわり</t>
  </si>
  <si>
    <t>黒トリュフソルト</t>
  </si>
  <si>
    <t>25g</t>
  </si>
  <si>
    <t>ジャパンソルト</t>
  </si>
  <si>
    <t>ｼﾞｬﾊﾟﾝｿﾙﾄ</t>
  </si>
  <si>
    <t>白トリュフソルト</t>
  </si>
  <si>
    <t>ピンク岩塩セラミックミル付</t>
  </si>
  <si>
    <t>ｿﾙﾄｶﾝﾊﾟﾆｰ</t>
  </si>
  <si>
    <t>ブラックペッパーWセラミックミル付</t>
  </si>
  <si>
    <t>調味塩</t>
  </si>
  <si>
    <t>ライム胡椒塩</t>
  </si>
  <si>
    <t>１００ｇ</t>
  </si>
  <si>
    <t>アイ・フィット工業</t>
  </si>
  <si>
    <t>ｱｲﾌｨｯﾄ</t>
  </si>
  <si>
    <t>青唐辛子塩</t>
  </si>
  <si>
    <t>爽やかハーブ塩</t>
  </si>
  <si>
    <t>トムヤム塩</t>
  </si>
  <si>
    <t>ピリ辛エビ塩</t>
  </si>
  <si>
    <t>ミル付き・ミル用塩</t>
  </si>
  <si>
    <t>ハーブソルト　ミル付き</t>
  </si>
  <si>
    <t>ウォーカーベイ</t>
  </si>
  <si>
    <t>ｳｫｰｶｰﾍﾞｲ</t>
  </si>
  <si>
    <t>シーソルトミル付</t>
  </si>
  <si>
    <t>ヒマラヤソルトミル付</t>
  </si>
  <si>
    <t>ブラックペッパーミル付</t>
  </si>
  <si>
    <t>ハーブソルトミル付き</t>
  </si>
  <si>
    <t>ｱｼｽﾄﾊﾞﾙｰﾙ</t>
  </si>
  <si>
    <t>プレミアムソルト</t>
  </si>
  <si>
    <t>ぬちマース常温瞬間結晶塩</t>
  </si>
  <si>
    <t>111g</t>
  </si>
  <si>
    <t>ぬちまーす</t>
  </si>
  <si>
    <t>ﾇﾁﾏ-ｽ</t>
  </si>
  <si>
    <t>黒にんにく塩藻塩タイプ</t>
  </si>
  <si>
    <t>自然共生</t>
  </si>
  <si>
    <t>ｼｾﾞﾝｷｮｳｾｲ</t>
  </si>
  <si>
    <t>黒にんにく塩粉雪タイプ</t>
  </si>
  <si>
    <t>浜田の海浜守の藻塩雪塩</t>
  </si>
  <si>
    <t>浜田ライフセービングクラブ</t>
  </si>
  <si>
    <t>ﾊﾏﾀﾞﾗｲﾌｾｰﾋ</t>
  </si>
  <si>
    <t>浜田の海浜守の雪塩荒塩</t>
  </si>
  <si>
    <t>ﾊﾏﾀﾞﾗｲﾌｾｰ</t>
  </si>
  <si>
    <t>浜田の海浜守の雪塩</t>
  </si>
  <si>
    <t>浜田の海浜守の荒塩</t>
  </si>
  <si>
    <t>ろく助の塩白塩</t>
  </si>
  <si>
    <t>東洋食品</t>
  </si>
  <si>
    <t>ﾄｳﾖｳｼｮｸﾋﾝ</t>
  </si>
  <si>
    <t>ろく助白塩</t>
  </si>
  <si>
    <t>ろく助塩中あら白塩</t>
  </si>
  <si>
    <t>イスラエル死海産湖塩</t>
  </si>
  <si>
    <t>マスコットフーズ</t>
  </si>
  <si>
    <t>ﾏｽｺｯﾄﾌｰｽﾞ</t>
  </si>
  <si>
    <t>ボリビア産岩塩</t>
  </si>
  <si>
    <t>トリュフソルト</t>
  </si>
  <si>
    <t>18g</t>
  </si>
  <si>
    <t>スモークシーソルト</t>
  </si>
  <si>
    <t>125g</t>
  </si>
  <si>
    <t>鈴商</t>
  </si>
  <si>
    <t>ｽｽﾞｼｮｳ</t>
  </si>
  <si>
    <t>マルドンシーソルト</t>
  </si>
  <si>
    <t>岩塩</t>
  </si>
  <si>
    <t>ヒマラヤ岩塩</t>
  </si>
  <si>
    <t>マルシンフーズ</t>
  </si>
  <si>
    <t>ﾏﾙｼﾝﾌ-ｽﾞ</t>
  </si>
  <si>
    <t>ピンクソルト岩塩パウダー</t>
  </si>
  <si>
    <t>ｿﾙﾄｶﾝﾊﾟﾆ-</t>
  </si>
  <si>
    <t>ピンク岩塩粗小粒タイプ</t>
  </si>
  <si>
    <t>ｿﾙﾄｶﾝﾊﾟﾆ</t>
  </si>
  <si>
    <t>ミル付きヒマラヤのピンク岩塩</t>
  </si>
  <si>
    <t>ﾄﾏﾄｺｰﾎﾟﾚｰｼ</t>
  </si>
  <si>
    <t>伯方の塩フルール・ド・セル</t>
  </si>
  <si>
    <t>伯方塩業</t>
  </si>
  <si>
    <t>ﾊｶﾀｴﾝｷﾞｮｳ</t>
  </si>
  <si>
    <t>用途・風味塩</t>
  </si>
  <si>
    <t>柚子香るだしの匠塩</t>
  </si>
  <si>
    <t>20g</t>
  </si>
  <si>
    <t>ハウス食品</t>
  </si>
  <si>
    <t>ﾊｳｽｼｮｸﾋﾝ</t>
  </si>
  <si>
    <t>金ごま七味香るだしの匠塩</t>
  </si>
  <si>
    <t>お茶の丸幸</t>
  </si>
  <si>
    <t>ﾊｷﾞﾉｼｮｸﾋﾝ</t>
  </si>
  <si>
    <t>おにぎり塩だし入</t>
  </si>
  <si>
    <t>ｷｲﾁﾛｳ</t>
  </si>
  <si>
    <t>肉塩だし入</t>
  </si>
  <si>
    <t>*</t>
  </si>
  <si>
    <t>****</t>
  </si>
  <si>
    <t>クレイジーペッパー</t>
  </si>
  <si>
    <t>71g</t>
  </si>
  <si>
    <t>日本緑茶センター</t>
  </si>
  <si>
    <t>ﾆﾎﾝﾘｮｸﾁｬC</t>
  </si>
  <si>
    <t>はぎの食品</t>
  </si>
  <si>
    <t>あごだし塩</t>
  </si>
  <si>
    <t>小容量（299g以下）</t>
  </si>
  <si>
    <t>ミル付き岩塩</t>
  </si>
  <si>
    <t>ヱスビー食品</t>
  </si>
  <si>
    <t>ｴｽﾋﾞ-ｼｮｸﾋﾝ</t>
  </si>
  <si>
    <t>ミル付き岩塩詰め替え用袋</t>
  </si>
  <si>
    <t>スマート岩塩</t>
  </si>
  <si>
    <t>23g</t>
  </si>
  <si>
    <t>イタリアの天日塩</t>
  </si>
  <si>
    <t>白松</t>
  </si>
  <si>
    <t>ﾊｸﾏﾂ</t>
  </si>
  <si>
    <t>浜御塩藻塩</t>
  </si>
  <si>
    <t>ロレーヌ岩塩</t>
  </si>
  <si>
    <t>ヒマラヤピンク岩塩</t>
  </si>
  <si>
    <t>海人の藻塩</t>
  </si>
  <si>
    <t>蒲刈物産</t>
  </si>
  <si>
    <t>ﾎｶﾘﾌﾞｯｻﾝ</t>
  </si>
  <si>
    <t>石垣の塩</t>
  </si>
  <si>
    <t>オーシャンカンパニー</t>
  </si>
  <si>
    <t>ﾄｳｺﾞｳﾎﾞｳｴｷ</t>
  </si>
  <si>
    <t>ヒマラヤ岩塩詰替</t>
  </si>
  <si>
    <t>丹羽久</t>
  </si>
  <si>
    <t>ﾆﾜｷｭｳ</t>
  </si>
  <si>
    <t>雪塩</t>
  </si>
  <si>
    <t>パラダイスプラン</t>
  </si>
  <si>
    <t>ﾊﾟﾗﾀﾞｲｽﾌﾟﾗ</t>
  </si>
  <si>
    <t>最進の塩</t>
  </si>
  <si>
    <t>ｻｲｼﾝﾉｼｵ</t>
  </si>
  <si>
    <t>ローズソルト</t>
  </si>
  <si>
    <t>エム・イーファクトリー</t>
  </si>
  <si>
    <t>ｴﾑｲｰﾌｧｸﾄﾘｰ</t>
  </si>
  <si>
    <t>和の豊塩焼塩</t>
  </si>
  <si>
    <t>日本海水</t>
  </si>
  <si>
    <t>ﾆﾎﾝｶｲｽｲ</t>
  </si>
  <si>
    <t>和の豊塩</t>
  </si>
  <si>
    <t>シチリアの食卓　２００ｇ</t>
  </si>
  <si>
    <t>ジュラシックソルト</t>
  </si>
  <si>
    <t>美ら海の塩</t>
  </si>
  <si>
    <t>和の藻塩　１２０ｇ</t>
  </si>
  <si>
    <t>クリスマス島_海の塩１００ｇ</t>
  </si>
  <si>
    <t>塩なび沖縄の青い海</t>
  </si>
  <si>
    <t>東京ソルト</t>
  </si>
  <si>
    <t>ﾄｳｷｮｳｿﾙﾄ</t>
  </si>
  <si>
    <t>ピンク岩塩</t>
  </si>
  <si>
    <t>110g</t>
  </si>
  <si>
    <t>イースートレーディング</t>
  </si>
  <si>
    <t>ｸﾘｴｲﾄ</t>
  </si>
  <si>
    <t>アンデスの紅塩</t>
  </si>
  <si>
    <t>富山資源開発</t>
  </si>
  <si>
    <t>ﾄﾐﾔﾏ</t>
  </si>
  <si>
    <t>宗谷の塩</t>
  </si>
  <si>
    <t>田上食品工業</t>
  </si>
  <si>
    <t>ﾀｶﾞﾐｼｮｸﾋﾝ</t>
  </si>
  <si>
    <t>塩田塩付け塩</t>
  </si>
  <si>
    <t>（同）にとん屋</t>
  </si>
  <si>
    <t>ﾕｰｴﾇｵｰ</t>
  </si>
  <si>
    <t>塩田塩</t>
  </si>
  <si>
    <t>天草の塩</t>
  </si>
  <si>
    <t>九電産業</t>
  </si>
  <si>
    <t>ｷｭｳﾃﾞﾝｻﾝｷﾞ</t>
  </si>
  <si>
    <t>ミル付き　岩塩</t>
  </si>
  <si>
    <t>セカンドライフ</t>
  </si>
  <si>
    <t>ｾｶﾝﾄﾞﾗｲﾌ</t>
  </si>
  <si>
    <t>鳴門の塩</t>
  </si>
  <si>
    <t>260g</t>
  </si>
  <si>
    <t>鳴門塩業</t>
  </si>
  <si>
    <t>ﾅﾙﾄｴﾝｷﾞｮｳ</t>
  </si>
  <si>
    <t>沖縄の海水塩青い海</t>
  </si>
  <si>
    <t>青い海</t>
  </si>
  <si>
    <t>ｱｵｲｳﾐ</t>
  </si>
  <si>
    <t>中容量（300g～999g）</t>
  </si>
  <si>
    <t>ロレーヌ岩塩スタンドパウチ</t>
  </si>
  <si>
    <t>岩塩細目ドイツ岩塩</t>
  </si>
  <si>
    <t>名エン</t>
  </si>
  <si>
    <t>ﾒｲｴﾝ</t>
  </si>
  <si>
    <t>蒙古の塩天外天塩</t>
  </si>
  <si>
    <t>ヒマラヤ岩塩ブロック</t>
  </si>
  <si>
    <t>ｻｲｼﾝ</t>
  </si>
  <si>
    <t>最進の塩スタンドパック</t>
  </si>
  <si>
    <t>チベット高原の塩</t>
  </si>
  <si>
    <t>鳥船スパイラル</t>
  </si>
  <si>
    <t>IBIS</t>
  </si>
  <si>
    <t>大和の塩</t>
  </si>
  <si>
    <t>塩屋天日結晶塩</t>
  </si>
  <si>
    <t>九州ソルト</t>
  </si>
  <si>
    <t>トマトヒマラヤのピンク岩塩スタンドP300g</t>
  </si>
  <si>
    <t>ﾄﾏﾄ</t>
  </si>
  <si>
    <t>鳴門のうず塩深炊き</t>
  </si>
  <si>
    <t>大塚食品</t>
  </si>
  <si>
    <t>ｵｵﾂｶｼｮｸﾋﾝ</t>
  </si>
  <si>
    <t>日本のさらさら塩</t>
  </si>
  <si>
    <t>料理人_日本のさらさら塩_300G</t>
  </si>
  <si>
    <t>マルニエンリッチ塩</t>
  </si>
  <si>
    <t>470g</t>
  </si>
  <si>
    <t>マルニ</t>
  </si>
  <si>
    <t>ﾏﾙﾆ</t>
  </si>
  <si>
    <t>長崎海塩海の極み</t>
  </si>
  <si>
    <t>菱塩</t>
  </si>
  <si>
    <t>ﾘｮｳｴﾝ</t>
  </si>
  <si>
    <t>沖縄海水塩</t>
  </si>
  <si>
    <t>赤穂あらなみ塩ピュアソルト</t>
  </si>
  <si>
    <t>赤穂あらなみ塩</t>
  </si>
  <si>
    <t>ｱｶﾎｱﾗﾅﾐ</t>
  </si>
  <si>
    <t>ｱｺｳｱﾗﾅﾐｼｵ</t>
  </si>
  <si>
    <t>ふわふわ料理塩</t>
  </si>
  <si>
    <t>錦海ソルト</t>
  </si>
  <si>
    <t>ｷﾝｶｲｿﾙﾄ</t>
  </si>
  <si>
    <t>大容量（1000ｇ以上）</t>
  </si>
  <si>
    <t>日本海水食塩</t>
  </si>
  <si>
    <t>岩塩（ドイツ産）</t>
  </si>
  <si>
    <t>フジソルト能登しお1kg</t>
  </si>
  <si>
    <t>1KG</t>
  </si>
  <si>
    <t>フジソルト</t>
  </si>
  <si>
    <t>ﾌｼﾞｿﾙﾄ</t>
  </si>
  <si>
    <t>キッチンソルト</t>
  </si>
  <si>
    <t>スタンディングパック</t>
  </si>
  <si>
    <t>伯方の塩　スタンドパック</t>
  </si>
  <si>
    <t>小容量スタンダード（～500g）</t>
  </si>
  <si>
    <t>ヨネマース焼き塩</t>
  </si>
  <si>
    <t>一の塩さらさら</t>
  </si>
  <si>
    <t>ｲﾁﾉｼｵ</t>
  </si>
  <si>
    <t>中容量スタンダード（501ｇ～1999g）</t>
  </si>
  <si>
    <t>ヨネマース</t>
  </si>
  <si>
    <t>中容量にがり塩（501g～1999g）</t>
  </si>
  <si>
    <t>あらじお</t>
  </si>
  <si>
    <t>1．1kg</t>
  </si>
  <si>
    <t>ﾄｳｷﾖｳｿﾙﾄ</t>
  </si>
  <si>
    <t>食卓用</t>
  </si>
  <si>
    <t>レモンのおかげウレシオ</t>
  </si>
  <si>
    <t>ポッカサッポロフード＆ビバレッジ</t>
  </si>
  <si>
    <t>ﾎﾟｯｶｻｯﾎﾟﾛ</t>
  </si>
  <si>
    <t>食卓塩</t>
  </si>
  <si>
    <t>公益財団法人塩事業センター</t>
  </si>
  <si>
    <t>ｼｵｼﾞｷﾞｮｳC</t>
  </si>
  <si>
    <t>食卓塩減塩</t>
  </si>
  <si>
    <t>ハローキティ食卓塩100g</t>
  </si>
  <si>
    <t>ヨネマース卓上</t>
  </si>
  <si>
    <t>お塩で減塩</t>
  </si>
  <si>
    <t>健康塩やさしお瓶</t>
  </si>
  <si>
    <t>健康やさしお</t>
  </si>
  <si>
    <t>減塩習慣ボトル</t>
  </si>
  <si>
    <t>大正製薬</t>
  </si>
  <si>
    <t>ﾀｲｼｮｳｾｲﾔｸ</t>
  </si>
  <si>
    <t>減塩習慣_瓶</t>
  </si>
  <si>
    <t>スパイス抹茶塩</t>
  </si>
  <si>
    <t>スマートスパイス_カレー塩</t>
  </si>
  <si>
    <t>ｴｽﾋﾞｰｼｮｸﾋﾝ</t>
  </si>
  <si>
    <t>花椒塩</t>
  </si>
  <si>
    <t>26g</t>
  </si>
  <si>
    <t>料亭抹茶塩</t>
  </si>
  <si>
    <t>29g</t>
  </si>
  <si>
    <t>料亭昆布塩</t>
  </si>
  <si>
    <t>33g</t>
  </si>
  <si>
    <t>料亭梅塩</t>
  </si>
  <si>
    <t>34g</t>
  </si>
  <si>
    <t>焼塩瓶</t>
  </si>
  <si>
    <t>赤穂化成</t>
  </si>
  <si>
    <t>ｱﾏｼｵ</t>
  </si>
  <si>
    <t>天塩　塩胡椒</t>
  </si>
  <si>
    <t>スマートスパイス梅塩</t>
  </si>
  <si>
    <t>11g</t>
  </si>
  <si>
    <t>スマートスパイスゆず塩</t>
  </si>
  <si>
    <t>16g</t>
  </si>
  <si>
    <t>アジしお瓶</t>
  </si>
  <si>
    <t>籠長本店</t>
  </si>
  <si>
    <t>エンリッチ塩ボトル</t>
  </si>
  <si>
    <t>エンリッチ</t>
  </si>
  <si>
    <t>料理塩</t>
  </si>
  <si>
    <t>ベロ　海の塩</t>
  </si>
  <si>
    <t>ー</t>
  </si>
  <si>
    <t>オーバーシーズ</t>
  </si>
  <si>
    <t>ｵｰﾊﾞｰｼｰｽﾞ</t>
  </si>
  <si>
    <t>アルペンザルツ</t>
  </si>
  <si>
    <t>SKWイーストアジア</t>
  </si>
  <si>
    <t>SKWｲｰｽﾄ</t>
  </si>
  <si>
    <t>室戸海洋深層水　深海の華</t>
  </si>
  <si>
    <t>室戸海洋深層水</t>
  </si>
  <si>
    <t>ﾑﾛﾄｶｲﾖｳ</t>
  </si>
  <si>
    <t>塩こしょう</t>
  </si>
  <si>
    <t>ナガシマ</t>
  </si>
  <si>
    <t>ﾜｲｴﾑｷｶｸ</t>
  </si>
  <si>
    <t>あらびき塩こしょう</t>
  </si>
  <si>
    <t>食塩減塩タイプ</t>
  </si>
  <si>
    <t>さらさらお料理ソルト</t>
  </si>
  <si>
    <t>シーソルト</t>
  </si>
  <si>
    <t>スパイスアップヒマラヤピンクソルト</t>
  </si>
  <si>
    <t>モートン減塩</t>
  </si>
  <si>
    <t>145g</t>
  </si>
  <si>
    <t>野村事務所</t>
  </si>
  <si>
    <t>ﾓｰﾄﾝ</t>
  </si>
  <si>
    <t>美味塩っ胡</t>
  </si>
  <si>
    <t>塩工房野次馬</t>
  </si>
  <si>
    <t>ﾔｼﾞｳﾏ</t>
  </si>
  <si>
    <t>浜比嘉塩</t>
  </si>
  <si>
    <t>高江洲製塩所</t>
  </si>
  <si>
    <t>ﾀｶｴｽｾｲｴﾝ</t>
  </si>
  <si>
    <t>アジしお袋</t>
  </si>
  <si>
    <t>味の素_瀬戸のほんじお焼き塩100G</t>
  </si>
  <si>
    <t>味の素　瀬戸のほんじお　焼き塩</t>
  </si>
  <si>
    <t>マジックソルト</t>
  </si>
  <si>
    <t>ﾏｼﾞｯｸｶﾞｰﾘｯｸｿﾙﾄ</t>
  </si>
  <si>
    <t>料亭柚子塩</t>
  </si>
  <si>
    <t>28g</t>
  </si>
  <si>
    <t>ﾊｳｽｼﾖｸﾋﾝ</t>
  </si>
  <si>
    <t>伯方の塩焼塩</t>
  </si>
  <si>
    <t>伯方の塩DRYボトル</t>
  </si>
  <si>
    <t>抹茶塩　小袋</t>
  </si>
  <si>
    <t>1g×100</t>
  </si>
  <si>
    <t>ごましお　小袋</t>
  </si>
  <si>
    <t>1g×200</t>
  </si>
  <si>
    <t>塩こしょう　小袋</t>
  </si>
  <si>
    <t>お塩でどうぞ</t>
  </si>
  <si>
    <t>つけ塩専科　抹茶塩</t>
  </si>
  <si>
    <t>つけ塩専科　ゆず塩</t>
  </si>
  <si>
    <t>播州赤穂のにがり塩焼塩500℃小袋</t>
  </si>
  <si>
    <t>1g×100P</t>
  </si>
  <si>
    <t>レモン塩　小袋</t>
  </si>
  <si>
    <t>0.5gX100</t>
  </si>
  <si>
    <t>抹茶ソルト</t>
  </si>
  <si>
    <t>ユウキ食品</t>
  </si>
  <si>
    <t>ﾕｳｷｼｮｸﾋﾝ</t>
  </si>
  <si>
    <t>梅ソルト</t>
  </si>
  <si>
    <t>カレーソルト</t>
  </si>
  <si>
    <t>おにぎりの塩</t>
  </si>
  <si>
    <t>大盛食品</t>
  </si>
  <si>
    <t>ﾀｲｾｲｼｮｸﾋﾝ</t>
  </si>
  <si>
    <t>おにぎりの塩　紀州梅</t>
  </si>
  <si>
    <t>おにぎりの塩　明太子</t>
  </si>
  <si>
    <t>沖縄の塩シママース_やきしお</t>
  </si>
  <si>
    <t>フレーキーシーソルト</t>
  </si>
  <si>
    <t>ヤカベ</t>
  </si>
  <si>
    <t>ﾔｶﾍﾞ</t>
  </si>
  <si>
    <t>わさび塩（瓶入）</t>
  </si>
  <si>
    <t>田丸屋本店</t>
  </si>
  <si>
    <t>ﾀﾏﾙﾔ</t>
  </si>
  <si>
    <t>わさびのおいしいお塩</t>
  </si>
  <si>
    <t>ﾀﾏﾙﾔﾎﾝﾃﾝ</t>
  </si>
  <si>
    <t>クレイジーソルトミニ</t>
  </si>
  <si>
    <t>ｼﾞｪｲﾝｽﾞ</t>
  </si>
  <si>
    <t>クレイジーガーリック</t>
  </si>
  <si>
    <t>135g</t>
  </si>
  <si>
    <t>ジェーンクレイジーレモン</t>
  </si>
  <si>
    <t>マルガリータソルト</t>
  </si>
  <si>
    <t>１７０ｇ</t>
  </si>
  <si>
    <t>ﾘｰﾄﾞｵﾌ</t>
  </si>
  <si>
    <t>天然天日塩_浜菱</t>
  </si>
  <si>
    <t>ハマニシオヤキシオ</t>
  </si>
  <si>
    <t>浜御塩焼塩</t>
  </si>
  <si>
    <t>花藻塩</t>
  </si>
  <si>
    <t>テンネンノシオ</t>
  </si>
  <si>
    <t>ﾚｷｵｽ</t>
  </si>
  <si>
    <t>ニュークッキング</t>
  </si>
  <si>
    <t>ｼｵｼﾞｷﾞｮｳ</t>
  </si>
  <si>
    <t>クッキングソルト</t>
  </si>
  <si>
    <t>新家庭塩</t>
  </si>
  <si>
    <t>食塩</t>
  </si>
  <si>
    <t>食卓塩　詰め替え徳用</t>
  </si>
  <si>
    <t>にがり食塩</t>
  </si>
  <si>
    <t>塩ひとふり</t>
  </si>
  <si>
    <t>２３０ｇ</t>
  </si>
  <si>
    <t>やさしいこんぶのお塩</t>
  </si>
  <si>
    <t>100ｇ</t>
  </si>
  <si>
    <t>ﾌｸﾅｶﾞ</t>
  </si>
  <si>
    <t>天日海水塩</t>
  </si>
  <si>
    <t>マツイ</t>
  </si>
  <si>
    <t>ﾏﾂｲ</t>
  </si>
  <si>
    <t>ラウシップ</t>
  </si>
  <si>
    <t>らうす海洋深層水</t>
  </si>
  <si>
    <t>ﾗｳｽｶｲﾖｳ</t>
  </si>
  <si>
    <t>瀬戸のあらじお</t>
  </si>
  <si>
    <t>力塩</t>
  </si>
  <si>
    <t>なるとの塩減塩しお</t>
  </si>
  <si>
    <t>モートンあら粒塩</t>
  </si>
  <si>
    <t>300Ｇ</t>
  </si>
  <si>
    <t>ｶﾚｰｿﾙﾄ</t>
  </si>
  <si>
    <t>60ｇ</t>
  </si>
  <si>
    <t>25KG</t>
  </si>
  <si>
    <t>並塩</t>
  </si>
  <si>
    <t>25ｋ</t>
  </si>
  <si>
    <t>国産さらさらお塩</t>
  </si>
  <si>
    <t>天日塩</t>
  </si>
  <si>
    <t>南の恵み天日塩</t>
  </si>
  <si>
    <t>７０Ｇ</t>
  </si>
  <si>
    <t>九州の恵み　うま塩</t>
  </si>
  <si>
    <t>１ＫＧ</t>
  </si>
  <si>
    <t>ヒマラヤのピンク岩塩粗目</t>
  </si>
  <si>
    <t>1Ｋg</t>
  </si>
  <si>
    <t>ﾄﾏﾄPC</t>
  </si>
  <si>
    <t>天草の塩しっとり</t>
  </si>
  <si>
    <t>500ｇ</t>
  </si>
  <si>
    <t>200ｇ</t>
  </si>
  <si>
    <t>瀬戸のほんじお</t>
  </si>
  <si>
    <t>天塩</t>
  </si>
  <si>
    <t>焼塩ＳＰ</t>
  </si>
  <si>
    <t>天日湖塩</t>
  </si>
  <si>
    <t>日本のさらさら塩_塩分1/2</t>
  </si>
  <si>
    <t>食美体健　日本のさらさら塩　塩分1/2</t>
  </si>
  <si>
    <t>ｼｮｸﾋﾞﾀｲｹﾝ</t>
  </si>
  <si>
    <t>漬塩</t>
  </si>
  <si>
    <t>国城産業</t>
  </si>
  <si>
    <t>ｺｸｼﾞｮｳｻﾝｷﾞ</t>
  </si>
  <si>
    <t>地中海ミネラル塩</t>
  </si>
  <si>
    <t>伯方の塩</t>
  </si>
  <si>
    <t>伯方の塩ＤＲＹ詰替</t>
  </si>
  <si>
    <t>180ｇ</t>
  </si>
  <si>
    <t>エンリッチ塩Ｃａプラス</t>
  </si>
  <si>
    <t>エンリッチ塩小袋</t>
  </si>
  <si>
    <t>2g×200P</t>
  </si>
  <si>
    <t>いそしおサラサラ</t>
  </si>
  <si>
    <t>みんなのおしお_サラっと</t>
  </si>
  <si>
    <t>五島灘の塩</t>
  </si>
  <si>
    <t>3ｋｇ</t>
  </si>
  <si>
    <t>五島灘の塩黄金の塩</t>
  </si>
  <si>
    <t>いそしお</t>
  </si>
  <si>
    <t>五島灘の塩本にがり仕立</t>
  </si>
  <si>
    <t>塩分上手五島灘の塩</t>
  </si>
  <si>
    <t>天日塩せんでき仕込み</t>
  </si>
  <si>
    <t>650ｇ</t>
  </si>
  <si>
    <t>ﾆｯｾｲ</t>
  </si>
  <si>
    <t>味塩こしょう化学調味料</t>
  </si>
  <si>
    <t>240ｇ</t>
  </si>
  <si>
    <t>ﾀﾞｲｼｮ-味塩こしょう</t>
  </si>
  <si>
    <t>ソフト塩（鳴門の海水でつくった焼塩）</t>
  </si>
  <si>
    <t>ｱｼﾞｼｮｯｹﾝ</t>
  </si>
  <si>
    <t>自然海塩赤ラベル</t>
  </si>
  <si>
    <t>海の精</t>
  </si>
  <si>
    <t>ｳﾐﾉｾｲ</t>
  </si>
  <si>
    <t>元禄赤穂塩純国産</t>
  </si>
  <si>
    <t>塩麹</t>
  </si>
  <si>
    <t>ｺｰｾｰﾌｰｽﾞ</t>
  </si>
  <si>
    <t>ｻﾇｷﾏｼｵ</t>
  </si>
  <si>
    <t>シェフキドリ</t>
  </si>
  <si>
    <t>あらなみ塩</t>
  </si>
  <si>
    <t>日本海の塩粗塩</t>
  </si>
  <si>
    <t>日本の海塩国産粗塩</t>
  </si>
  <si>
    <t>おいしさそのまま塩分ひかえめ</t>
  </si>
  <si>
    <t>海はいのち</t>
  </si>
  <si>
    <t>おいしさそのまま塩味まろやか</t>
  </si>
  <si>
    <t>減塩習慣パウチ</t>
  </si>
  <si>
    <t>減塩習慣</t>
  </si>
  <si>
    <t>昔塩</t>
  </si>
  <si>
    <t>ｷﾝｶｲ</t>
  </si>
  <si>
    <t>ヒマラヤクリスタルソルト</t>
  </si>
  <si>
    <t>レインボーペッパー</t>
  </si>
  <si>
    <t>ピンクペッパー＆ソルトコンボ</t>
  </si>
  <si>
    <t>90ｇ</t>
  </si>
  <si>
    <t>チリ＆ガーリック</t>
  </si>
  <si>
    <t>南の極みボトル</t>
  </si>
  <si>
    <t>日仏貿易</t>
  </si>
  <si>
    <t>ﾆﾁﾌﾂﾎﾞｳｴｷ</t>
  </si>
  <si>
    <t>南の極みさらさら小粒</t>
  </si>
  <si>
    <t>大自然　海水天日塩</t>
  </si>
  <si>
    <t>天然塩_山菱岩塩</t>
  </si>
  <si>
    <t>亀山堂　にがり塩　１ｋｇ</t>
  </si>
  <si>
    <t>健やか総本舗亀山堂</t>
  </si>
  <si>
    <t>ｶﾒﾔﾏﾄﾞｳ</t>
  </si>
  <si>
    <t>粗塩</t>
  </si>
  <si>
    <t>イマイ</t>
  </si>
  <si>
    <t>ｲﾏｲ</t>
  </si>
  <si>
    <t>朝日商事</t>
  </si>
  <si>
    <t>ｱｻﾋｼｮｳｼﾞ</t>
  </si>
  <si>
    <t>純正食塩</t>
  </si>
  <si>
    <t>ﾅｶﾞｼﾏ</t>
  </si>
  <si>
    <t>天然塩</t>
  </si>
  <si>
    <t>赤穂の海塩</t>
  </si>
  <si>
    <t>伯方の塩3個セット</t>
  </si>
  <si>
    <t>精製塩</t>
  </si>
  <si>
    <t>つけもの塩</t>
  </si>
  <si>
    <t>2000g</t>
  </si>
  <si>
    <t>赤穂並塩</t>
  </si>
  <si>
    <t>20kg</t>
  </si>
  <si>
    <t>日本海水和の豊塩</t>
  </si>
  <si>
    <t>九州ミレック</t>
  </si>
  <si>
    <t>ﾌｸｼｮｳ</t>
  </si>
  <si>
    <t>九州のあら塩</t>
  </si>
  <si>
    <t>ひとしお</t>
  </si>
  <si>
    <t>和華彩のしお</t>
  </si>
  <si>
    <t>和華彩</t>
  </si>
  <si>
    <t>ﾜｶｻｲ</t>
  </si>
  <si>
    <t>うみの塩（中国産）</t>
  </si>
  <si>
    <t>産直</t>
  </si>
  <si>
    <t>ｻﾝﾁｮｸ</t>
  </si>
  <si>
    <t>瀬戸のおいしい海の塩</t>
  </si>
  <si>
    <t>兼松塩商</t>
  </si>
  <si>
    <t>ｶﾈﾏﾂ</t>
  </si>
  <si>
    <t>瀬戸の海塩</t>
  </si>
  <si>
    <t>ｻﾝｱｲ</t>
  </si>
  <si>
    <t>渚の塩</t>
  </si>
  <si>
    <t>ナイカイ_並塩</t>
  </si>
  <si>
    <t>ナイカイ塩業</t>
  </si>
  <si>
    <t>ﾅｲｶｲ</t>
  </si>
  <si>
    <t>エム・アンド・ワイ商事</t>
  </si>
  <si>
    <t>M＆Y</t>
  </si>
  <si>
    <t>美しの海天日塩</t>
  </si>
  <si>
    <t>塩楽工房</t>
  </si>
  <si>
    <t>ｼｵﾗｸ</t>
  </si>
  <si>
    <t>阿波の国_なるとの塩</t>
  </si>
  <si>
    <t>天然天日塩</t>
  </si>
  <si>
    <t>ｱｺｳｶｾｲ</t>
  </si>
  <si>
    <t>赤穂の天塩</t>
  </si>
  <si>
    <t>日本のにがり塩</t>
  </si>
  <si>
    <t>1ｋｇ</t>
  </si>
  <si>
    <t>ｶﾝﾋﾟｰ</t>
  </si>
  <si>
    <t>生活派日本のにがり塩</t>
  </si>
  <si>
    <t>2.5kg</t>
  </si>
  <si>
    <t>伯方の塩焼き塩</t>
  </si>
  <si>
    <t>エンリッチ　食塩</t>
  </si>
  <si>
    <t>播州赤穂のにがり塩</t>
  </si>
  <si>
    <t>赤穂のにがり塩</t>
  </si>
  <si>
    <t>瀬戸内備前のにがり塩</t>
  </si>
  <si>
    <t>おっ塩</t>
  </si>
  <si>
    <t>海のサラ塩</t>
  </si>
  <si>
    <t>まろやか仕立て五島灘の塩</t>
  </si>
  <si>
    <t>シママース</t>
  </si>
  <si>
    <t>オキナワノシオ_シママース</t>
  </si>
  <si>
    <t>沖縄の塩シママース</t>
  </si>
  <si>
    <t>センネンノシオ</t>
  </si>
  <si>
    <t>ｴﾝﾗｸ</t>
  </si>
  <si>
    <t>武谷商店</t>
  </si>
  <si>
    <t>ﾀｹﾔｼｮｳﾃﾝ</t>
  </si>
  <si>
    <t>酵素塩</t>
  </si>
  <si>
    <t>波動法製造</t>
  </si>
  <si>
    <t>ﾊﾄﾞｳﾎｳ</t>
  </si>
  <si>
    <t>あらしお</t>
  </si>
  <si>
    <t>ｱﾗｼｵ</t>
  </si>
  <si>
    <t>調理の塩</t>
  </si>
  <si>
    <t>伯塩産業</t>
  </si>
  <si>
    <t>ﾊｸｴﾝ</t>
  </si>
  <si>
    <t>マルハ食品</t>
  </si>
  <si>
    <t>ｵｵﾂｶｴｲﾖｳ</t>
  </si>
  <si>
    <t>塩関連</t>
  </si>
  <si>
    <t>ミル付岩塩</t>
  </si>
  <si>
    <t>やおきん</t>
  </si>
  <si>
    <t>ﾔｵｷﾝ</t>
  </si>
  <si>
    <t>さらさら仕立て五島灘の塩</t>
  </si>
  <si>
    <t>塩あめ3種の味</t>
  </si>
  <si>
    <t>玉ねぎうま塩</t>
  </si>
  <si>
    <t>200ml</t>
  </si>
  <si>
    <t>亀井通産</t>
  </si>
  <si>
    <t>熟成藻塩レモン</t>
  </si>
  <si>
    <t>ヤマトフーズ</t>
  </si>
  <si>
    <t>ﾔﾏﾄﾌｰｽﾞ</t>
  </si>
  <si>
    <t>にがり</t>
  </si>
  <si>
    <t>小容量（～99ml）</t>
  </si>
  <si>
    <t>ボトル・瓶</t>
  </si>
  <si>
    <t>美ら海のにがり</t>
  </si>
  <si>
    <t>30ml</t>
  </si>
  <si>
    <t>室戸海洋深層水にがり１００％</t>
  </si>
  <si>
    <t>100ml</t>
  </si>
  <si>
    <t>天海のにがり水塩</t>
  </si>
  <si>
    <t>五島灘の本にがり</t>
  </si>
  <si>
    <t>あらなみの本にがり</t>
  </si>
  <si>
    <t>中容量（100ml～299ml）</t>
  </si>
  <si>
    <t>大自然　天日にがり</t>
  </si>
  <si>
    <t>浜御塩の海水にがり</t>
  </si>
  <si>
    <t>170ml</t>
  </si>
  <si>
    <t>塩屋が造った海水にがり</t>
  </si>
  <si>
    <t>コックソース</t>
  </si>
  <si>
    <t>ｺｯｸｿｰｽ</t>
  </si>
  <si>
    <t>海のしずく</t>
  </si>
  <si>
    <t>美ら海のにがり２</t>
  </si>
  <si>
    <t>海水にがり</t>
  </si>
  <si>
    <t>2000ml</t>
  </si>
  <si>
    <t>アクアエナジ</t>
  </si>
  <si>
    <t>ﾊﾅｹﾝｶﾝｷｮｳ</t>
  </si>
  <si>
    <t>天然にがり</t>
  </si>
  <si>
    <t>天日にがりポリボトル</t>
  </si>
  <si>
    <t>150ml</t>
  </si>
  <si>
    <t>大容量（300ml～）</t>
  </si>
  <si>
    <t>天海のにがり　４５０ｍｌ</t>
  </si>
  <si>
    <t>生活派日本のにがり３２０ｍｌ</t>
  </si>
  <si>
    <t>320ml</t>
  </si>
  <si>
    <t>ｾｲｶﾂﾊ</t>
  </si>
  <si>
    <t>その他塩関連</t>
  </si>
  <si>
    <t>ノ・ミカタ</t>
  </si>
  <si>
    <t>3本入箱</t>
  </si>
  <si>
    <t>だし塩こしょう</t>
  </si>
  <si>
    <t>塩麹大容量</t>
  </si>
  <si>
    <t>420g</t>
  </si>
  <si>
    <t>新庄みそ</t>
  </si>
  <si>
    <t>ｼﾝｼﾞｮｳﾐｿ</t>
  </si>
  <si>
    <t>ミル付ヒマラヤ岩塩</t>
  </si>
  <si>
    <t>ゆず塩</t>
  </si>
  <si>
    <t>浅川本場土佐の塩たたきしお50g</t>
  </si>
  <si>
    <t>50G</t>
  </si>
  <si>
    <t>浅川自然食品工業</t>
  </si>
  <si>
    <t>ﾏﾘﾝｺﾞﾙﾄﾞ</t>
  </si>
  <si>
    <t>ハオハオ塩</t>
  </si>
  <si>
    <t>エースコック</t>
  </si>
  <si>
    <t>ｴｰｽｺｯｸ</t>
  </si>
  <si>
    <t>漬物の素</t>
  </si>
  <si>
    <t>浅漬け</t>
  </si>
  <si>
    <t>小容量（５回分未満）</t>
  </si>
  <si>
    <t>なすがママきゅうりがパパ</t>
  </si>
  <si>
    <t>キング醸造</t>
  </si>
  <si>
    <t>ﾋﾉﾃﾞ</t>
  </si>
  <si>
    <t>生活派浅漬けの素ゆず風味</t>
  </si>
  <si>
    <t>10g×4</t>
  </si>
  <si>
    <t>生活派浅漬けの素昆布</t>
  </si>
  <si>
    <t>浅漬けの素うす塩味</t>
  </si>
  <si>
    <t>生活派　お茶漬昆布わさび風味</t>
  </si>
  <si>
    <t>しっかり漬けの素旨口</t>
  </si>
  <si>
    <t>300ml</t>
  </si>
  <si>
    <t>Mizkan</t>
  </si>
  <si>
    <t>ﾐﾂｶﾝ</t>
  </si>
  <si>
    <t>しっかり漬けの素辛口</t>
  </si>
  <si>
    <t>すぐ漬け</t>
  </si>
  <si>
    <t>8gx3</t>
  </si>
  <si>
    <t>日東食品工業</t>
  </si>
  <si>
    <t>ﾆｯﾄｳｼｮｸﾋﾝｺ</t>
  </si>
  <si>
    <t>ﾆｯﾄｳｼｮｸﾋﾝ</t>
  </si>
  <si>
    <t>すぐ漬けはくさい漬け</t>
  </si>
  <si>
    <t>10g×4P</t>
  </si>
  <si>
    <t>すぐ漬け白菜漬け</t>
  </si>
  <si>
    <t>浅漬けの素ナス漬け</t>
  </si>
  <si>
    <t>80g×4P</t>
  </si>
  <si>
    <t>朝漬けの素からし漬け</t>
  </si>
  <si>
    <t>規格名称</t>
  </si>
  <si>
    <t>ビール漬けの素</t>
  </si>
  <si>
    <t>48g</t>
  </si>
  <si>
    <t>わさび漬けの素</t>
  </si>
  <si>
    <t>10g×2P</t>
  </si>
  <si>
    <t>きゅうり漬けの素</t>
  </si>
  <si>
    <t>8g×4P</t>
  </si>
  <si>
    <t>すぐ漬けしそ</t>
  </si>
  <si>
    <t>すぐ漬けだし</t>
  </si>
  <si>
    <t>5.5g×2P</t>
  </si>
  <si>
    <t>12g×3</t>
  </si>
  <si>
    <t>ﾆｯﾄｳ</t>
  </si>
  <si>
    <t>ササッと浅漬け</t>
  </si>
  <si>
    <t>永谷園</t>
  </si>
  <si>
    <t>ﾅｶﾞﾀﾆｴﾝ</t>
  </si>
  <si>
    <t>ササッと浅漬け梅昆布</t>
  </si>
  <si>
    <t>ササッと浅漬け_香りゆず</t>
  </si>
  <si>
    <t>なす漬一番</t>
  </si>
  <si>
    <t>富士食糧</t>
  </si>
  <si>
    <t>ﾌｼﾞｼｮｸﾘｮｳ</t>
  </si>
  <si>
    <t>なすの辛子漬け</t>
  </si>
  <si>
    <t>きゅうりの辛し漬け</t>
  </si>
  <si>
    <t>なす漬の素</t>
  </si>
  <si>
    <t>浅漬けの素</t>
  </si>
  <si>
    <t>フタバ</t>
  </si>
  <si>
    <t>ﾌﾀﾊﾞ</t>
  </si>
  <si>
    <t>あさ漬の素</t>
  </si>
  <si>
    <t>36g</t>
  </si>
  <si>
    <t>お野菜まる塩キャベツの素</t>
  </si>
  <si>
    <t>40g×3P</t>
  </si>
  <si>
    <t>マルトモ</t>
  </si>
  <si>
    <t>ﾏﾙﾄﾓ</t>
  </si>
  <si>
    <t>お野菜まる塩たたききゅうりの素</t>
  </si>
  <si>
    <t>お野菜まるもやしナムル</t>
  </si>
  <si>
    <t>浅漬けの素かつお風味</t>
  </si>
  <si>
    <t>100g×2</t>
  </si>
  <si>
    <t>浅漬けの素キムチ風味</t>
  </si>
  <si>
    <t>塩キャベツの素</t>
  </si>
  <si>
    <t>たたききゅうりのたれ３袋</t>
  </si>
  <si>
    <t>30g×3</t>
  </si>
  <si>
    <t>もやしナムルの素</t>
  </si>
  <si>
    <t>まろやか酢の物</t>
  </si>
  <si>
    <t>鬼からし漬の素きゅうり用</t>
  </si>
  <si>
    <t>山清</t>
  </si>
  <si>
    <t>ﾔﾏｾｲ</t>
  </si>
  <si>
    <t>鬼からし漬の素なす用</t>
  </si>
  <si>
    <t>浅漬けなすの素</t>
  </si>
  <si>
    <t>ニチノウ食品</t>
  </si>
  <si>
    <t>ﾆﾁﾉｳ</t>
  </si>
  <si>
    <t>浅漬けなすのもと</t>
  </si>
  <si>
    <t>15g×4</t>
  </si>
  <si>
    <t>信州さっぱり漬けの素</t>
  </si>
  <si>
    <t>10g×5</t>
  </si>
  <si>
    <t>あさ漬白菜の素</t>
  </si>
  <si>
    <t>104g</t>
  </si>
  <si>
    <t>ﾆﾁﾉｳｼｮｸﾋﾝ</t>
  </si>
  <si>
    <t>浅漬の素白菜用</t>
  </si>
  <si>
    <t>26g×2</t>
  </si>
  <si>
    <t>浅漬の素大根用</t>
  </si>
  <si>
    <t>23g×2P</t>
  </si>
  <si>
    <t>白菜漬の素</t>
  </si>
  <si>
    <t>キムチ漬の素</t>
  </si>
  <si>
    <t>かぶ漬の素</t>
  </si>
  <si>
    <t>浅漬けの素バジル</t>
  </si>
  <si>
    <t>大和食品工業</t>
  </si>
  <si>
    <t>ﾀﾞｲﾜｼｮｸﾋﾝ</t>
  </si>
  <si>
    <t>浅漬けの素白ごま</t>
  </si>
  <si>
    <t>ビール漬の素</t>
  </si>
  <si>
    <t>日光食品</t>
  </si>
  <si>
    <t>ﾆｯｺｳｼｮｸﾋﾝ</t>
  </si>
  <si>
    <t>あっさり漬の素_塩味</t>
  </si>
  <si>
    <t>コーセーフーズ</t>
  </si>
  <si>
    <t>あっさりゆず漬の素</t>
  </si>
  <si>
    <t>ｺ-ｾ-ﾌ-ｽﾞ</t>
  </si>
  <si>
    <t>あっさりなす漬の素</t>
  </si>
  <si>
    <t>即席白菜漬の素</t>
  </si>
  <si>
    <t>きゅうり漬の素</t>
  </si>
  <si>
    <t>わさび漬の素</t>
  </si>
  <si>
    <t>あっさり漬けの素しお味</t>
  </si>
  <si>
    <t>塩キャベツ漬けの素</t>
  </si>
  <si>
    <t>13g×3P</t>
  </si>
  <si>
    <t>旨こん白菜の素</t>
  </si>
  <si>
    <t>39ｇ</t>
  </si>
  <si>
    <t>ｺﾐﾛｰﾅ</t>
  </si>
  <si>
    <t>乳酸菌入り浅漬けの素</t>
  </si>
  <si>
    <t>乳酸菌入りゆず着けの素</t>
  </si>
  <si>
    <t>旨しおキャベツの素</t>
  </si>
  <si>
    <t>かんたんなす漬の素</t>
  </si>
  <si>
    <t>18g×3P</t>
  </si>
  <si>
    <t>アガタ商事</t>
  </si>
  <si>
    <t>ｱｶﾞﾀｼｮｳｼﾞ</t>
  </si>
  <si>
    <t>かんたんからし漬の素</t>
  </si>
  <si>
    <t>46g×2P</t>
  </si>
  <si>
    <t>かんたんたくあん漬けの素</t>
  </si>
  <si>
    <t>48g×3P</t>
  </si>
  <si>
    <t>ﾋﾟｸﾙｽの酢ｼﾞｯﾌﾟ付きﾊﾟｳﾁ</t>
  </si>
  <si>
    <t>240ml</t>
  </si>
  <si>
    <t>オタフクソース</t>
  </si>
  <si>
    <t>ｵﾀﾌｸｿｰｽ</t>
  </si>
  <si>
    <t>ピクルスの酢ジップ付パウチ</t>
  </si>
  <si>
    <t>ｵﾀﾌｸｿ-ｽ</t>
  </si>
  <si>
    <t>和ピクルスの酢ジップ付パウチ</t>
  </si>
  <si>
    <t>オタフクソース　和ピクルスの酢　５００ｍｌ</t>
  </si>
  <si>
    <t>500ml</t>
  </si>
  <si>
    <t>なす漬けの素</t>
  </si>
  <si>
    <t>鳥取食品工業</t>
  </si>
  <si>
    <t>ﾄｯﾄﾘｼｮｸﾋﾝｺ</t>
  </si>
  <si>
    <t>浅漬の素しそ味</t>
  </si>
  <si>
    <t>8g×4</t>
  </si>
  <si>
    <t>マルワ食品</t>
  </si>
  <si>
    <t>ﾏﾙﾜ</t>
  </si>
  <si>
    <t>浅漬の素ゆず味</t>
  </si>
  <si>
    <t>浅漬の素昆布味</t>
  </si>
  <si>
    <t>からし漬けの素</t>
  </si>
  <si>
    <t>45g×2</t>
  </si>
  <si>
    <t>エバラ食品工業</t>
  </si>
  <si>
    <t>ｴﾊﾞﾗｼｮｸﾋﾝ</t>
  </si>
  <si>
    <t>からし漬けの素カレンダー</t>
  </si>
  <si>
    <t>うす塩浅漬けの素塩味</t>
  </si>
  <si>
    <t>うす塩浅漬けの素合せだし</t>
  </si>
  <si>
    <t>粉末浅漬けの素粒ごま</t>
  </si>
  <si>
    <t>56g</t>
  </si>
  <si>
    <t>粉末浅漬けの素きざみ昆布</t>
  </si>
  <si>
    <t>粉末浅漬けの素きざみ生姜</t>
  </si>
  <si>
    <t>浅漬けの素　あわせだし</t>
  </si>
  <si>
    <t>50Ｇ*3</t>
  </si>
  <si>
    <t>ｴﾊﾞﾗ</t>
  </si>
  <si>
    <t>浅漬けの素こうじ漬け</t>
  </si>
  <si>
    <t>50g×3P</t>
  </si>
  <si>
    <t>ぬか漬けの素</t>
  </si>
  <si>
    <t>すぐ漬け白菜漬</t>
  </si>
  <si>
    <t>8gx4</t>
  </si>
  <si>
    <t>ﾆｯﾄｳﾘﾚｰ</t>
  </si>
  <si>
    <t>あさ漬けの素ゆず</t>
  </si>
  <si>
    <t>6g×3P</t>
  </si>
  <si>
    <t>さっぱりビール漬けの素</t>
  </si>
  <si>
    <t>60　ｇ</t>
  </si>
  <si>
    <t>塩こんきゅうりの素</t>
  </si>
  <si>
    <t>39g</t>
  </si>
  <si>
    <t>あごだし浅漬けの素</t>
  </si>
  <si>
    <t>５０ｇｘ３</t>
  </si>
  <si>
    <t>ｸﾊﾞﾗ</t>
  </si>
  <si>
    <t>あごだし浅漬けの素ピリ辛</t>
  </si>
  <si>
    <t>40g*3</t>
  </si>
  <si>
    <t>トモエ　浅漬けのもと日高昆布だし</t>
  </si>
  <si>
    <t>30mlx3袋</t>
  </si>
  <si>
    <t>福山醸造</t>
  </si>
  <si>
    <t>ﾌｸﾔﾏｼﾞｮｳｿﾞ</t>
  </si>
  <si>
    <t>トモエ　浅漬けキムチのもと日高昆布だし</t>
  </si>
  <si>
    <t>35mlx2袋</t>
  </si>
  <si>
    <t>漬けてんしゃい甘酢漬けの素</t>
  </si>
  <si>
    <t>420ml</t>
  </si>
  <si>
    <t>マルヱ醤油</t>
  </si>
  <si>
    <t>ﾏﾙｴｼｮｳﾕ</t>
  </si>
  <si>
    <t>漬けてんしゃい浅漬けの素</t>
  </si>
  <si>
    <t>浅漬けの素昆布</t>
  </si>
  <si>
    <t>ワダカン</t>
  </si>
  <si>
    <t>ﾜﾀﾞｶﾝ</t>
  </si>
  <si>
    <t>3袋入</t>
  </si>
  <si>
    <t>マルコ食品</t>
  </si>
  <si>
    <t>ﾏﾙｺｼｮｸﾋﾝ</t>
  </si>
  <si>
    <t>なす切り漬けの素</t>
  </si>
  <si>
    <t>84g</t>
  </si>
  <si>
    <t>中容量（５回分～９回分）</t>
  </si>
  <si>
    <t>浅漬けの素こんぶ味</t>
  </si>
  <si>
    <t>イチビキ</t>
  </si>
  <si>
    <t>ｲﾁﾋﾞｷ</t>
  </si>
  <si>
    <t>浅漬けの素ゆず昆布味</t>
  </si>
  <si>
    <t>あさ漬の素こんぶ風味</t>
  </si>
  <si>
    <t>4g×8P</t>
  </si>
  <si>
    <t>かね七</t>
  </si>
  <si>
    <t>ｶﾈｼﾁ</t>
  </si>
  <si>
    <t>だしでおいしく浅漬けの素</t>
  </si>
  <si>
    <t>6g×6P</t>
  </si>
  <si>
    <t>おいしさいろいろ浅漬けの素</t>
  </si>
  <si>
    <t>6P</t>
  </si>
  <si>
    <t>浅漬の素</t>
  </si>
  <si>
    <t>富士甚醤油</t>
  </si>
  <si>
    <t>ﾌｼﾞｼﾞﾝ</t>
  </si>
  <si>
    <t>漬物一番</t>
  </si>
  <si>
    <t>12g×5P</t>
  </si>
  <si>
    <t>きゅうりの辛し漬</t>
  </si>
  <si>
    <t>浅漬けの素鰹と昆布</t>
  </si>
  <si>
    <t>ヤマキ</t>
  </si>
  <si>
    <t>ﾔﾏｷ</t>
  </si>
  <si>
    <t>なすのわさび漬けの素</t>
  </si>
  <si>
    <t>1　個</t>
  </si>
  <si>
    <t>あっさり漬の素徳用</t>
  </si>
  <si>
    <t>コミローナ　あごだし浅漬の素　３６ｇ</t>
  </si>
  <si>
    <t>36G</t>
  </si>
  <si>
    <t>柴沼あわ漬</t>
  </si>
  <si>
    <t>柴沼醤油醸造</t>
  </si>
  <si>
    <t>ｼﾊﾞﾇﾏｼｮｳﾕ</t>
  </si>
  <si>
    <t>千枚漬の酢</t>
  </si>
  <si>
    <t>なす即漬けの素</t>
  </si>
  <si>
    <t>20g×5P</t>
  </si>
  <si>
    <t>からし即漬けの素</t>
  </si>
  <si>
    <t>浅漬けの素レギュラー3個セット</t>
  </si>
  <si>
    <t>浅漬けの素レギュラー_2個ｾｯﾄ</t>
  </si>
  <si>
    <t>500ml*2</t>
  </si>
  <si>
    <t>アサヅケノモト　アジワイカツオ</t>
  </si>
  <si>
    <t>アサヅケノモト　アッサリコンブ</t>
  </si>
  <si>
    <t>浅漬けの素昆布だし</t>
  </si>
  <si>
    <t>浅漬けの素　鰹だし</t>
  </si>
  <si>
    <t>浅漬けの素甘酢</t>
  </si>
  <si>
    <t>浅漬けの素レギュラー</t>
  </si>
  <si>
    <t>浅漬けの素鰹だし</t>
  </si>
  <si>
    <t>浅漬けの素さわやか甘酢</t>
  </si>
  <si>
    <t>浅漬けの素まろやか甘酢</t>
  </si>
  <si>
    <t>さっぱり漬の素</t>
  </si>
  <si>
    <t>15ｇ*8</t>
  </si>
  <si>
    <t>日光将軍　たまり漬けの素</t>
  </si>
  <si>
    <t>盛田</t>
  </si>
  <si>
    <t>ﾆｯｺｳｼｮｳｸﾞﾝ</t>
  </si>
  <si>
    <t>日光将軍白たまり漬けの素</t>
  </si>
  <si>
    <t>ﾀｶﾊｼﾔｼﾞｳｴﾓ</t>
  </si>
  <si>
    <t>浅漬けサクサク</t>
  </si>
  <si>
    <t>角味噌醤油</t>
  </si>
  <si>
    <t>ｽﾐﾐｿｼｮｳﾕ</t>
  </si>
  <si>
    <t>大容量（１０回分以上）</t>
  </si>
  <si>
    <t>浅漬の素ピリ辛</t>
  </si>
  <si>
    <t>ワタエー</t>
  </si>
  <si>
    <t>ﾜﾀｴｰ</t>
  </si>
  <si>
    <t>浅漬の素めかぶ入</t>
  </si>
  <si>
    <t>ガツンとにんにく浅漬けの素</t>
  </si>
  <si>
    <t>260ml</t>
  </si>
  <si>
    <t>ﾌｼﾞｼﾞﾝｼｮｳﾕ</t>
  </si>
  <si>
    <t>きゅうりの辛子漬徳用</t>
  </si>
  <si>
    <t>ﾌｼﾞｼﾖｸ</t>
  </si>
  <si>
    <t>浅漬けパリパリ</t>
  </si>
  <si>
    <t>マルボシ酢</t>
  </si>
  <si>
    <t>ﾏﾙﾎﾞｼｽ</t>
  </si>
  <si>
    <t>50g*3</t>
  </si>
  <si>
    <t>日光たまり漬の素</t>
  </si>
  <si>
    <t>高橋弥次右衛門商店</t>
  </si>
  <si>
    <t>ﾏﾙｼﾁ</t>
  </si>
  <si>
    <t>日光白たまり漬の素</t>
  </si>
  <si>
    <t>ｽﾐﾐｿ</t>
  </si>
  <si>
    <t>こだわり浅漬けの素</t>
  </si>
  <si>
    <t>キムチ漬け</t>
  </si>
  <si>
    <t>ファーチェ　まぜるだけカクテキの素</t>
  </si>
  <si>
    <t>ファーチェ</t>
  </si>
  <si>
    <t>ﾌｧｰﾁｪ</t>
  </si>
  <si>
    <t>キムチの素リッチガーリック</t>
  </si>
  <si>
    <t>すぐ漬けキムチ</t>
  </si>
  <si>
    <t>20g×2P</t>
  </si>
  <si>
    <t>春</t>
  </si>
  <si>
    <t>ホワイトキムチ</t>
  </si>
  <si>
    <t>朝鮮漬けの素</t>
  </si>
  <si>
    <t>オロチョン漬</t>
  </si>
  <si>
    <t>朝鮮漬の素</t>
  </si>
  <si>
    <t>フタバ　キムチ漬けの素</t>
  </si>
  <si>
    <t>信州さっぱりキムチの素</t>
  </si>
  <si>
    <t>キムチの素</t>
  </si>
  <si>
    <t>三色香辛料</t>
  </si>
  <si>
    <t>ｻﾝｼｷ</t>
  </si>
  <si>
    <t>キムチハングク</t>
  </si>
  <si>
    <t>サンダイナー食品</t>
  </si>
  <si>
    <t>ｻﾝﾀﾞｲﾅ-</t>
  </si>
  <si>
    <t>桃花林_白ｷﾑﾁの素_300ml</t>
  </si>
  <si>
    <t>ポールスタア</t>
  </si>
  <si>
    <t>ｵｳｶﾘﾝ</t>
  </si>
  <si>
    <t>キムチの素_3本セット</t>
  </si>
  <si>
    <t>3本セット</t>
  </si>
  <si>
    <t>ﾓﾓﾔ</t>
  </si>
  <si>
    <t>キムチ漬けの素</t>
  </si>
  <si>
    <t>エバラキムチ漬けの素</t>
  </si>
  <si>
    <t>190g</t>
  </si>
  <si>
    <t>桃屋</t>
  </si>
  <si>
    <t>キムチの素徳用</t>
  </si>
  <si>
    <t>海鮮キムチのもと</t>
  </si>
  <si>
    <t>175g</t>
  </si>
  <si>
    <t>かんたんキムチ用チューブ</t>
  </si>
  <si>
    <t>キムチペーストむーひ</t>
  </si>
  <si>
    <t>竹林</t>
  </si>
  <si>
    <t>ﾀｹﾊﾞﾔｼ</t>
  </si>
  <si>
    <t>浅漬けの素白キムチ</t>
  </si>
  <si>
    <t>北杜食品</t>
  </si>
  <si>
    <t>ﾎｸﾄｼｮｸﾋﾝ</t>
  </si>
  <si>
    <t>本場朝鮮漬キムチの素</t>
  </si>
  <si>
    <t>本格キムチの素</t>
  </si>
  <si>
    <t>服部醸造</t>
  </si>
  <si>
    <t>ﾊｯﾄﾘ</t>
  </si>
  <si>
    <t>桃花林白キムチの素</t>
  </si>
  <si>
    <t>ﾎﾟ-ﾙｽﾀｱ</t>
  </si>
  <si>
    <t>キムチの素スペシャル</t>
  </si>
  <si>
    <t>620g</t>
  </si>
  <si>
    <t>海鮮キムチの素プレミアム　瓶</t>
  </si>
  <si>
    <t>ﾎﾟｰﾙｽﾀｱ</t>
  </si>
  <si>
    <t>410g</t>
  </si>
  <si>
    <t>三榮食品</t>
  </si>
  <si>
    <t>ｻﾝｴｲｼｮｸﾋﾝ</t>
  </si>
  <si>
    <t>ジャポニックス　味の坊白キムチの素</t>
  </si>
  <si>
    <t>味の坊</t>
  </si>
  <si>
    <t>内池醸造</t>
  </si>
  <si>
    <t>ｳﾁｲｹ</t>
  </si>
  <si>
    <t>サンダイナーキムチハングク</t>
  </si>
  <si>
    <t>ｻﾝﾀﾞｲﾅｰ</t>
  </si>
  <si>
    <t>キムチの素ボトル</t>
  </si>
  <si>
    <t>1200g</t>
  </si>
  <si>
    <t>1800ml</t>
  </si>
  <si>
    <t>三栄食品</t>
  </si>
  <si>
    <t>ｻﾝｴｲ</t>
  </si>
  <si>
    <t>1500g</t>
  </si>
  <si>
    <t>ぬか漬け・麹漬け</t>
  </si>
  <si>
    <t>ぬか</t>
  </si>
  <si>
    <t>小容量（５００ｇ以下）</t>
  </si>
  <si>
    <t>いりぬか</t>
  </si>
  <si>
    <t>ビール酵母入りぜいたくぬか</t>
  </si>
  <si>
    <t>西日本食品工業</t>
  </si>
  <si>
    <t>ﾆｼﾆﾎﾝｼｮｸﾋﾝ</t>
  </si>
  <si>
    <t>ラップでカンタンぬかチューブ</t>
  </si>
  <si>
    <t>幸田商店</t>
  </si>
  <si>
    <t>ｺｳﾀﾞ</t>
  </si>
  <si>
    <t>中容量（５０１ｇ～１０００ｇ）</t>
  </si>
  <si>
    <t>ｸﾆｼﾛ</t>
  </si>
  <si>
    <t>コミローナぬか漬けの素</t>
  </si>
  <si>
    <t>大容量（１００１ｇ以上）</t>
  </si>
  <si>
    <t>米ぬか</t>
  </si>
  <si>
    <t>食創</t>
  </si>
  <si>
    <t>ｼｮｸｿｳ</t>
  </si>
  <si>
    <t>ぬか床</t>
  </si>
  <si>
    <t>発酵ぬかどこミニ</t>
  </si>
  <si>
    <t>みたけ食品工業</t>
  </si>
  <si>
    <t>ﾐﾀｹｼｮｸﾋﾝ</t>
  </si>
  <si>
    <t>マルコメ　プラス糀　発酵ぬかどこ　１ｋｇ</t>
  </si>
  <si>
    <t>マルコメ</t>
  </si>
  <si>
    <t>熟成ぬか床</t>
  </si>
  <si>
    <t>樽だしぬかみそパック</t>
  </si>
  <si>
    <t>1.2kg</t>
  </si>
  <si>
    <t>大川食品工業</t>
  </si>
  <si>
    <t>ｵｵｶﾜ</t>
  </si>
  <si>
    <t>仕上りぬかみそ</t>
  </si>
  <si>
    <t>伊勢惣</t>
  </si>
  <si>
    <t>ｲｾｿｳ</t>
  </si>
  <si>
    <t>ぬか床の素</t>
  </si>
  <si>
    <t>ぬかっぺ</t>
  </si>
  <si>
    <t>酔鯨酒造</t>
  </si>
  <si>
    <t>ｽｲｹﾞｲｼｭｿﾞｳ</t>
  </si>
  <si>
    <t>ぬか漬の素</t>
  </si>
  <si>
    <t>ぬかみそからしチャック袋</t>
  </si>
  <si>
    <t>ぬか漬のだし</t>
  </si>
  <si>
    <t>一夜漬けの素</t>
  </si>
  <si>
    <t>つけもと　ぬか漬の素　７００ｇ</t>
  </si>
  <si>
    <t>補充　ぬか床</t>
  </si>
  <si>
    <t>アイワ</t>
  </si>
  <si>
    <t>ｱｲﾜ</t>
  </si>
  <si>
    <t>ぬかづけ生活</t>
  </si>
  <si>
    <t>一夜漬の友</t>
  </si>
  <si>
    <t>扇カネ安食品本舗</t>
  </si>
  <si>
    <t>ｵｳｷﾞｶﾈﾔｽ</t>
  </si>
  <si>
    <t>味付いりぬか</t>
  </si>
  <si>
    <t>まるほ食品</t>
  </si>
  <si>
    <t>ﾏﾙﾎｼｮｸﾋﾝ</t>
  </si>
  <si>
    <t>おふくろの味　ぬか</t>
  </si>
  <si>
    <t>北産</t>
  </si>
  <si>
    <t>ﾎｸｻﾝ</t>
  </si>
  <si>
    <t>丸島醤油</t>
  </si>
  <si>
    <t>ﾏﾙｼﾏｼｮｳﾕ</t>
  </si>
  <si>
    <t>野菜漬けの素ミニ</t>
  </si>
  <si>
    <t>12g*4</t>
  </si>
  <si>
    <t>ｱｻﾋﾌﾚｯｼｭ</t>
  </si>
  <si>
    <t>ぜいたく三昧</t>
  </si>
  <si>
    <t>ぬか漬け体験</t>
  </si>
  <si>
    <t>510g</t>
  </si>
  <si>
    <t>ピリッと三五八</t>
  </si>
  <si>
    <t>500　ｇ</t>
  </si>
  <si>
    <t>白鳥印_ぬか漬の素</t>
  </si>
  <si>
    <t>ﾆｼﾆﾎﾝ</t>
  </si>
  <si>
    <t>一夜漬けぬか</t>
  </si>
  <si>
    <t>坂口製粉所</t>
  </si>
  <si>
    <t>ｻｶｸﾞﾁ</t>
  </si>
  <si>
    <t>ホームぬか</t>
  </si>
  <si>
    <t>麹漬け</t>
  </si>
  <si>
    <t>塩糀</t>
  </si>
  <si>
    <t>オツケモノノモトコウジツケ</t>
  </si>
  <si>
    <t>玉三さごはち</t>
  </si>
  <si>
    <t>川光物産</t>
  </si>
  <si>
    <t>ｶﾜﾐﾂﾌﾞｯｻﾝ</t>
  </si>
  <si>
    <t>塩麹の素</t>
  </si>
  <si>
    <t>お新香三五八</t>
  </si>
  <si>
    <t>宝来屋本店</t>
  </si>
  <si>
    <t>ﾎｳﾗｲﾔ</t>
  </si>
  <si>
    <t>こうじ漬の素　７００ｇ</t>
  </si>
  <si>
    <t>ますやみそ</t>
  </si>
  <si>
    <t>ﾏｽﾔﾐｿ</t>
  </si>
  <si>
    <t>こうじ漬</t>
  </si>
  <si>
    <t>こうじ漬の素三:五:八</t>
  </si>
  <si>
    <t>三五八</t>
  </si>
  <si>
    <t>ｼﾊﾞﾇﾏ</t>
  </si>
  <si>
    <t>関連商品</t>
  </si>
  <si>
    <t>こうじ</t>
  </si>
  <si>
    <t>塩こうじ</t>
  </si>
  <si>
    <t>塩麹業務用</t>
  </si>
  <si>
    <t>スパウトレモン塩麹</t>
  </si>
  <si>
    <t>減塩塩こうじ</t>
  </si>
  <si>
    <t>ハナマルキ</t>
  </si>
  <si>
    <t>ﾊﾅﾏﾙｷ</t>
  </si>
  <si>
    <t>液体塩こうじ</t>
  </si>
  <si>
    <t>ハナマルキ塩こうじ420g</t>
  </si>
  <si>
    <t>減塩液体塩こうじ</t>
  </si>
  <si>
    <t>塩麹　140ｇ</t>
  </si>
  <si>
    <t>ﾄﾓｴ</t>
  </si>
  <si>
    <t>プラス糀生塩糀</t>
  </si>
  <si>
    <t>ﾏﾙｺﾒ</t>
  </si>
  <si>
    <t>プラス糀生塩糀こしタイプ</t>
  </si>
  <si>
    <t>塩こうじミニ粉末</t>
  </si>
  <si>
    <t>塩麹140ｇ</t>
  </si>
  <si>
    <t>米こうじ</t>
  </si>
  <si>
    <t>プラス糀塩糀パウダーボトル</t>
  </si>
  <si>
    <t>プラス糀生塩糀パウダー黒胡椒ブレンド</t>
  </si>
  <si>
    <t>乾燥米こうじ</t>
  </si>
  <si>
    <t>酒粕</t>
  </si>
  <si>
    <t>1.5kg</t>
  </si>
  <si>
    <t>金山　酒粕</t>
  </si>
  <si>
    <t>都こうじ</t>
  </si>
  <si>
    <t>国産米みちのく板こうじ</t>
  </si>
  <si>
    <t>糀和田屋</t>
  </si>
  <si>
    <t>ｺｳｼﾞﾜﾀﾞﾔ</t>
  </si>
  <si>
    <t>サクラみそ食品</t>
  </si>
  <si>
    <t>ｻｸﾗﾐｿｼｮｸﾋﾝ</t>
  </si>
  <si>
    <t>ｻｸﾗﾐｿ</t>
  </si>
  <si>
    <t>しょうゆ麹</t>
  </si>
  <si>
    <t>キムチ麹</t>
  </si>
  <si>
    <t>国産善光寺平米こうじ</t>
  </si>
  <si>
    <t>マルモ青木味噌醤油醸造場</t>
  </si>
  <si>
    <t>ﾏﾙﾓｱｵｷ</t>
  </si>
  <si>
    <t>添加物</t>
  </si>
  <si>
    <t>設定なし</t>
  </si>
  <si>
    <t>クッキングクエン酸</t>
  </si>
  <si>
    <t>うこん</t>
  </si>
  <si>
    <t>ﾀﾏｻﾝ</t>
  </si>
  <si>
    <t>焼みょうばん</t>
  </si>
  <si>
    <t>下田商事</t>
  </si>
  <si>
    <t>ｶﾈﾆｼｷ</t>
  </si>
  <si>
    <t>焼みょうばんスタンドパック</t>
  </si>
  <si>
    <t>重曹スタンドパック</t>
  </si>
  <si>
    <t>ヤキミョウバン</t>
  </si>
  <si>
    <t>63g</t>
  </si>
  <si>
    <t>重曹チャック付</t>
  </si>
  <si>
    <t>焼みようばん</t>
  </si>
  <si>
    <t>白鳥印_タンサン</t>
  </si>
  <si>
    <t>クエン酸</t>
  </si>
  <si>
    <t>焼ミョウバン</t>
  </si>
  <si>
    <t>５０ｇ</t>
  </si>
  <si>
    <t>なすの色だしカレンダー</t>
  </si>
  <si>
    <t>32g</t>
  </si>
  <si>
    <t>山菜のアクぬき</t>
  </si>
  <si>
    <t>重曹</t>
  </si>
  <si>
    <t>ｺｳﾀﾞｼｮｳﾃﾝ</t>
  </si>
  <si>
    <t>たんさん重曹</t>
  </si>
  <si>
    <t>松竹梅　焼明ばん</t>
  </si>
  <si>
    <t>松井物産</t>
  </si>
  <si>
    <t>ﾏﾂｲﾌﾞｯｻﾝ</t>
  </si>
  <si>
    <t>こんぶ</t>
  </si>
  <si>
    <t>ねばる漬物昆布</t>
  </si>
  <si>
    <t>くらこん</t>
  </si>
  <si>
    <t>ｸﾗｺﾝ</t>
  </si>
  <si>
    <t>ﾔﾏﾅｶ_特選松前漬_220g</t>
  </si>
  <si>
    <t>ヤマナカフーズ</t>
  </si>
  <si>
    <t>ﾔﾏﾅｶﾌｰｽﾞ</t>
  </si>
  <si>
    <t>漬物用細切昆布</t>
  </si>
  <si>
    <t>ホッカン</t>
  </si>
  <si>
    <t>ﾎｯｶﾝ</t>
  </si>
  <si>
    <t>細切昆布</t>
  </si>
  <si>
    <t>安田さざなみマイパック</t>
  </si>
  <si>
    <t>17g</t>
  </si>
  <si>
    <t>安田食品工業</t>
  </si>
  <si>
    <t>ﾔｽﾀ</t>
  </si>
  <si>
    <t>つけものこんぶ</t>
  </si>
  <si>
    <t>唐辛子</t>
  </si>
  <si>
    <t>唐辛子中荒</t>
  </si>
  <si>
    <t>ふくなが</t>
  </si>
  <si>
    <t>韓国料理用唐がらし細挽き</t>
  </si>
  <si>
    <t>テーオー食品</t>
  </si>
  <si>
    <t>ﾃ-ｵ-ｼｮｸﾋﾝ</t>
  </si>
  <si>
    <t>鬼びっくり七味唐辛子</t>
  </si>
  <si>
    <t>荒切り唐辛子</t>
  </si>
  <si>
    <t>東海香辛料</t>
  </si>
  <si>
    <t>ﾄｳｶｲｺｳｼﾝﾘｮ</t>
  </si>
  <si>
    <t>輪切り唐辛子</t>
  </si>
  <si>
    <t>15g</t>
  </si>
  <si>
    <t>本漬け専用調味料</t>
  </si>
  <si>
    <t>パリパリ梅っ子</t>
  </si>
  <si>
    <t>110ml</t>
  </si>
  <si>
    <t>ｱｶﾞﾀ</t>
  </si>
  <si>
    <t>国産赤しそ</t>
  </si>
  <si>
    <t>５００Ｇ</t>
  </si>
  <si>
    <t>ｴﾋﾒﾀｲｷ</t>
  </si>
  <si>
    <t>タカナズケノモト</t>
  </si>
  <si>
    <t>ﾊﾗ</t>
  </si>
  <si>
    <t>タクワンノモト</t>
  </si>
  <si>
    <t>ﾊﾗｼｮｸﾋﾝ</t>
  </si>
  <si>
    <t>たくあん漬け用米ぬか</t>
  </si>
  <si>
    <t>ｵｵｶﾜｼｮｸﾋﾝ</t>
  </si>
  <si>
    <t>からし漬太郎</t>
  </si>
  <si>
    <t>チヨダ</t>
  </si>
  <si>
    <t>ﾁﾖﾀﾞ</t>
  </si>
  <si>
    <t>沢庵漬の素</t>
  </si>
  <si>
    <t>梅パリ漬けの素</t>
  </si>
  <si>
    <t>120ml</t>
  </si>
  <si>
    <t>一夜漬の素</t>
  </si>
  <si>
    <t>たくあん漬けの素</t>
  </si>
  <si>
    <t>からし漬</t>
  </si>
  <si>
    <t>高菜漬けの素</t>
  </si>
  <si>
    <t>たくあん漬の素</t>
  </si>
  <si>
    <t>強力白菜漬の素</t>
  </si>
  <si>
    <t>７０ｇ</t>
  </si>
  <si>
    <t>赤箱２斗用</t>
  </si>
  <si>
    <t>７５ｇ</t>
  </si>
  <si>
    <t>たくあん漬の素　４斗用</t>
  </si>
  <si>
    <t>高橋商店</t>
  </si>
  <si>
    <t>ﾀｶﾊｼ</t>
  </si>
  <si>
    <t>醸源たくあん用</t>
  </si>
  <si>
    <t>浅漬けの素赤じそ</t>
  </si>
  <si>
    <t>ｴｲﾁｮｳ</t>
  </si>
  <si>
    <t>ママの早漬けの素香味うま口</t>
  </si>
  <si>
    <t>マスコ</t>
  </si>
  <si>
    <t>ﾏｽｺ</t>
  </si>
  <si>
    <t>ママの早漬けの素さっぱりうま口</t>
  </si>
  <si>
    <t>マリネの素</t>
  </si>
  <si>
    <t>日本海味噌醤油</t>
  </si>
  <si>
    <t>ﾆﾎﾝｶｲﾐｿ</t>
  </si>
  <si>
    <t>すぐ漬けごま入り</t>
  </si>
  <si>
    <t>8ｇ*4</t>
  </si>
  <si>
    <t>ﾆｯﾄｰﾘﾚｰ</t>
  </si>
  <si>
    <t>すぐサラダ　レモン</t>
  </si>
  <si>
    <t>ﾆｯﾄｰ</t>
  </si>
  <si>
    <t>すぐサラダ　マリネ</t>
  </si>
  <si>
    <t>すぐ漬けレモスコ味</t>
  </si>
  <si>
    <t>手作りラー油ＭＩＸ</t>
  </si>
  <si>
    <t>37.6g</t>
  </si>
  <si>
    <t>藤沢商事</t>
  </si>
  <si>
    <t>ﾌｼﾞｻﾜｼｮｳｼﾞ</t>
  </si>
  <si>
    <t>80ｇ</t>
  </si>
  <si>
    <t>なす漬の素袋</t>
  </si>
  <si>
    <t>醤油漬けの素</t>
  </si>
  <si>
    <t>355g</t>
  </si>
  <si>
    <t>西京漬の素　</t>
  </si>
  <si>
    <t>マルマン</t>
  </si>
  <si>
    <t>ﾏﾙﾏﾝ</t>
  </si>
  <si>
    <t>山菜のあくぬき</t>
  </si>
  <si>
    <t>国産　ドライおから</t>
  </si>
  <si>
    <t>ｸﾏﾓﾄﾌ-ｽﾞ</t>
  </si>
  <si>
    <t>みそ</t>
  </si>
  <si>
    <t>麦みそ</t>
  </si>
  <si>
    <t>小容量（-400g）</t>
  </si>
  <si>
    <t>国産原料無添加合わせ</t>
  </si>
  <si>
    <t>大容量（601-850g）</t>
  </si>
  <si>
    <t>手造り_田舎麦みそ</t>
  </si>
  <si>
    <t>島原みそ2個セット</t>
  </si>
  <si>
    <t>ｼﾏﾊﾞﾗﾐｿ</t>
  </si>
  <si>
    <t>大島みそ</t>
  </si>
  <si>
    <t>ｵｵｼﾏﾐｿ</t>
  </si>
  <si>
    <t>食品工業麦みそ赤</t>
  </si>
  <si>
    <t>ヤマエ食品工業</t>
  </si>
  <si>
    <t>ﾔﾏｴｼｮｸﾋﾝ</t>
  </si>
  <si>
    <t>ぶちうまい合せすりお塩ひかえめ</t>
  </si>
  <si>
    <t>シマヤ　ぶちうまい山口県の麦みそ</t>
  </si>
  <si>
    <t>ぶちうまい粒</t>
  </si>
  <si>
    <t>ぶちうまいすり</t>
  </si>
  <si>
    <t>田舎みそ</t>
  </si>
  <si>
    <t>ぶちうまい合わせ</t>
  </si>
  <si>
    <t>里ごころ麦みそ</t>
  </si>
  <si>
    <t>ニビシ醤油</t>
  </si>
  <si>
    <t>ﾆﾋﾞｼｼｮｳﾕ</t>
  </si>
  <si>
    <t>夜明け熟成生あわせ</t>
  </si>
  <si>
    <t>夜明けカップあわせ</t>
  </si>
  <si>
    <t>長期熟成カップ麦</t>
  </si>
  <si>
    <t>チョウキジュクセイカップカアワセ</t>
  </si>
  <si>
    <t>天然醸造あわせみそ</t>
  </si>
  <si>
    <t>国産素材のあわせ味噌</t>
  </si>
  <si>
    <t>だし入りみそ母の膳</t>
  </si>
  <si>
    <t>うまかだし入りみそ</t>
  </si>
  <si>
    <t>フンドーキン醤油</t>
  </si>
  <si>
    <t>ﾌﾝﾄﾞ-ｷﾝ</t>
  </si>
  <si>
    <t>低塩あわせみそ</t>
  </si>
  <si>
    <t>こだわり麦みそ</t>
  </si>
  <si>
    <t>生詰麦みそ</t>
  </si>
  <si>
    <t>ﾌﾝﾄﾞｰｷﾝ</t>
  </si>
  <si>
    <t>ﾌﾝﾄﾞｰｷﾝ_九州そだち麦_750G</t>
  </si>
  <si>
    <t>生詰麹たっぷり麦みそ</t>
  </si>
  <si>
    <t>熊本うまくち麦麹</t>
  </si>
  <si>
    <t>フンドーダイ五葉</t>
  </si>
  <si>
    <t>ﾌﾝﾄﾞｰﾀﾞｲ</t>
  </si>
  <si>
    <t>うまくち麦麹</t>
  </si>
  <si>
    <t>900g</t>
  </si>
  <si>
    <t>ﾌﾝﾄﾞ-ﾀﾞｲ</t>
  </si>
  <si>
    <t>四季の香り甘口麦粒</t>
  </si>
  <si>
    <t>ご亭主みそ</t>
  </si>
  <si>
    <t>ホシサン</t>
  </si>
  <si>
    <t>ﾎｼｻﾝ</t>
  </si>
  <si>
    <t>800ｇ</t>
  </si>
  <si>
    <t>まちむすめ</t>
  </si>
  <si>
    <t>神州一味噌甲州みそ認証</t>
  </si>
  <si>
    <t>神州一味噌</t>
  </si>
  <si>
    <t>ｼﾝｼｭｳｲﾁﾐｿ</t>
  </si>
  <si>
    <t>瀬戸内懐石麦みそ</t>
  </si>
  <si>
    <t>母さんの味みそ麦味噌</t>
  </si>
  <si>
    <t>一途麦みそ</t>
  </si>
  <si>
    <t>ふるさとの朝　麦こうじ</t>
  </si>
  <si>
    <t>三十五歩麹無添加合わせ</t>
  </si>
  <si>
    <t>あじわいあま塩合わせみそ</t>
  </si>
  <si>
    <t>宮島醤油</t>
  </si>
  <si>
    <t>ﾐﾔｼﾞﾏｼｮｳﾕ</t>
  </si>
  <si>
    <t>伝承生あわせ</t>
  </si>
  <si>
    <t>かつお味だし入りあわせ</t>
  </si>
  <si>
    <t>ヤマエ久野</t>
  </si>
  <si>
    <t>ﾔﾏｴﾋｻﾉ</t>
  </si>
  <si>
    <t>地大豆みそ無添加あわせ</t>
  </si>
  <si>
    <t>ﾔﾏｴ</t>
  </si>
  <si>
    <t>国内産原料無添加あわせ</t>
  </si>
  <si>
    <t>あまくち生麦粒</t>
  </si>
  <si>
    <t>山内本店</t>
  </si>
  <si>
    <t>ﾔﾏｳﾁ</t>
  </si>
  <si>
    <t>とっておきみそ</t>
  </si>
  <si>
    <t>ﾔﾏｳﾁﾎﾝﾃﾝ</t>
  </si>
  <si>
    <t>かねよかつおだし入り里の母米・麦あわせ</t>
  </si>
  <si>
    <t>横山味噌醤油醸造店</t>
  </si>
  <si>
    <t>ﾖｺﾔﾏﾐｿ</t>
  </si>
  <si>
    <t>天然醸造麹たっぷり優しい麦みそ</t>
  </si>
  <si>
    <t>塚原食品本舗</t>
  </si>
  <si>
    <t>ﾂｶﾊﾗｼｮｸﾋﾝ</t>
  </si>
  <si>
    <t>伊万里みそ麦こうじ</t>
  </si>
  <si>
    <t>西岡醤油店</t>
  </si>
  <si>
    <t>ﾆｼｵｶｼｮｳﾕ</t>
  </si>
  <si>
    <t>伊万里みそ合せ</t>
  </si>
  <si>
    <t>ﾆｼｵｶｼｮｳ</t>
  </si>
  <si>
    <t>蔵出しみそ</t>
  </si>
  <si>
    <t>850ｇ</t>
  </si>
  <si>
    <t>イナカズクリミソアワセ</t>
  </si>
  <si>
    <t>二反田醤油店中津工場</t>
  </si>
  <si>
    <t>ﾆﾀﾝﾀﾞ</t>
  </si>
  <si>
    <t>治郎兵衛麦みそ</t>
  </si>
  <si>
    <t>680g</t>
  </si>
  <si>
    <t>丸昌醸造場</t>
  </si>
  <si>
    <t>ﾏﾙｼｮｳ</t>
  </si>
  <si>
    <t>ﾀﾞﾃｼﾞｮｳｿﾞｳ</t>
  </si>
  <si>
    <t>麦つぶ</t>
  </si>
  <si>
    <t>マルイチ彦島醸造工場</t>
  </si>
  <si>
    <t>ﾋｺｼﾏ</t>
  </si>
  <si>
    <t>合わせ</t>
  </si>
  <si>
    <t>上麦みそ</t>
  </si>
  <si>
    <t>ﾏﾙｲﾁﾋｺｼﾞﾏ</t>
  </si>
  <si>
    <t>上スリみそ</t>
  </si>
  <si>
    <t>無添加麦味噌　やまさん</t>
  </si>
  <si>
    <t>一馬本店</t>
  </si>
  <si>
    <t>ｲﾁｳﾏﾎﾝﾃﾝ</t>
  </si>
  <si>
    <t>南予のみそ</t>
  </si>
  <si>
    <t>義農味噌</t>
  </si>
  <si>
    <t>ｷﾞﾉｳ</t>
  </si>
  <si>
    <t>伊予のみそ</t>
  </si>
  <si>
    <t>ｷﾞﾉｳﾐｿ</t>
  </si>
  <si>
    <t>伊予のみそカップ</t>
  </si>
  <si>
    <t>子守島原の田舎みそうす塩</t>
  </si>
  <si>
    <t>子守食品</t>
  </si>
  <si>
    <t>ｺﾓﾘｼｮｸﾋﾝ</t>
  </si>
  <si>
    <t>島原みそ</t>
  </si>
  <si>
    <t>島原みそ醸造元</t>
  </si>
  <si>
    <t>長崎麦みそ</t>
  </si>
  <si>
    <t>750kg</t>
  </si>
  <si>
    <t>チョーコー醤油</t>
  </si>
  <si>
    <t>ﾁｮｰｺｰｼｮｳﾕ</t>
  </si>
  <si>
    <t>長崎だより田舎みそ</t>
  </si>
  <si>
    <t>長崎だよりあわせ</t>
  </si>
  <si>
    <t>麦つぶみそ</t>
  </si>
  <si>
    <t>とくぢ味噌</t>
  </si>
  <si>
    <t>ﾄｸﾁﾞﾐｿ</t>
  </si>
  <si>
    <t>麦すりみそ</t>
  </si>
  <si>
    <t>合わせみそ</t>
  </si>
  <si>
    <t>平戸みそあわせ</t>
  </si>
  <si>
    <t>マルヤマ醤油</t>
  </si>
  <si>
    <t>ﾏﾙﾔﾏｼｮｳﾕ</t>
  </si>
  <si>
    <t>平戸みそ_麦</t>
  </si>
  <si>
    <t>麦みそカップ</t>
  </si>
  <si>
    <t>矢野味噌</t>
  </si>
  <si>
    <t>ﾔﾉﾐｿ</t>
  </si>
  <si>
    <t>中容量（401-600g）</t>
  </si>
  <si>
    <t>青柳醤油</t>
  </si>
  <si>
    <t>ｱｵﾔｷﾞｼｮｳﾕ</t>
  </si>
  <si>
    <t>西郷どん味噌</t>
  </si>
  <si>
    <t>桜みそ</t>
  </si>
  <si>
    <t>ﾀｸﾞﾁﾐｿ</t>
  </si>
  <si>
    <t>マルサンアイ　玉井味噌　匠　信州十割麹　５００ｇ</t>
  </si>
  <si>
    <t>マルサンアイ</t>
  </si>
  <si>
    <t>ﾏﾙｻﾝ</t>
  </si>
  <si>
    <t>麦と米の無添加あわせみそ</t>
  </si>
  <si>
    <t>麦こうじ無添加生みそ</t>
  </si>
  <si>
    <t>食塩50%ｶｯﾄ減塩合わせ</t>
  </si>
  <si>
    <t>ぶちうまいスリ</t>
  </si>
  <si>
    <t>ぶちうまいＣａいりタイプ</t>
  </si>
  <si>
    <t>夜明け合わせ白</t>
  </si>
  <si>
    <t>九州者あわせ</t>
  </si>
  <si>
    <t>夜明けＣあわせ</t>
  </si>
  <si>
    <t>母の膳</t>
  </si>
  <si>
    <t>甘口あわせみそ</t>
  </si>
  <si>
    <t>ジップ味噌麦白</t>
  </si>
  <si>
    <t>生きてる麦白</t>
  </si>
  <si>
    <t>おふくろ赤みそ</t>
  </si>
  <si>
    <t>生きてるあわせ</t>
  </si>
  <si>
    <t>ただいま呼吸中_みそ</t>
  </si>
  <si>
    <t>有機_あわせみそ</t>
  </si>
  <si>
    <t>減塩みそ</t>
  </si>
  <si>
    <t>無添加麦みそ</t>
  </si>
  <si>
    <t>ご亭主みそスリ</t>
  </si>
  <si>
    <t>マイルド麦みそカップ</t>
  </si>
  <si>
    <t>カップ麦みそ</t>
  </si>
  <si>
    <t>減塩合わせみそ</t>
  </si>
  <si>
    <t>減塩麦みそ</t>
  </si>
  <si>
    <t>有機栽培丸大豆100%使用みそ</t>
  </si>
  <si>
    <t>麦みそ生白</t>
  </si>
  <si>
    <t>無添加まぼろしの味噌米麦あわせ</t>
  </si>
  <si>
    <t>味みそ</t>
  </si>
  <si>
    <t>まぼろしの味噌熟成麦</t>
  </si>
  <si>
    <t>かねよやまぶきみそ</t>
  </si>
  <si>
    <t>ヤマイチ味噌</t>
  </si>
  <si>
    <t>ﾔﾏｲﾁﾐｿ</t>
  </si>
  <si>
    <t>伊万里みそ（合）</t>
  </si>
  <si>
    <t>義農味噌スパウト液状伊予のみそ麦</t>
  </si>
  <si>
    <t>ｷﾞﾉﾐｿ</t>
  </si>
  <si>
    <t>ながさきみそ</t>
  </si>
  <si>
    <t>長崎麦米合わせ</t>
  </si>
  <si>
    <t>上すり味噌</t>
  </si>
  <si>
    <t>マツキン醸造</t>
  </si>
  <si>
    <t>ﾏﾂｷﾝｼﾞｮｳｿﾞ</t>
  </si>
  <si>
    <t>こんぴら粒みそ</t>
  </si>
  <si>
    <t>丸尾醸造所</t>
  </si>
  <si>
    <t>ﾏﾙｵｼﾞｮｳｿﾞｳ</t>
  </si>
  <si>
    <t>ヤマア不知火合せ</t>
  </si>
  <si>
    <t>松合食品</t>
  </si>
  <si>
    <t>ﾏﾂｱｲｼｮｸﾋﾝ</t>
  </si>
  <si>
    <t>ヤマア真心無添加麦</t>
  </si>
  <si>
    <t>特大容量（851g-）</t>
  </si>
  <si>
    <t>アワセミソ</t>
  </si>
  <si>
    <t>マルマタしょう油</t>
  </si>
  <si>
    <t>ﾏﾙﾏﾀｼｮｳﾕ</t>
  </si>
  <si>
    <t>ムギミソ</t>
  </si>
  <si>
    <t>ﾏﾙﾏﾀ</t>
  </si>
  <si>
    <t>ｵｵｼﾏ</t>
  </si>
  <si>
    <t>くまもとみそ</t>
  </si>
  <si>
    <t>1Kgガセット</t>
  </si>
  <si>
    <t>諏訪醤油</t>
  </si>
  <si>
    <t>ｽﾜｼｮｳﾕ</t>
  </si>
  <si>
    <t>ぶちうまい合せ</t>
  </si>
  <si>
    <t>里ごころ麦こうじみそ</t>
  </si>
  <si>
    <t>トヨノクニムギミソ</t>
  </si>
  <si>
    <t>ヨアケシンアワセアカ</t>
  </si>
  <si>
    <t>豊の国あわせみそ</t>
  </si>
  <si>
    <t>天然醸造あわせ</t>
  </si>
  <si>
    <t>生の膳</t>
  </si>
  <si>
    <t>夜明け合せみそ</t>
  </si>
  <si>
    <t>冬</t>
  </si>
  <si>
    <t>甘口麦田舎みそ</t>
  </si>
  <si>
    <t>天然醸造_麦</t>
  </si>
  <si>
    <t>夜明けだし入り合わせ</t>
  </si>
  <si>
    <t>880g</t>
  </si>
  <si>
    <t>ヨアケアワセアカ</t>
  </si>
  <si>
    <t>生きてる桜みそ</t>
  </si>
  <si>
    <t>イキテルイナカミソ</t>
  </si>
  <si>
    <t>九州そだち麦</t>
  </si>
  <si>
    <t>生きてる純正赤</t>
  </si>
  <si>
    <t>生きてるあわせみそ</t>
  </si>
  <si>
    <t>生きてる合わせ</t>
  </si>
  <si>
    <t>米こうじ麦こうじ合わせみそ</t>
  </si>
  <si>
    <t>九州の麦</t>
  </si>
  <si>
    <t>生きてるみそ　減塩　あわせ</t>
  </si>
  <si>
    <t>九州の麦みそ</t>
  </si>
  <si>
    <t>熊本県産原料合わせみそ</t>
  </si>
  <si>
    <t>麦粒みそ</t>
  </si>
  <si>
    <t>ごていしゅ_麦粒みそ</t>
  </si>
  <si>
    <t>母さんの味麦</t>
  </si>
  <si>
    <t>味噌一途_麦</t>
  </si>
  <si>
    <t>カップ合わせみそ</t>
  </si>
  <si>
    <t>甘塩あわせみそ</t>
  </si>
  <si>
    <t>麦みそあまくち炊きたて</t>
  </si>
  <si>
    <t>炊きたて合わせ</t>
  </si>
  <si>
    <t>あわせみそ</t>
  </si>
  <si>
    <t>マルジュ麦すりみそ</t>
  </si>
  <si>
    <t>熊本甘口みそ</t>
  </si>
  <si>
    <t>シロナマミソ</t>
  </si>
  <si>
    <t>アサゲ　ムギ</t>
  </si>
  <si>
    <t>大和味噌醸造</t>
  </si>
  <si>
    <t>ﾔﾏﾄﾐｿ</t>
  </si>
  <si>
    <t>大和天然醸造合せ</t>
  </si>
  <si>
    <t>かねよ麦みそ</t>
  </si>
  <si>
    <t>かねよ生あわせみそ</t>
  </si>
  <si>
    <t>かねよ薩摩みそ生</t>
  </si>
  <si>
    <t>合せみそジャンボ</t>
  </si>
  <si>
    <t>鶴味噌醸造</t>
  </si>
  <si>
    <t>ﾂﾙﾐｿ</t>
  </si>
  <si>
    <t>郡上みそ</t>
  </si>
  <si>
    <t>大坪醤油</t>
  </si>
  <si>
    <t>ｵｵﾂﾎﾞｼｮｳﾕ</t>
  </si>
  <si>
    <t>坊津味噌加工工場</t>
  </si>
  <si>
    <t>ﾎﾞｳﾉﾂﾐｿｶｺｳ</t>
  </si>
  <si>
    <t>神田味噌醤油醸造場</t>
  </si>
  <si>
    <t>ｶﾝﾀﾞﾐｿｼｮｳﾕ</t>
  </si>
  <si>
    <t>田舎みそすり</t>
  </si>
  <si>
    <t>蔵出しあわせカップ</t>
  </si>
  <si>
    <t>きんざん麦みそ</t>
  </si>
  <si>
    <t>金山本店</t>
  </si>
  <si>
    <t>ｶﾅﾔﾏﾎﾝﾃﾝ</t>
  </si>
  <si>
    <t>合せ蔵仕込み</t>
  </si>
  <si>
    <t>博愛みそ</t>
  </si>
  <si>
    <t>佐仲みそ総本店</t>
  </si>
  <si>
    <t>ｻﾅｶﾐｿｿｳ</t>
  </si>
  <si>
    <t>福山の田舎みそさつま生</t>
  </si>
  <si>
    <t>ﾀﾞﾃ</t>
  </si>
  <si>
    <t>田舎麦みそ</t>
  </si>
  <si>
    <t>蛭子屋</t>
  </si>
  <si>
    <t>ｴﾋﾞｽﾐｿ</t>
  </si>
  <si>
    <t>合せみそ</t>
  </si>
  <si>
    <t>心から本づくり麦みそ</t>
  </si>
  <si>
    <t>キンコー醤油</t>
  </si>
  <si>
    <t>ｷﾝｺｰｼｮｳﾕ</t>
  </si>
  <si>
    <t>子守みそ</t>
  </si>
  <si>
    <t>田舎味噌うすじお</t>
  </si>
  <si>
    <t>子守　島原の子守みそ　　　　　　　　　　</t>
  </si>
  <si>
    <t>島原田舎みそうす塩</t>
  </si>
  <si>
    <t>手づくり島原みそ</t>
  </si>
  <si>
    <t>純正長崎みそ</t>
  </si>
  <si>
    <t>九州麦みそ</t>
  </si>
  <si>
    <t>ﾄｸﾁﾞ</t>
  </si>
  <si>
    <t>麦味噌</t>
  </si>
  <si>
    <t>ﾏﾂｷﾝ</t>
  </si>
  <si>
    <t>ﾋｼｸさつま田舎みそ</t>
  </si>
  <si>
    <t>藤安醸造</t>
  </si>
  <si>
    <t>ﾋｼｸ</t>
  </si>
  <si>
    <t>ほれぼれさつま麦みそ</t>
  </si>
  <si>
    <t>ﾌｼﾞﾔｽ</t>
  </si>
  <si>
    <t>ヒシク薩摩みそ_せごどん</t>
  </si>
  <si>
    <t>ほれぼれ米・麦あわせ</t>
  </si>
  <si>
    <t>生みそ白麦</t>
  </si>
  <si>
    <t>早川しょうゆみそ</t>
  </si>
  <si>
    <t>ﾊﾔｶﾜｼｮｳﾕﾐｿ</t>
  </si>
  <si>
    <t>ﾊﾔｶﾜ</t>
  </si>
  <si>
    <t>合わせ生</t>
  </si>
  <si>
    <t>田舎麦みそ天然醸造減塩みそ</t>
  </si>
  <si>
    <t>ﾊﾂﾕｷﾔ</t>
  </si>
  <si>
    <t>日奈久麦味噌</t>
  </si>
  <si>
    <t>丸屋商店</t>
  </si>
  <si>
    <t>ﾏﾙﾔｼｮｳﾃﾝ</t>
  </si>
  <si>
    <t>手造り伝統の味無添加山門みそ</t>
  </si>
  <si>
    <t>山門醸造</t>
  </si>
  <si>
    <t>ﾔﾏﾄﾞ</t>
  </si>
  <si>
    <t>無添加さつま川辺みそ</t>
  </si>
  <si>
    <t>上原産業</t>
  </si>
  <si>
    <t>ﾔﾏｶﾞﾐ</t>
  </si>
  <si>
    <t>白みそ</t>
  </si>
  <si>
    <t>かねこみそ</t>
  </si>
  <si>
    <t>ｶﾈｺﾐｿ</t>
  </si>
  <si>
    <t>かねこみそ白みそコンビニパック</t>
  </si>
  <si>
    <t>カップ白みそ蔵</t>
  </si>
  <si>
    <t>国産原料白みそスタンドパック</t>
  </si>
  <si>
    <t>スパウト　だし入り白みそ</t>
  </si>
  <si>
    <t>ｼﾝｼﾞｮｳ</t>
  </si>
  <si>
    <t>日本海白みそガセット300g</t>
  </si>
  <si>
    <t>ﾆﾎﾝｶｲ</t>
  </si>
  <si>
    <t>白みそ　カップ</t>
  </si>
  <si>
    <t>九州あわせみそ</t>
  </si>
  <si>
    <t>減塩あわせ</t>
  </si>
  <si>
    <t>京風白みそ</t>
  </si>
  <si>
    <t>料亭の味白みそ</t>
  </si>
  <si>
    <t>375g</t>
  </si>
  <si>
    <t>ヤマク食品しぼり味噌白みそ350g</t>
  </si>
  <si>
    <t>350G</t>
  </si>
  <si>
    <t>ヤマク食品</t>
  </si>
  <si>
    <t>ﾔﾏｸｼｮｸﾋﾝ</t>
  </si>
  <si>
    <t>ヤマク食品白みそ</t>
  </si>
  <si>
    <t>中屋醸造所</t>
  </si>
  <si>
    <t>ﾅｶﾔ</t>
  </si>
  <si>
    <t>ゆのまち味噌白カップ</t>
  </si>
  <si>
    <t>津軽味噌醤油</t>
  </si>
  <si>
    <t>白みそ袋入り</t>
  </si>
  <si>
    <t>イヅツみそ</t>
  </si>
  <si>
    <t>ｲﾂﾞﾂ</t>
  </si>
  <si>
    <t>イヅツ別仕込べっぴん白づくり角カップ</t>
  </si>
  <si>
    <t>ﾌﾒｲ</t>
  </si>
  <si>
    <t>錦味噌白みそ</t>
  </si>
  <si>
    <t>小西本店</t>
  </si>
  <si>
    <t>ｺﾆｼﾎﾝﾃﾝ</t>
  </si>
  <si>
    <t>讃岐白みそピロー</t>
  </si>
  <si>
    <t>讃岐食品工業</t>
  </si>
  <si>
    <t>ｻﾇｷｼｮｸﾋﾝ</t>
  </si>
  <si>
    <t>西京白みそ（デラックス）</t>
  </si>
  <si>
    <t>西京味噌</t>
  </si>
  <si>
    <t>ｻｲｷｮｳﾐｿ</t>
  </si>
  <si>
    <t>白みそ別撰</t>
  </si>
  <si>
    <t>西京京の彩</t>
  </si>
  <si>
    <t>白みそ　京丹波</t>
  </si>
  <si>
    <t>ｻｲｷﾖｳ</t>
  </si>
  <si>
    <t>美州白みそ</t>
  </si>
  <si>
    <t>馬場商店</t>
  </si>
  <si>
    <t>ﾊﾞﾊﾞｼｮｳﾃﾝ</t>
  </si>
  <si>
    <t>備州白みそ　カップ</t>
  </si>
  <si>
    <t>５００ｇ</t>
  </si>
  <si>
    <t>ﾋﾞｼﾕｳ</t>
  </si>
  <si>
    <t>ﾋﾞｼｭｳｼﾛﾐｿﾔｻﾝ</t>
  </si>
  <si>
    <t>有機生みそ白</t>
  </si>
  <si>
    <t>有機減塩みそ</t>
  </si>
  <si>
    <t>ほんあじ白こし</t>
  </si>
  <si>
    <t>マルサほんあじこうじ粒</t>
  </si>
  <si>
    <t>カニ米</t>
  </si>
  <si>
    <t>可兒醤油</t>
  </si>
  <si>
    <t>ｶﾆｼｮｳﾕ</t>
  </si>
  <si>
    <t>マルダイ特醸甘こうじ</t>
  </si>
  <si>
    <t>マルダイ味噌販売</t>
  </si>
  <si>
    <t>ﾏﾙﾀﾞｲﾐｿ</t>
  </si>
  <si>
    <t>米スリみそ</t>
  </si>
  <si>
    <t>ﾏﾙｻﾝｱｲ</t>
  </si>
  <si>
    <t>白味噌袋</t>
  </si>
  <si>
    <t>国産原料にこだわった白みそ</t>
  </si>
  <si>
    <t>信州白こし</t>
  </si>
  <si>
    <t>竹屋</t>
  </si>
  <si>
    <t>ﾀｹﾔ</t>
  </si>
  <si>
    <t>うす塩西京白味噌</t>
  </si>
  <si>
    <t>ナカモ</t>
  </si>
  <si>
    <t>ﾅｶﾓ</t>
  </si>
  <si>
    <t>京懐石京あわせ650g</t>
  </si>
  <si>
    <t>寿みそ桐印白造り袋</t>
  </si>
  <si>
    <t>日本清酒</t>
  </si>
  <si>
    <t>ﾆﾎﾝｾｲｼｭ</t>
  </si>
  <si>
    <t>信州諏訪産無添加きぬごし白</t>
  </si>
  <si>
    <t>ｼﾝｼﾕｳｲﾁﾐｿ</t>
  </si>
  <si>
    <t>だし入りみ子ちゃん白</t>
  </si>
  <si>
    <t>750ml</t>
  </si>
  <si>
    <t>ｼﾝｼｭｳｲﾁ</t>
  </si>
  <si>
    <t>国産大豆100％白みそ</t>
  </si>
  <si>
    <t>藤勇醸造白味噌750g</t>
  </si>
  <si>
    <t>750G</t>
  </si>
  <si>
    <t>藤勇醸造</t>
  </si>
  <si>
    <t>ﾌｼﾞﾕｳ</t>
  </si>
  <si>
    <t>イヅツみそ最高級品白みそカップ入り500g</t>
  </si>
  <si>
    <t>ｲﾂﾞﾂﾐｿ</t>
  </si>
  <si>
    <t>白みそ角カップ</t>
  </si>
  <si>
    <t>ｲｲﾂﾞﾐｿ</t>
  </si>
  <si>
    <t>中白みそスリ</t>
  </si>
  <si>
    <t>オカベみそ</t>
  </si>
  <si>
    <t>ｵｶﾍﾞ</t>
  </si>
  <si>
    <t>こがね味　白味噌_カップ</t>
  </si>
  <si>
    <t>明治</t>
  </si>
  <si>
    <t>ｺｶﾞﾈﾐｿ</t>
  </si>
  <si>
    <t>錦カップ白みそ</t>
  </si>
  <si>
    <t>しろみそ</t>
  </si>
  <si>
    <t>西京味噌別撰西京白みそ</t>
  </si>
  <si>
    <t>白みそ都の華</t>
  </si>
  <si>
    <t>西京白みそ</t>
  </si>
  <si>
    <t>シロミソヤサンノカップ</t>
  </si>
  <si>
    <t>ハコショウ南部一番みそ白1kg</t>
  </si>
  <si>
    <t>ハコショウ食品工業</t>
  </si>
  <si>
    <t>ﾊｺｼｮｳ</t>
  </si>
  <si>
    <t>こんぴら白みそ</t>
  </si>
  <si>
    <t>丸尾こんぴら白みそGZ袋1kg</t>
  </si>
  <si>
    <t>特撰白みそ</t>
  </si>
  <si>
    <t>ヤマニ味噌</t>
  </si>
  <si>
    <t>ﾔﾏﾆﾐｿ</t>
  </si>
  <si>
    <t>赤だし</t>
  </si>
  <si>
    <t>宮崎牛味噌</t>
  </si>
  <si>
    <t>無添加低塩あわせ</t>
  </si>
  <si>
    <t>京赤だし</t>
  </si>
  <si>
    <t>伝承製法八丁味噌</t>
  </si>
  <si>
    <t>名古屋八丁赤だし</t>
  </si>
  <si>
    <t>献立いろいろみそ赤</t>
  </si>
  <si>
    <t>本場赤だしみそ</t>
  </si>
  <si>
    <t>赤出し味噌葵カップ</t>
  </si>
  <si>
    <t>八丁味噌</t>
  </si>
  <si>
    <t>ｶｸｷｭｰ</t>
  </si>
  <si>
    <t>八丁赤だし</t>
  </si>
  <si>
    <t>ﾊｯﾁｮｳﾐｿ</t>
  </si>
  <si>
    <t>特選赤だし</t>
  </si>
  <si>
    <t>赤だしカップ</t>
  </si>
  <si>
    <t>料亭赤だし</t>
  </si>
  <si>
    <t>ジャポニックス</t>
  </si>
  <si>
    <t>ｼﾞｬﾎﾟﾆｯｸｽ</t>
  </si>
  <si>
    <t>錦味噌赤みそ</t>
  </si>
  <si>
    <t>錦味噌赤だし</t>
  </si>
  <si>
    <t>赤だし1kg</t>
  </si>
  <si>
    <t>無添加生赤だし</t>
  </si>
  <si>
    <t>とけやすい味赤だし</t>
  </si>
  <si>
    <t>６５０ｇ</t>
  </si>
  <si>
    <t>だし入り赤だし</t>
  </si>
  <si>
    <t>ﾏﾙｻﾝ_懐石1kg</t>
  </si>
  <si>
    <t>赤だしみそ懐石</t>
  </si>
  <si>
    <t>赤だしこうじ</t>
  </si>
  <si>
    <t>サンジルシ醸造</t>
  </si>
  <si>
    <t>ｻﾝｼﾞﾙｼ</t>
  </si>
  <si>
    <t>塩ひかえめ料亭赤だし</t>
  </si>
  <si>
    <t>減塩特選_料亭赤だし</t>
  </si>
  <si>
    <t>だし入り料亭赤だし</t>
  </si>
  <si>
    <t>特選料亭赤だし</t>
  </si>
  <si>
    <t>京懐石味赤だし</t>
  </si>
  <si>
    <t>京懐石味赤だし650g</t>
  </si>
  <si>
    <t>カクキュー赤出し味噌銀カップ900g</t>
  </si>
  <si>
    <t>900G</t>
  </si>
  <si>
    <t>手づくりみそ　赤つぶ</t>
  </si>
  <si>
    <t>ますづか無為自然豆みそ</t>
  </si>
  <si>
    <t>野田味噌商店</t>
  </si>
  <si>
    <t>ﾉﾀﾞﾐｿｼｮｳﾃﾝ</t>
  </si>
  <si>
    <t>ゆのまち味噌赤カップ</t>
  </si>
  <si>
    <t>丸昌治郎兵衛郡上みそ帯掛</t>
  </si>
  <si>
    <t>ゴールド赤だし八丁</t>
  </si>
  <si>
    <t>まるや八丁味噌</t>
  </si>
  <si>
    <t>ﾏﾙﾔﾊｯﾁｮｳ</t>
  </si>
  <si>
    <t>特選赤みそ</t>
  </si>
  <si>
    <t>登穀味噌カップ</t>
  </si>
  <si>
    <t>ヤマカノ醸造</t>
  </si>
  <si>
    <t>ﾔﾏｶﾉ</t>
  </si>
  <si>
    <t>芳醇生赤だし</t>
  </si>
  <si>
    <t>無添加国産赤だし</t>
  </si>
  <si>
    <t>厳選国産生赤だし</t>
  </si>
  <si>
    <t>愛知大豆100%豆みそ</t>
  </si>
  <si>
    <t>愛知県産大豆の豆みそ</t>
  </si>
  <si>
    <t>本場赤だし味噌</t>
  </si>
  <si>
    <t>無添加赤だし</t>
  </si>
  <si>
    <t>サンジルシ　即席　料亭赤だし　カップ</t>
  </si>
  <si>
    <t>1食</t>
  </si>
  <si>
    <t>減塩特選料亭赤だし</t>
  </si>
  <si>
    <t>料亭赤だし　やわらかさん</t>
  </si>
  <si>
    <t>料亭赤だしカップ</t>
  </si>
  <si>
    <t>生みそ</t>
  </si>
  <si>
    <t>赤出し味噌カップ</t>
  </si>
  <si>
    <t>三河産大豆　八丁味噌　銀袋</t>
  </si>
  <si>
    <t>赤だし味噌銀カップ</t>
  </si>
  <si>
    <t>金カップ</t>
  </si>
  <si>
    <t>八丁味噌　カクキュー三州赤だし</t>
  </si>
  <si>
    <t>ｶｸｷｭｳ</t>
  </si>
  <si>
    <t>赤だし銀ｶｯﾌﾟ</t>
  </si>
  <si>
    <t>液みそ赤だし</t>
  </si>
  <si>
    <t>あま塩八丁赤だし</t>
  </si>
  <si>
    <t>名古屋みそ</t>
  </si>
  <si>
    <t>ヤマク食品無添加の蔵赤つぶ675g</t>
  </si>
  <si>
    <t>675G</t>
  </si>
  <si>
    <t>割烹赤だし</t>
  </si>
  <si>
    <t>無為自然豆味噌</t>
  </si>
  <si>
    <t>ﾏｽﾂﾞｶﾐｿ</t>
  </si>
  <si>
    <t>みそ赤カップ</t>
  </si>
  <si>
    <t>佐々長醸造</t>
  </si>
  <si>
    <t>ｻｻﾁｮｳ</t>
  </si>
  <si>
    <t>郡上味噌</t>
  </si>
  <si>
    <t>ﾏﾙｼｮｳｼﾞｮｳｿ</t>
  </si>
  <si>
    <t>蔵吟赤だし八丁</t>
  </si>
  <si>
    <t>蔵通り赤だしみそ</t>
  </si>
  <si>
    <t>赤だし味噌　カップ</t>
  </si>
  <si>
    <t>錦カップ赤みそ</t>
  </si>
  <si>
    <t>だし入り</t>
  </si>
  <si>
    <t>あわせ</t>
  </si>
  <si>
    <t>かねさ_割烹のこしみそ</t>
  </si>
  <si>
    <t>かねさ</t>
  </si>
  <si>
    <t>ｶﾈｻ</t>
  </si>
  <si>
    <t>スパウトだし入り白みそ</t>
  </si>
  <si>
    <t>だし入りみそ</t>
  </si>
  <si>
    <t>こだわりだし入みそ金パウチ</t>
  </si>
  <si>
    <t>ハナマルキ　かるしおおいしい減塩だし入りみそ　Ｐ３００ｇ</t>
  </si>
  <si>
    <t>カップ赤だししじみ</t>
  </si>
  <si>
    <t>マルコメ_信州みそ</t>
  </si>
  <si>
    <t>マルコメ_合わせみそ</t>
  </si>
  <si>
    <t>だし入り料亭の味</t>
  </si>
  <si>
    <t>だし入り料亭減塩カップ</t>
  </si>
  <si>
    <t>京懐石</t>
  </si>
  <si>
    <t>325g</t>
  </si>
  <si>
    <t>マルコメ　料亭の味　コナミソ　150g</t>
  </si>
  <si>
    <t>150G</t>
  </si>
  <si>
    <t>だし入り合わせみそ</t>
  </si>
  <si>
    <t>義農味噌旨辛唐辛子みそ130g</t>
  </si>
  <si>
    <t>義農味噌いりこみそ120g</t>
  </si>
  <si>
    <t>120G</t>
  </si>
  <si>
    <t>だし入ひゃくまん穀味噌</t>
  </si>
  <si>
    <t>加賀味噌食品工業協業組合</t>
  </si>
  <si>
    <t>ｶｶﾞﾐｿ</t>
  </si>
  <si>
    <t>だし入り味噌カップ</t>
  </si>
  <si>
    <t>だし入り味噌</t>
  </si>
  <si>
    <t>だし入りあわせ</t>
  </si>
  <si>
    <t>ミックス</t>
  </si>
  <si>
    <t>とけやすい味あわせ</t>
  </si>
  <si>
    <t>とけやすい　味あわせ</t>
  </si>
  <si>
    <t>とけやすい味赤あわせ</t>
  </si>
  <si>
    <t>だし入りあわせみそ</t>
  </si>
  <si>
    <t>だし入りコクとうま味こし</t>
  </si>
  <si>
    <t>だし入りこうじ</t>
  </si>
  <si>
    <t>だしいりこくとうまみ</t>
  </si>
  <si>
    <t>だし入り合わせ</t>
  </si>
  <si>
    <t>紅一点だし入みそ減塩タッチポン付</t>
  </si>
  <si>
    <t>岩田醸造</t>
  </si>
  <si>
    <t>ｲﾜﾀｼﾞｮｳｿﾞｳ</t>
  </si>
  <si>
    <t>紅一点だし入こうじみそタッチポン付</t>
  </si>
  <si>
    <t>紅一点だし入りみそ</t>
  </si>
  <si>
    <t>だし入みそこじゃんとうまい</t>
  </si>
  <si>
    <t>甘口みそ_だし入り</t>
  </si>
  <si>
    <t>料亭合わせ</t>
  </si>
  <si>
    <t>だし入り料亭合わせ</t>
  </si>
  <si>
    <t>だし入り料亭赤だしカップ</t>
  </si>
  <si>
    <t>だし入り料亭合わせカップ</t>
  </si>
  <si>
    <t>だしのいらないサットとけるみそ</t>
  </si>
  <si>
    <t>風味だしみそ</t>
  </si>
  <si>
    <t>ぶちうまい鰹カップ</t>
  </si>
  <si>
    <t>かしこいだし入りみそ</t>
  </si>
  <si>
    <t>ﾆﾋﾞｼ</t>
  </si>
  <si>
    <t>京懐石京あわせ</t>
  </si>
  <si>
    <t>京懐石あわせ</t>
  </si>
  <si>
    <t>だし入り風味一番カップ</t>
  </si>
  <si>
    <t>カップおかあさん田舎みそ</t>
  </si>
  <si>
    <t>カップお母さんこし</t>
  </si>
  <si>
    <t>だし入り風味一番カップ減塩</t>
  </si>
  <si>
    <t>だし入りおかあさん</t>
  </si>
  <si>
    <t>カップおかあさん合わせ</t>
  </si>
  <si>
    <t>７５０ｇ</t>
  </si>
  <si>
    <t>おかあさんみそこし</t>
  </si>
  <si>
    <t>おかあさんみそ合わせ</t>
  </si>
  <si>
    <t>マルダイだし入りみそ</t>
  </si>
  <si>
    <t>だし入り風味一番</t>
  </si>
  <si>
    <t>だし入り風味一番減塩</t>
  </si>
  <si>
    <t>ダシガミソデス</t>
  </si>
  <si>
    <t>ヨアケカップ_ダシイリ</t>
  </si>
  <si>
    <t>田舎みそだし入りカップ</t>
  </si>
  <si>
    <t>ﾌｸﾔﾏ</t>
  </si>
  <si>
    <t>田舎みそだし入りこし詰替用</t>
  </si>
  <si>
    <t>ﾄﾓｴ田舎みそだしいりゴールド</t>
  </si>
  <si>
    <t>有機味噌だし入り</t>
  </si>
  <si>
    <t>ひかり味噌</t>
  </si>
  <si>
    <t>ﾋｶﾘﾐｿ</t>
  </si>
  <si>
    <t>信州蔵こうじみそ</t>
  </si>
  <si>
    <t>だし入りみ子ちゃんあわせ</t>
  </si>
  <si>
    <t>だし入りみ子ちゃん減塩</t>
  </si>
  <si>
    <t>マルコメ君こしみそ</t>
  </si>
  <si>
    <t>マルコメ君　あわせ</t>
  </si>
  <si>
    <t>マルコメ君こし</t>
  </si>
  <si>
    <t>マルコメ君こうじ</t>
  </si>
  <si>
    <t>マルコメ君あわせ</t>
  </si>
  <si>
    <t>料亭の味</t>
  </si>
  <si>
    <t>一休さん</t>
  </si>
  <si>
    <t>料亭の味減塩</t>
  </si>
  <si>
    <t>マルコメ君合わせ</t>
  </si>
  <si>
    <t>料亭の味あごだし</t>
  </si>
  <si>
    <t>料亭の味米麦合わせだし入り</t>
  </si>
  <si>
    <t>マルコメ京懐石</t>
  </si>
  <si>
    <t>山高味噌割烹仕立てあわせみそ鰹だし650g</t>
  </si>
  <si>
    <t>山高味噌</t>
  </si>
  <si>
    <t>ﾔﾏﾀｶﾐｿ</t>
  </si>
  <si>
    <t>山高味噌割烹仕立てこうじみそ昆布だし650g</t>
  </si>
  <si>
    <t>玉味噌カップ</t>
  </si>
  <si>
    <t>伊賀越</t>
  </si>
  <si>
    <t>ｲｶﾞｺﾞｴ</t>
  </si>
  <si>
    <t>錦カップあじみそ</t>
  </si>
  <si>
    <t>あごだし入り錦あじカップ味噌</t>
  </si>
  <si>
    <t>ほれぼれだし入りあわせ</t>
  </si>
  <si>
    <t>北海道昆布だし入りみそカップ</t>
  </si>
  <si>
    <t>国産生コクの極み</t>
  </si>
  <si>
    <t>国産生減塩20%</t>
  </si>
  <si>
    <t>マルサ昆布だしみそ</t>
  </si>
  <si>
    <t>マルサ本格だし入りみそ</t>
  </si>
  <si>
    <t>マルサ減塩だしみそ</t>
  </si>
  <si>
    <t>芳醇生あわせ</t>
  </si>
  <si>
    <t>厳選国産生あわせ</t>
  </si>
  <si>
    <t>純正こうじカップ</t>
  </si>
  <si>
    <t>伊豆みそこしみそ750g</t>
  </si>
  <si>
    <t>伊豆フェルメンテ</t>
  </si>
  <si>
    <t>ｲｽﾞﾌｪﾙﾒﾝﾃ</t>
  </si>
  <si>
    <t>伊豆みそつぶみそ750g</t>
  </si>
  <si>
    <t>かねさ甘口みそだし入り</t>
  </si>
  <si>
    <t>料亭あわせ　やわらかさん</t>
  </si>
  <si>
    <t>さっととけるみそ</t>
  </si>
  <si>
    <t>かきだし入りみそ</t>
  </si>
  <si>
    <t>だしのいらないさっととけるみそ</t>
  </si>
  <si>
    <t>ぶちうまいだし入り合わせ</t>
  </si>
  <si>
    <t>減塩ぶちうまいすり</t>
  </si>
  <si>
    <t>極だし</t>
  </si>
  <si>
    <t>粗削りだし入りみそ</t>
  </si>
  <si>
    <t>トモエ田舎みそだし入り</t>
  </si>
  <si>
    <t>トモエ田舎みそだし入り詰替</t>
  </si>
  <si>
    <t>生詰無添加合わせ使用だし入りみそ</t>
  </si>
  <si>
    <t>神州一おいしい減塩みそ</t>
  </si>
  <si>
    <t>ﾐﾔｻｶｼﾞｮｳｿﾞ</t>
  </si>
  <si>
    <t>おいしい低塩</t>
  </si>
  <si>
    <t>液みそ合わせ</t>
  </si>
  <si>
    <t>液みそ_料亭の味</t>
  </si>
  <si>
    <t>絶品の味</t>
  </si>
  <si>
    <t>液みそ絶品の味</t>
  </si>
  <si>
    <t>430g</t>
  </si>
  <si>
    <t>山高味噌スパウト減塩米こうじみそ550g</t>
  </si>
  <si>
    <t>山高減塩田舎みそスパウト</t>
  </si>
  <si>
    <t>さんきちの手仕込みこうじ味噌</t>
  </si>
  <si>
    <t>ネスレ日本</t>
  </si>
  <si>
    <t>ﾈｽﾚ</t>
  </si>
  <si>
    <t>ゆっくり熟成天然醸造味噌</t>
  </si>
  <si>
    <t>ヒシクラ</t>
  </si>
  <si>
    <t>ﾋｼｸﾗ</t>
  </si>
  <si>
    <t>だし入り田舎みそ袋</t>
  </si>
  <si>
    <t>だし入り合せみそ</t>
  </si>
  <si>
    <t>だしあわせみそ</t>
  </si>
  <si>
    <t>かねさだし入りみそ</t>
  </si>
  <si>
    <t>だしのいらないｻｯﾄとけるみそ</t>
  </si>
  <si>
    <t>出し入りおかあさん</t>
  </si>
  <si>
    <t>お母さんみそだし入り</t>
  </si>
  <si>
    <t>ハナマルキ_はなまる２１</t>
  </si>
  <si>
    <t>おかあさん味噌カップ</t>
  </si>
  <si>
    <t>ハナマルキおかあさんの無添加</t>
  </si>
  <si>
    <t>だし入りみそ_母の膳</t>
  </si>
  <si>
    <t>田舎みそだし入り_カップ</t>
  </si>
  <si>
    <t>料亭だしいりみそ</t>
  </si>
  <si>
    <t>信州だし入り合わせみそ</t>
  </si>
  <si>
    <t>一休さんみそ</t>
  </si>
  <si>
    <t>限定_一休さん</t>
  </si>
  <si>
    <t>一休さん増量</t>
  </si>
  <si>
    <t>750g+250g</t>
  </si>
  <si>
    <t>山高味噌おみそやさん1kg</t>
  </si>
  <si>
    <t>信州だし入り味噌</t>
  </si>
  <si>
    <t>西友</t>
  </si>
  <si>
    <t>ﾐﾅｻﾏﾉｵｽﾐﾂｷ</t>
  </si>
  <si>
    <t>信州だし入り味噌減塩25%カット</t>
  </si>
  <si>
    <t>米味噌</t>
  </si>
  <si>
    <t>昆布だし入りみそカップ</t>
  </si>
  <si>
    <t>漬物みそ</t>
  </si>
  <si>
    <t>味みそ_カップ入り</t>
  </si>
  <si>
    <t>通常品</t>
  </si>
  <si>
    <t>こうじの力あわせ</t>
  </si>
  <si>
    <t>浦野醤油醸造元</t>
  </si>
  <si>
    <t>ｳﾗﾉｼｮｳﾕ</t>
  </si>
  <si>
    <t>ゴールデンみそ</t>
  </si>
  <si>
    <t>赤味噌ゴールド袋</t>
  </si>
  <si>
    <t>無添加玄米入りみそ</t>
  </si>
  <si>
    <t>ｼﾝｼﾞﾖｳ</t>
  </si>
  <si>
    <t>食塩50%ｶｯﾄ減塩生みそ</t>
  </si>
  <si>
    <t>信州味噌　昔ながらの半粒　３００ｇ</t>
  </si>
  <si>
    <t>信州味噌</t>
  </si>
  <si>
    <t>ｼﾝｼｭｳﾐｿ</t>
  </si>
  <si>
    <t>信州味噌　塩気が少ない　３００ｇ</t>
  </si>
  <si>
    <t>信州味噌　さっぱりしたこしみそ　３００ｇ</t>
  </si>
  <si>
    <t>里ごころ福岡県産大豆みそ合わせこうじ</t>
  </si>
  <si>
    <t>日本海雪ちゃん特選ピローP07500g</t>
  </si>
  <si>
    <t>日本海雪ちゃん特選漉ピローP10500g</t>
  </si>
  <si>
    <t>カップ米こしC04</t>
  </si>
  <si>
    <t>日本海雪ちゃん減塩こうじみそ500g</t>
  </si>
  <si>
    <t>日本海天熟カップC02500g</t>
  </si>
  <si>
    <t>日本海雪ちゃん減塩こしみそカップ500g</t>
  </si>
  <si>
    <t>信州味噌　赤</t>
  </si>
  <si>
    <t>信州味噌　白</t>
  </si>
  <si>
    <t>料亭の味合わせ</t>
  </si>
  <si>
    <t>塩分ハーフ</t>
  </si>
  <si>
    <t>神州一減塩</t>
  </si>
  <si>
    <t>低塩みそ</t>
  </si>
  <si>
    <t>赤味噌</t>
  </si>
  <si>
    <t>つけて美味しいまぼろしの味噌</t>
  </si>
  <si>
    <t>長野味噌_特選こうじみそ</t>
  </si>
  <si>
    <t>長野味噌</t>
  </si>
  <si>
    <t>ﾅｶﾞﾉﾐｿ</t>
  </si>
  <si>
    <t>中屋粒みそピロ</t>
  </si>
  <si>
    <t>ひゃくまん穀味噌</t>
  </si>
  <si>
    <t>生塩こうじ</t>
  </si>
  <si>
    <t>醗酵の郷越後</t>
  </si>
  <si>
    <t>峰村商店</t>
  </si>
  <si>
    <t>ﾐﾈﾑﾗ</t>
  </si>
  <si>
    <t>本格津軽味噌赤こし</t>
  </si>
  <si>
    <t>本格津軽味噌白こし</t>
  </si>
  <si>
    <t>田舎米みそ</t>
  </si>
  <si>
    <t>米こし味噌カップ</t>
  </si>
  <si>
    <t>特選岩泉味噌　2個セット</t>
  </si>
  <si>
    <t>700g*２</t>
  </si>
  <si>
    <t>ｲﾜｲｽﾞﾐﾐｿ</t>
  </si>
  <si>
    <t>こしひかり歳月米こうじ</t>
  </si>
  <si>
    <t>花くらべ</t>
  </si>
  <si>
    <t>九重高原みそ合わせ粒</t>
  </si>
  <si>
    <t>麻生醤油醸造場</t>
  </si>
  <si>
    <t>ｱｿｳｼｮｳﾕ</t>
  </si>
  <si>
    <t>九重高原みそ米粒</t>
  </si>
  <si>
    <t>純正こうじ</t>
  </si>
  <si>
    <t>純正こうじ減塩</t>
  </si>
  <si>
    <t>純正こうじ味噌</t>
  </si>
  <si>
    <t>白虎みそ</t>
  </si>
  <si>
    <t>会津天寳醸造</t>
  </si>
  <si>
    <t>ｱｲﾂﾞﾃﾝﾎﾟｳ</t>
  </si>
  <si>
    <t>北海道大豆みそ　清里</t>
  </si>
  <si>
    <t>北海道白粒味噌</t>
  </si>
  <si>
    <t>赤口ピロー</t>
  </si>
  <si>
    <t>無農薬大豆味噌</t>
  </si>
  <si>
    <t>御膳みそデラックスカップ</t>
  </si>
  <si>
    <t>減塩御膳みそデラックス</t>
  </si>
  <si>
    <t>甘熟みそこし</t>
  </si>
  <si>
    <t>御膳みそデラックス</t>
  </si>
  <si>
    <t>かねこみそこじゃんとうまい</t>
  </si>
  <si>
    <t>かねこみそ生みそ御膳</t>
  </si>
  <si>
    <t>かねこみそ樽仕込</t>
  </si>
  <si>
    <t>ね太郎_こしみそ</t>
  </si>
  <si>
    <t>ね太郎_糀つぶみそ</t>
  </si>
  <si>
    <t>糀つぶカップ</t>
  </si>
  <si>
    <t>ね太郎赤こし</t>
  </si>
  <si>
    <t>ｶﾈｻﾐｿ</t>
  </si>
  <si>
    <t>かねさ糀つぶみそ</t>
  </si>
  <si>
    <t>料亭赤だしの合わせ</t>
  </si>
  <si>
    <t>新庄みそ大麦と米減塩あわせ</t>
  </si>
  <si>
    <t>690g</t>
  </si>
  <si>
    <t>新庄みそあまくち麦と米生合わせ</t>
  </si>
  <si>
    <t>山吹塩分ひかえめ</t>
  </si>
  <si>
    <t>本場仙台みそ赤みそあらごし</t>
  </si>
  <si>
    <t>仙台味噌醤油</t>
  </si>
  <si>
    <t>ｾﾝﾀﾞｲﾐｿ</t>
  </si>
  <si>
    <t>仙台味噌</t>
  </si>
  <si>
    <t>みそ塩ひかえめ</t>
  </si>
  <si>
    <t>里ごころ減塩合わせこうじ</t>
  </si>
  <si>
    <t>里ごころ米みそ</t>
  </si>
  <si>
    <t>里ごころ合わせみそ</t>
  </si>
  <si>
    <t>里ごころ米こうじ</t>
  </si>
  <si>
    <t>里ごころ合わせうす塩</t>
  </si>
  <si>
    <t>国産素材みそ</t>
  </si>
  <si>
    <t>日本海_C米こうじ_C67_750g</t>
  </si>
  <si>
    <t>寿みそ桐印田舎造り袋</t>
  </si>
  <si>
    <t>ハナマルキ_お父さん</t>
  </si>
  <si>
    <t>生みそ糀</t>
  </si>
  <si>
    <t>マルダイ花くらべ</t>
  </si>
  <si>
    <t>イナカミソ</t>
  </si>
  <si>
    <t>夜明けカップ米</t>
  </si>
  <si>
    <t>巾着あわせ</t>
  </si>
  <si>
    <t>田舎みそ白こしカップ</t>
  </si>
  <si>
    <t>田舎みそ白こし詰替用</t>
  </si>
  <si>
    <t>北海道の恵みカップ</t>
  </si>
  <si>
    <t>田舎みそ白つぶ詰替え</t>
  </si>
  <si>
    <t>田舎みそ白粒こしカップ</t>
  </si>
  <si>
    <t>田舎みそ白粒こし詰替用</t>
  </si>
  <si>
    <t>田舎みそ赤粒こしカップ</t>
  </si>
  <si>
    <t>田舎みそ赤こしカップ</t>
  </si>
  <si>
    <t>あまくておいしいあわせみそ</t>
  </si>
  <si>
    <t>四季の香り米麦あわせ</t>
  </si>
  <si>
    <t>四季の香り米麦合わせ</t>
  </si>
  <si>
    <t>四季の香り米麦合わせすり</t>
  </si>
  <si>
    <t>ごていしゅ合わせみそ</t>
  </si>
  <si>
    <t>米こしみそ</t>
  </si>
  <si>
    <t>み子ちゃん</t>
  </si>
  <si>
    <t>宮坂醸造</t>
  </si>
  <si>
    <t>ﾐﾔｻｶ</t>
  </si>
  <si>
    <t>瀬戸内懐石合わせみそ</t>
  </si>
  <si>
    <t>母さんの味米味噌</t>
  </si>
  <si>
    <t>母さんの味みそ合わせ味噌</t>
  </si>
  <si>
    <t>一途米みそ</t>
  </si>
  <si>
    <t>ふるさとの朝うす塩</t>
  </si>
  <si>
    <t>ふるさとの朝米こうじ</t>
  </si>
  <si>
    <t>巾着生みそ合わせ</t>
  </si>
  <si>
    <t>博多みそ</t>
  </si>
  <si>
    <t>ふるさとの朝あわせこうじ</t>
  </si>
  <si>
    <t>ふるさとの朝合わせこうじ</t>
  </si>
  <si>
    <t>ふるさとの朝甘口あわせこうじ</t>
  </si>
  <si>
    <t>ふるさとの朝減塩あわせこうじ</t>
  </si>
  <si>
    <t>あじわいあま塩米みそ</t>
  </si>
  <si>
    <t>ヤマク食品御膳みそガゼット</t>
  </si>
  <si>
    <t>炊きたて　合わせ</t>
  </si>
  <si>
    <t>とっておき米麦あわせ</t>
  </si>
  <si>
    <t>大和純正あわせ赤</t>
  </si>
  <si>
    <t>大和純正あわせ白</t>
  </si>
  <si>
    <t>米こうじみそ</t>
  </si>
  <si>
    <t>おみそやさん</t>
  </si>
  <si>
    <t>高原育ち</t>
  </si>
  <si>
    <t>信濃育ち</t>
  </si>
  <si>
    <t>糀みそ</t>
  </si>
  <si>
    <t>山印醸造</t>
  </si>
  <si>
    <t>ﾔﾏｼﾞﾙｼ</t>
  </si>
  <si>
    <t>大豆を使わないおみそ調味料_無添加</t>
  </si>
  <si>
    <t>山崎醸造</t>
  </si>
  <si>
    <t>ﾔﾏｻｷ</t>
  </si>
  <si>
    <t>田舎みそ郷愁の味</t>
  </si>
  <si>
    <t>ツルヤ味道楽生味噌袋1kg</t>
  </si>
  <si>
    <t>ツルヤ味噌</t>
  </si>
  <si>
    <t>ﾂﾙﾔ</t>
  </si>
  <si>
    <t>ツルヤ国産米仕込み米こうじみそ1kg</t>
  </si>
  <si>
    <t>ツルヤ国産米仕込みこしみそ1kg</t>
  </si>
  <si>
    <t>鶴みそ合せ味噌手詰め</t>
  </si>
  <si>
    <t>白秋合せみそ</t>
  </si>
  <si>
    <t>頓原生みそ</t>
  </si>
  <si>
    <t>島根県農業協同組合</t>
  </si>
  <si>
    <t>JAｼﾏﾈ</t>
  </si>
  <si>
    <t>頓原合わせみそ</t>
  </si>
  <si>
    <t>まるいち味噌</t>
  </si>
  <si>
    <t>飯沢醤油ヤマデン名水みそ粒袋1kg</t>
  </si>
  <si>
    <t>飯澤醤油味噌店</t>
  </si>
  <si>
    <t>ｲｲｻﾞﾜｼｮｳﾕ</t>
  </si>
  <si>
    <t>飯沢醤油ヤマデン名水みそこし袋1kg</t>
  </si>
  <si>
    <t>すずみそすり</t>
  </si>
  <si>
    <t>たなか</t>
  </si>
  <si>
    <t>ｽｽﾞﾐｿ</t>
  </si>
  <si>
    <t>すずみそ粒</t>
  </si>
  <si>
    <t>山吹味噌GZ</t>
  </si>
  <si>
    <t>水上芳一商店</t>
  </si>
  <si>
    <t>ﾐｽﾞｶﾐ</t>
  </si>
  <si>
    <t>伊万里みそ米こうじ</t>
  </si>
  <si>
    <t>昭和紙工</t>
  </si>
  <si>
    <t>ﾔﾏｼﾀ</t>
  </si>
  <si>
    <t>老松十一代こうじみそ</t>
  </si>
  <si>
    <t>永田醸造</t>
  </si>
  <si>
    <t>ﾅｶﾞﾀｼﾞｮｳｿﾞ</t>
  </si>
  <si>
    <t>老松十一代玄米みそ</t>
  </si>
  <si>
    <t>田舎作り味噌米</t>
  </si>
  <si>
    <t>ﾆﾀﾝﾀﾞｼｮｳﾕ</t>
  </si>
  <si>
    <t>田舎づくりあわせ味噌</t>
  </si>
  <si>
    <t>治郎兵衛郡上みそ</t>
  </si>
  <si>
    <t>治郎兵衛米みそ</t>
  </si>
  <si>
    <t>みそ700gカップ</t>
  </si>
  <si>
    <t>中木屋本店</t>
  </si>
  <si>
    <t>ﾅｶｷﾔ</t>
  </si>
  <si>
    <t>水前寺みそ</t>
  </si>
  <si>
    <t>吉本味噌醤油醸造元</t>
  </si>
  <si>
    <t>ﾖｼﾓﾄﾐｿｼｮｳﾕ</t>
  </si>
  <si>
    <t>家伝玉みそ</t>
  </si>
  <si>
    <t>生詰め味噌</t>
  </si>
  <si>
    <t>ｳﾁｲｹｼﾞｮｳｿﾞ</t>
  </si>
  <si>
    <t>蔵出し味噌</t>
  </si>
  <si>
    <t>生詰味噌</t>
  </si>
  <si>
    <t>蔵出し味噌カップ</t>
  </si>
  <si>
    <t>甘こうじ味噌</t>
  </si>
  <si>
    <t>いなか味噌800g</t>
  </si>
  <si>
    <t>伊予のみそあわせ</t>
  </si>
  <si>
    <t>伊予のみそあわせカップ</t>
  </si>
  <si>
    <t>加賀味噌宝生味噌750g</t>
  </si>
  <si>
    <t>黄金赤味噌</t>
  </si>
  <si>
    <t>ﾒｲｼﾞ</t>
  </si>
  <si>
    <t>錦味噌米糀入り</t>
  </si>
  <si>
    <t>15割麹こうじみそ</t>
  </si>
  <si>
    <t>合わせみそカップ</t>
  </si>
  <si>
    <t>咲いた合わせ</t>
  </si>
  <si>
    <t>みそ職人のこだわり　元祖あわせみそ</t>
  </si>
  <si>
    <t>さくら合わせみそ</t>
  </si>
  <si>
    <t>さくら米みそ</t>
  </si>
  <si>
    <t>蔵出し合わせみそ</t>
  </si>
  <si>
    <t>米麹麦麹合わせ製法合わせみそ</t>
  </si>
  <si>
    <t>ﾁｮｰｺｰ</t>
  </si>
  <si>
    <t>長崎だより米みそ</t>
  </si>
  <si>
    <t>合わせ味噌</t>
  </si>
  <si>
    <t>北海道大豆みそカップ</t>
  </si>
  <si>
    <t>ＯＫみそ　白つぶカップ</t>
  </si>
  <si>
    <t>ハコショウ南部一番みそ赤1</t>
  </si>
  <si>
    <t>マルサ特選赤こし</t>
  </si>
  <si>
    <t>マルサ特選白こし</t>
  </si>
  <si>
    <t>マルサ　こうじ粒みそ　750ｇ</t>
  </si>
  <si>
    <t>ﾏﾙｻﾐｿ</t>
  </si>
  <si>
    <t>マルサ　生みそ　自然農園　袋</t>
  </si>
  <si>
    <t>ﾏﾙｻ</t>
  </si>
  <si>
    <t>山元醸造純正米糀粒味噌1kg</t>
  </si>
  <si>
    <t>山元醸造</t>
  </si>
  <si>
    <t>ﾔﾏｹﾞﾝ</t>
  </si>
  <si>
    <t>山元醸造純正米糀こし味噌袋1kg</t>
  </si>
  <si>
    <t>麦味噌パック</t>
  </si>
  <si>
    <t>ヤマカノ醸造仙台みそカップ</t>
  </si>
  <si>
    <t>国産大豆使用仙台みそ</t>
  </si>
  <si>
    <t>特選岩泉味噌</t>
  </si>
  <si>
    <t>岩泉味噌醸造</t>
  </si>
  <si>
    <t>とちのみそ</t>
  </si>
  <si>
    <t>青源味噌</t>
  </si>
  <si>
    <t>ｱｵｹﾞﾝ</t>
  </si>
  <si>
    <t>合せ味噌</t>
  </si>
  <si>
    <t>ｲﾃﾞｼｮｸﾋﾝ</t>
  </si>
  <si>
    <t>カニあわせ</t>
  </si>
  <si>
    <t>炊きたてあわせ</t>
  </si>
  <si>
    <t>芳醇生こうじ</t>
  </si>
  <si>
    <t>国産純正こうじみそ蔵出し生</t>
  </si>
  <si>
    <t>国産味の饗宴15割麹生</t>
  </si>
  <si>
    <t>マルサンあわせ麹熟成生</t>
  </si>
  <si>
    <t>甘麹みそ</t>
  </si>
  <si>
    <t>ﾃﾝﾎﾟｳ</t>
  </si>
  <si>
    <t>白虎みそカップ</t>
  </si>
  <si>
    <t>７００ｇ</t>
  </si>
  <si>
    <t>減塩十割こうじみそ</t>
  </si>
  <si>
    <t>生糀みそカップ赤</t>
  </si>
  <si>
    <t>生糀みそカップ白</t>
  </si>
  <si>
    <t>みそ甘熟みそ650g</t>
  </si>
  <si>
    <t>650G</t>
  </si>
  <si>
    <t>塩分控えめかねさ糀つぶみそ</t>
  </si>
  <si>
    <t>かねさね太郎こしみそ</t>
  </si>
  <si>
    <t>かねさね太郎糀つぶみそ</t>
  </si>
  <si>
    <t>あわせ味噌カップ</t>
  </si>
  <si>
    <t>無添加生みそあわせみそ</t>
  </si>
  <si>
    <t>山吹味噌塩分ひかえめ</t>
  </si>
  <si>
    <t>仙台みそ国産生</t>
  </si>
  <si>
    <t>仙台上選みそ</t>
  </si>
  <si>
    <t>仙台みそ</t>
  </si>
  <si>
    <t>仙台味噌　上仙本場仙台味噌名工</t>
  </si>
  <si>
    <t>ぶちうまいつぶ芳醇</t>
  </si>
  <si>
    <t>ぶちうまいすり芳醇</t>
  </si>
  <si>
    <t>タケヤ　竹伝天地がえし</t>
  </si>
  <si>
    <t>名人のみそ５００ｇ</t>
  </si>
  <si>
    <t>ﾀｹﾔﾐｿ</t>
  </si>
  <si>
    <t>信州仕込みカップ</t>
  </si>
  <si>
    <t>タケヤ　竹伝麹みそ</t>
  </si>
  <si>
    <t>塩ひかえめ</t>
  </si>
  <si>
    <t>特選_銘醸</t>
  </si>
  <si>
    <t>武田味噌醸造</t>
  </si>
  <si>
    <t>ﾀｹﾀﾞﾐｿ</t>
  </si>
  <si>
    <t>味自慢里ごころ合わせみそ</t>
  </si>
  <si>
    <t>里ごころ減塩合わせ</t>
  </si>
  <si>
    <t>里ごころ合わせこうじ</t>
  </si>
  <si>
    <t>里ごころ合わせすりみそ</t>
  </si>
  <si>
    <t>博多みそ米・麦あわせ</t>
  </si>
  <si>
    <t>ふくまるみそ</t>
  </si>
  <si>
    <t>里ごころ合わせこうじ甘口</t>
  </si>
  <si>
    <t>雪ちゃん味噌袋</t>
  </si>
  <si>
    <t>田舎（Ｐ）</t>
  </si>
  <si>
    <t>雪ちゃん特撰粒ピロー</t>
  </si>
  <si>
    <t>雪ちゃん特撰こしピロー</t>
  </si>
  <si>
    <t>雪ちゃん米みそ</t>
  </si>
  <si>
    <t>日本海天恵米みそ500g</t>
  </si>
  <si>
    <t>雪ちゃん</t>
  </si>
  <si>
    <t>日本海味噌醤油雪ちゃんこし800g</t>
  </si>
  <si>
    <t>800G</t>
  </si>
  <si>
    <t>日本海　雪の恵み糀</t>
  </si>
  <si>
    <t>名古屋味噌</t>
  </si>
  <si>
    <t>コメミソ、ピロ</t>
  </si>
  <si>
    <t>米みそ</t>
  </si>
  <si>
    <t>トモエ田舎みそ減塩</t>
  </si>
  <si>
    <t>おふくろ米みそ</t>
  </si>
  <si>
    <t>おふくろ_あわせみそ</t>
  </si>
  <si>
    <t>国産原料あわせ</t>
  </si>
  <si>
    <t>四季の香り減塩米麦合わせすり</t>
  </si>
  <si>
    <t>信州みそ</t>
  </si>
  <si>
    <t>長熟生みそ</t>
  </si>
  <si>
    <t>6p</t>
  </si>
  <si>
    <t>あわせ味噌中甘</t>
  </si>
  <si>
    <t>芳醇玄米みそ</t>
  </si>
  <si>
    <t>ふるさとの朝合わせこうじカップ</t>
  </si>
  <si>
    <t>減塩みそ米</t>
  </si>
  <si>
    <t>純正手造りあわせみそ</t>
  </si>
  <si>
    <t>ゲンセン　アワセ</t>
  </si>
  <si>
    <t>減塩みそ合わせこうじ</t>
  </si>
  <si>
    <t>合わせみそ（ピロー）</t>
  </si>
  <si>
    <t>ヤマク食品しぼり味噌国産御膳350g</t>
  </si>
  <si>
    <t>ヤマク食品御前みそピロー900g</t>
  </si>
  <si>
    <t>酵素生活甘こうじ生みそ</t>
  </si>
  <si>
    <t>675g</t>
  </si>
  <si>
    <t>赤だしみそ</t>
  </si>
  <si>
    <t>大和みそ都府楼</t>
  </si>
  <si>
    <t>山高　秘蔵みそ</t>
  </si>
  <si>
    <t>ﾔﾏﾀｶ</t>
  </si>
  <si>
    <t>匠御膳天然醸造みそ</t>
  </si>
  <si>
    <t>山高　匠御膳天然醸造みそ</t>
  </si>
  <si>
    <t>ツルヤ天日塩仕込み750g</t>
  </si>
  <si>
    <t>テイエンアワセ</t>
  </si>
  <si>
    <t>新井武平商店</t>
  </si>
  <si>
    <t>ｱﾗｲ</t>
  </si>
  <si>
    <t>黄金味噌</t>
  </si>
  <si>
    <t>米こうじ味噌ガゼット</t>
  </si>
  <si>
    <t>ｱﾝﾄﾞｳｼｮｳﾃﾝ</t>
  </si>
  <si>
    <t>田舎熟成みそカップ</t>
  </si>
  <si>
    <t>合わせ味噌ガゼット</t>
  </si>
  <si>
    <t>コシヒカリ米生みそ白こし</t>
  </si>
  <si>
    <t>コシヒカリ米生みそ赤粒</t>
  </si>
  <si>
    <t>合せ味噌（巾着）</t>
  </si>
  <si>
    <t>伊万里みそ（米）</t>
  </si>
  <si>
    <t>長寿味噌カップ</t>
  </si>
  <si>
    <t>ﾅｶｷﾞﾔﾎﾝﾃﾝ</t>
  </si>
  <si>
    <t>宮田醤油店　南部赤みそ1kg</t>
  </si>
  <si>
    <t>宮田醤油店</t>
  </si>
  <si>
    <t>ｷﾂﾞﾔ</t>
  </si>
  <si>
    <t>宮田醤油店　南部こうじみそ</t>
  </si>
  <si>
    <t>１ｋｇ</t>
  </si>
  <si>
    <t>玉味噌</t>
  </si>
  <si>
    <t>特選合わせ味噌</t>
  </si>
  <si>
    <t>ｴﾋﾞｽﾔ</t>
  </si>
  <si>
    <t>米こうじ味噌</t>
  </si>
  <si>
    <t>義農味噌伊予のみそカップ</t>
  </si>
  <si>
    <t>義農味噌伊予のあわせみそ600g</t>
  </si>
  <si>
    <t>600G</t>
  </si>
  <si>
    <t>義農味噌伊予のあわせみそカップ600g</t>
  </si>
  <si>
    <t>田舎みそ甘口すり</t>
  </si>
  <si>
    <t>義農味噌本造りみそ600g</t>
  </si>
  <si>
    <t>ｷﾞﾉ-ﾐｿ</t>
  </si>
  <si>
    <t>錦味噌米糀入</t>
  </si>
  <si>
    <t>さくら米こうじみそ</t>
  </si>
  <si>
    <t>咲いた合わせみそ</t>
  </si>
  <si>
    <t>長崎米みそ</t>
  </si>
  <si>
    <t>太白みそ</t>
  </si>
  <si>
    <t>山口の合わせみそカップ</t>
  </si>
  <si>
    <t>ﾄｸﾞﾁﾐｿ</t>
  </si>
  <si>
    <t>特上太白みそ</t>
  </si>
  <si>
    <t>田島屋味噌醸造元</t>
  </si>
  <si>
    <t>ﾀｼﾞﾏﾔﾐｿ</t>
  </si>
  <si>
    <t>楠城屋味噌</t>
  </si>
  <si>
    <t>ﾅﾝｼﾞｮｳﾔ</t>
  </si>
  <si>
    <t>蔵元みそ（白）</t>
  </si>
  <si>
    <t>蔵元みそ（赤）</t>
  </si>
  <si>
    <t>マルマン国産生減塩20%500g</t>
  </si>
  <si>
    <t>丸久　天然醸造一途</t>
  </si>
  <si>
    <t>丸久味噌</t>
  </si>
  <si>
    <t>しじみ80個分オルニチンみそ</t>
  </si>
  <si>
    <t>マルサ津軽</t>
  </si>
  <si>
    <t>マルサ吟醸</t>
  </si>
  <si>
    <t>国産原料善光寺平赤</t>
  </si>
  <si>
    <t>国産原料善光寺平白</t>
  </si>
  <si>
    <t>こんぴら米すり</t>
  </si>
  <si>
    <t>十五割甘こうじ生味噌</t>
  </si>
  <si>
    <t>千葉の恵カップ粒みそ</t>
  </si>
  <si>
    <t>菜の花みそ</t>
  </si>
  <si>
    <t>花こうじみそ</t>
  </si>
  <si>
    <t>胚芽米麹入りみそ</t>
  </si>
  <si>
    <t>花こうじこしカップ</t>
  </si>
  <si>
    <t>菜の花こしカップ</t>
  </si>
  <si>
    <t>胚芽米入りみそ</t>
  </si>
  <si>
    <t>大葉みそ</t>
  </si>
  <si>
    <t>松原食品</t>
  </si>
  <si>
    <t>ﾃﾞｷｼｮｳﾃﾝ</t>
  </si>
  <si>
    <t>国産大豆みそ　カップ</t>
  </si>
  <si>
    <t>ﾊﾅﾌｻ</t>
  </si>
  <si>
    <t>南部豆味噌</t>
  </si>
  <si>
    <t>大黒醤油</t>
  </si>
  <si>
    <t>ﾀﾞｲｺｸｼｮｳﾕ</t>
  </si>
  <si>
    <t>米みそ　スリ　　　　　　　　　　</t>
  </si>
  <si>
    <t>１kg</t>
  </si>
  <si>
    <t>不二家</t>
  </si>
  <si>
    <t>ﾌｼﾞﾔ</t>
  </si>
  <si>
    <t>あわせみそ　すり　　　　　　　　</t>
  </si>
  <si>
    <t>夜明け合わせみそ白</t>
  </si>
  <si>
    <t>夜明け合わせみそ白掬い</t>
  </si>
  <si>
    <t>米麦合わせみそ</t>
  </si>
  <si>
    <t>特醸蔵だし白づくり</t>
  </si>
  <si>
    <t>田舎味噌</t>
  </si>
  <si>
    <t>ヤマシタトリコ</t>
  </si>
  <si>
    <t>マルサン純正こうじみそ</t>
  </si>
  <si>
    <t>減塩純正こうじ味噌</t>
  </si>
  <si>
    <t>八百匁味噌</t>
  </si>
  <si>
    <t>八百匁味噌うす塩</t>
  </si>
  <si>
    <t>八百匁みそ</t>
  </si>
  <si>
    <t>2600g</t>
  </si>
  <si>
    <t>八百匁うす塩</t>
  </si>
  <si>
    <t>甘こうじ（G）</t>
  </si>
  <si>
    <t>八百匁田舎糀</t>
  </si>
  <si>
    <t>ｱｲｽﾞﾃﾝﾎﾟｳ</t>
  </si>
  <si>
    <t>八百匁うす塩糀</t>
  </si>
  <si>
    <t>2000ｇ</t>
  </si>
  <si>
    <t>米コウジ</t>
  </si>
  <si>
    <t>御膳味噌ＤＸ</t>
  </si>
  <si>
    <t>かねこみそ米糀</t>
  </si>
  <si>
    <t>かねこみそ赤口</t>
  </si>
  <si>
    <t>糀つぶみそ</t>
  </si>
  <si>
    <t>かねさ味噌</t>
  </si>
  <si>
    <t>甘味噌</t>
  </si>
  <si>
    <t>風味だし入りみそ</t>
  </si>
  <si>
    <t>麦と米のあわせみそ</t>
  </si>
  <si>
    <t>仙台味噌　粒</t>
  </si>
  <si>
    <t>仙台味噌こし</t>
  </si>
  <si>
    <t>特醸</t>
  </si>
  <si>
    <t>里ごころ米こうじみそ</t>
  </si>
  <si>
    <t>里こころビッグカップ</t>
  </si>
  <si>
    <t>雪ちゃんカップ</t>
  </si>
  <si>
    <t>日本海_越中日本海こうじ1kg</t>
  </si>
  <si>
    <t>桐印田舎造袋</t>
  </si>
  <si>
    <t>桐印白造袋</t>
  </si>
  <si>
    <t>夜明け米みそ</t>
  </si>
  <si>
    <t>美味しいあわせみそ</t>
  </si>
  <si>
    <t>ジャンボあわせカップ</t>
  </si>
  <si>
    <t>１ＫＧ＊３</t>
  </si>
  <si>
    <t>手づくりみそ白つぶ</t>
  </si>
  <si>
    <t>トモエ田舎みそカップ赤１ｋｇ</t>
  </si>
  <si>
    <t>トモエ田舎みそカップ白１ｋｇ</t>
  </si>
  <si>
    <t>福山田舎みそカップ白</t>
  </si>
  <si>
    <t>生きてる_米みそ</t>
  </si>
  <si>
    <t>生きてる米みそ</t>
  </si>
  <si>
    <t>ナマズメ　コメ</t>
  </si>
  <si>
    <t>生きてる減塩あわせ</t>
  </si>
  <si>
    <t>四季　米麦合わせ</t>
  </si>
  <si>
    <t>1800g</t>
  </si>
  <si>
    <t>四季の香り合せ</t>
  </si>
  <si>
    <t>四季の香</t>
  </si>
  <si>
    <t>信州合わせ味噌</t>
  </si>
  <si>
    <t>みこちゃん</t>
  </si>
  <si>
    <t>ﾐｺﾁｬﾝ</t>
  </si>
  <si>
    <t>特選みそ</t>
  </si>
  <si>
    <t>最高級米こうじ</t>
  </si>
  <si>
    <t>母さんの味合せ</t>
  </si>
  <si>
    <t>カップ合せ味噌</t>
  </si>
  <si>
    <t>味噌一途_米</t>
  </si>
  <si>
    <t>ジャンボあわせこうじ</t>
  </si>
  <si>
    <t>ふるさとの朝ジャンボ合わせこうじ</t>
  </si>
  <si>
    <t>コメミソ</t>
  </si>
  <si>
    <t>大和合わせみそ</t>
  </si>
  <si>
    <t>朝餉あわせ</t>
  </si>
  <si>
    <t>アサゲ　ミソコメ</t>
  </si>
  <si>
    <t>秘蔵みそ</t>
  </si>
  <si>
    <t>山高味噌秘蔵みそ限定醸造品</t>
  </si>
  <si>
    <t>やまじるしみそ甘口１ｋｇ</t>
  </si>
  <si>
    <t>ﾔﾏｼﾞﾙｼｼﾞｮｳ</t>
  </si>
  <si>
    <t>加賀っこみそ</t>
  </si>
  <si>
    <t>直源醤油</t>
  </si>
  <si>
    <t>ﾅｵｹﾞﾝ</t>
  </si>
  <si>
    <t>特醸信州みそ</t>
  </si>
  <si>
    <t>特醸田舎みそ</t>
  </si>
  <si>
    <t>柳川ミックス</t>
  </si>
  <si>
    <t>手詰め合わせみそ</t>
  </si>
  <si>
    <t>味噌粒</t>
  </si>
  <si>
    <t>早池峰味噌</t>
  </si>
  <si>
    <t>頓原みそ</t>
  </si>
  <si>
    <t>赤こしみそ</t>
  </si>
  <si>
    <t>白こしみそ</t>
  </si>
  <si>
    <t>伊万里米こうじみそ</t>
  </si>
  <si>
    <t>伊万里合せみそ</t>
  </si>
  <si>
    <t>手作り田舎粒みそ</t>
  </si>
  <si>
    <t>くらしき塩屋</t>
  </si>
  <si>
    <t>ｸﾗｼｷｼｵﾔ</t>
  </si>
  <si>
    <t>こうじみそ</t>
  </si>
  <si>
    <t>田舎作り味噌　米　　</t>
  </si>
  <si>
    <t>マルナガ　米みそ</t>
  </si>
  <si>
    <t>マルナガ醤油</t>
  </si>
  <si>
    <t>ﾏﾙﾅｶﾞ</t>
  </si>
  <si>
    <t>ﾏﾙﾅｶﾞｼｮｳﾕ</t>
  </si>
  <si>
    <t>球磨川味噌　袋　　　　　　　　</t>
  </si>
  <si>
    <t>ﾐﾄﾞﾘﾔﾎﾝﾃﾝ</t>
  </si>
  <si>
    <t>白山味噌</t>
  </si>
  <si>
    <t>木村屋糀店</t>
  </si>
  <si>
    <t>ｷﾑﾗﾔ</t>
  </si>
  <si>
    <t>中木屋長寿みそ1kg</t>
  </si>
  <si>
    <t>ﾅｶｷﾞﾔ</t>
  </si>
  <si>
    <t>イナカミソ１ＫＧ</t>
  </si>
  <si>
    <t>ｻﾅｶﾐｿ</t>
  </si>
  <si>
    <t>玉みそ</t>
  </si>
  <si>
    <t>塩分ひかえめみそ</t>
  </si>
  <si>
    <t>ｲﾉｳｴ</t>
  </si>
  <si>
    <t>いなかみそ巾着</t>
  </si>
  <si>
    <t>心からあわせ</t>
  </si>
  <si>
    <t>我が家のこうじみそ</t>
  </si>
  <si>
    <t>ｶｶﾞ</t>
  </si>
  <si>
    <t>子守　田舎味噌　真空</t>
  </si>
  <si>
    <t>錦味噌米糀</t>
  </si>
  <si>
    <t>錦味噌すり</t>
  </si>
  <si>
    <t>えびす田舎みそつぶ</t>
  </si>
  <si>
    <t>曽我増平商店</t>
  </si>
  <si>
    <t>ｿｶﾞﾏｽﾍｲｼｮｳ</t>
  </si>
  <si>
    <t>ｴﾋﾞｽ</t>
  </si>
  <si>
    <t>信州合わせみそ</t>
  </si>
  <si>
    <t>信州こうじみそ</t>
  </si>
  <si>
    <t>超特選米こうじみそ</t>
  </si>
  <si>
    <t>合わせみそガゼット</t>
  </si>
  <si>
    <t>米みそ　すり</t>
  </si>
  <si>
    <t>業務用合わせみそ</t>
  </si>
  <si>
    <t>業務用合わせすり味噌</t>
  </si>
  <si>
    <t>徳用糀みそピロー</t>
  </si>
  <si>
    <t>たつご味噌醸造</t>
  </si>
  <si>
    <t>ﾀﾂｺﾞﾐｿ</t>
  </si>
  <si>
    <t>蔵元みそ　白</t>
  </si>
  <si>
    <t>蔵元みそ　赤</t>
  </si>
  <si>
    <t>ＯＫみそ　白つぶ</t>
  </si>
  <si>
    <t>北海道　白味噌</t>
  </si>
  <si>
    <t>里ちゃん北海道味噌赤</t>
  </si>
  <si>
    <t>里ちゃん北海道味噌白</t>
  </si>
  <si>
    <t>里ちゃん北海道味噌　赤こし</t>
  </si>
  <si>
    <t>里ちゃん北海道味噌　白こし</t>
  </si>
  <si>
    <t>米麹みそ</t>
  </si>
  <si>
    <t>マルサ特選赤こし角タル</t>
  </si>
  <si>
    <t>マルサ特撰白こし角タル</t>
  </si>
  <si>
    <t>マルサ特選糀粒角タル</t>
  </si>
  <si>
    <t>善光寺平赤</t>
  </si>
  <si>
    <t>善光寺平白</t>
  </si>
  <si>
    <t>ﾐﾂｳﾛｺ_白こうじみそ</t>
  </si>
  <si>
    <t>ミツウロコ味噌</t>
  </si>
  <si>
    <t>ﾐﾂｳﾛｺ</t>
  </si>
  <si>
    <t>赤こうじみそ</t>
  </si>
  <si>
    <t>ﾐﾂｳﾛｺﾐｿ</t>
  </si>
  <si>
    <t>三百年みそ糀</t>
  </si>
  <si>
    <t>ﾐﾂｳﾛｺ_三百年みそ田舎こし</t>
  </si>
  <si>
    <t>ﾐﾂｳﾛｺ_甘こうじ_こしｶｯﾌﾟ</t>
  </si>
  <si>
    <t>ﾐﾂｳﾛｺ_甘こうじ_つぶ</t>
  </si>
  <si>
    <t>特選味噌カップ</t>
  </si>
  <si>
    <t>ヤマト醤油味噌</t>
  </si>
  <si>
    <t>ヤマト味噌平袋</t>
  </si>
  <si>
    <t>特選みそ白</t>
  </si>
  <si>
    <t>特選みそうす赤</t>
  </si>
  <si>
    <t>花こうじ白みそカップ</t>
  </si>
  <si>
    <t>ﾔﾏﾆ</t>
  </si>
  <si>
    <t>菜の花赤みそカップ</t>
  </si>
  <si>
    <t>無添加</t>
  </si>
  <si>
    <t>無添加低塩赤だし</t>
  </si>
  <si>
    <t>天日塩使用　津軽海峡無添加</t>
  </si>
  <si>
    <t>天日塩使用　冬景色無添加</t>
  </si>
  <si>
    <t>国産大豆無添加あわせみそ</t>
  </si>
  <si>
    <t>無添加減塩生みそ</t>
  </si>
  <si>
    <t>山吹味噌無添加大寒仕込み</t>
  </si>
  <si>
    <t>夜明け減塩無添加あわせ麹みそ赤</t>
  </si>
  <si>
    <t>赤出し味噌　無添加カップ</t>
  </si>
  <si>
    <t>トモエ無添加みそカップ</t>
  </si>
  <si>
    <t>生詰減塩あわせみそ</t>
  </si>
  <si>
    <t>マル無　こうじみそ</t>
  </si>
  <si>
    <t>マル無　田舎みそ</t>
  </si>
  <si>
    <t>無添加減塩</t>
  </si>
  <si>
    <t>ﾏﾙｺﾒ_無添加蔵出し生詰_300G</t>
  </si>
  <si>
    <t>マルコメ　料亭の味　無添加</t>
  </si>
  <si>
    <t>マルコメ料亭の味無添加減塩</t>
  </si>
  <si>
    <t>丸の内タニタ食堂減塩生みそ</t>
  </si>
  <si>
    <t>プラス糀無添加糀美人</t>
  </si>
  <si>
    <t>ますやみそ減塩だし入みそカップ300g</t>
  </si>
  <si>
    <t>ﾏｽﾔ</t>
  </si>
  <si>
    <t>九州産原料無添加合わせこうじ</t>
  </si>
  <si>
    <t>大和　無添加カップ</t>
  </si>
  <si>
    <t>豊饒米こうじ</t>
  </si>
  <si>
    <t>生詰無添加あわせみそ4個セット</t>
  </si>
  <si>
    <t>無添加生あわせ</t>
  </si>
  <si>
    <t>無添加生こうじ</t>
  </si>
  <si>
    <t>国産素材100%無添加生</t>
  </si>
  <si>
    <t>国産素材１００％無添加生</t>
  </si>
  <si>
    <t>マルサン　あわせ麹　熟成無添加生　６５０ｇ</t>
  </si>
  <si>
    <t>味の饗宴_無添加生_減塩</t>
  </si>
  <si>
    <t>味の饗宴無添加みそ</t>
  </si>
  <si>
    <t>無添加生みそ赤</t>
  </si>
  <si>
    <t>無添加　白　角カップ</t>
  </si>
  <si>
    <t>紅一点北海道赤粒無添加</t>
  </si>
  <si>
    <t>岩田醸造　紅一点　北海道白粒　無添加　６５０ｇ</t>
  </si>
  <si>
    <t>紅一点　天然醸造　無添加生みそ</t>
  </si>
  <si>
    <t>紅一点無添加生雪しぐれ</t>
  </si>
  <si>
    <t>紅一点北海道大豆無添加</t>
  </si>
  <si>
    <t>樽仕込無添加</t>
  </si>
  <si>
    <t>無添加みそ白粒</t>
  </si>
  <si>
    <t>かねさ　無添加　白こし味噌　７５０ｇ</t>
  </si>
  <si>
    <t>無添加大豆のめぐみ赤だし</t>
  </si>
  <si>
    <t>無添加大豆のめぐみ米こし</t>
  </si>
  <si>
    <t>無添加特選料亭赤だし</t>
  </si>
  <si>
    <t>甘口無添加あわせ</t>
  </si>
  <si>
    <t>信州山吹味噌650g</t>
  </si>
  <si>
    <t>無添加家傳山吹</t>
  </si>
  <si>
    <t>信州味噌白山吹650g</t>
  </si>
  <si>
    <t>無添加白山吹</t>
  </si>
  <si>
    <t>仙台味噌　カップ</t>
  </si>
  <si>
    <t>生きています</t>
  </si>
  <si>
    <t>無添加みそ　合わせ</t>
  </si>
  <si>
    <t>無添加合わせみそ</t>
  </si>
  <si>
    <t>里ごころ無添加</t>
  </si>
  <si>
    <t>無添加天然醸造</t>
  </si>
  <si>
    <t>田舎みそカップ</t>
  </si>
  <si>
    <t>こうじ味噌</t>
  </si>
  <si>
    <t>無添加香り熟成</t>
  </si>
  <si>
    <t>減塩無添加合せカップ</t>
  </si>
  <si>
    <t>無添加あわせ</t>
  </si>
  <si>
    <t>北海道仕込み白つぶカップ</t>
  </si>
  <si>
    <t>北海道仕込みみそ赤つぶカップ</t>
  </si>
  <si>
    <t>無添加赤</t>
  </si>
  <si>
    <t>生きてる無添加白</t>
  </si>
  <si>
    <t>生詰あわせみそ</t>
  </si>
  <si>
    <t>九州産原料あわせ白</t>
  </si>
  <si>
    <t>九州産原料あわせ赤</t>
  </si>
  <si>
    <t>四季の香り無添加米麦あわせ</t>
  </si>
  <si>
    <t>島原無添加田舎みそ</t>
  </si>
  <si>
    <t>無添加合せ</t>
  </si>
  <si>
    <t>無添加みそこだわってます</t>
  </si>
  <si>
    <t>無添加円熟こうじみそ</t>
  </si>
  <si>
    <t>有機味噌</t>
  </si>
  <si>
    <t>ひかり味噌　マル無　無添加味噌　国産　カップ７５０ｇ</t>
  </si>
  <si>
    <t>無添加みそ円熟こうじ減塩</t>
  </si>
  <si>
    <t>栄養大栄養クリニック無添加減塩みそ</t>
  </si>
  <si>
    <t>ひかり無添加円熟こうじみそ</t>
  </si>
  <si>
    <t>神州一　無添加減塩</t>
  </si>
  <si>
    <t>無添加合わせ味噌</t>
  </si>
  <si>
    <t>本みそ無添加あわせ</t>
  </si>
  <si>
    <t>糀美人生糀みそ無添加</t>
  </si>
  <si>
    <t>料亭の味無添加</t>
  </si>
  <si>
    <t>料亭の味無添加減塩</t>
  </si>
  <si>
    <t>丸の内タニタ食堂の減塩みそ</t>
  </si>
  <si>
    <t>料亭の味生みそ</t>
  </si>
  <si>
    <t>米と麦のあわせみそ</t>
  </si>
  <si>
    <t>ふるさとの朝　無添加</t>
  </si>
  <si>
    <t>無添加みそ合わせこうじ</t>
  </si>
  <si>
    <t>樽出し無添加あわせ</t>
  </si>
  <si>
    <t>無添加米麦あわせみそ</t>
  </si>
  <si>
    <t>高級無添加みそ</t>
  </si>
  <si>
    <t>昔ながらの天然醸造無添加</t>
  </si>
  <si>
    <t>豊饒無添加米こうじ</t>
  </si>
  <si>
    <t>生の無添加</t>
  </si>
  <si>
    <t>天然醸造熟</t>
  </si>
  <si>
    <t>無添加みそ蔵米糀</t>
  </si>
  <si>
    <t>石山味噌醤油</t>
  </si>
  <si>
    <t>ｲｼﾔﾏﾐｿ</t>
  </si>
  <si>
    <t>浅利佐助　無添加　あきたこまち米糀味噌　Ｐ７５０ｇ</t>
  </si>
  <si>
    <t>浅利佐助商店</t>
  </si>
  <si>
    <t>ｱｻﾘｻｽｹ</t>
  </si>
  <si>
    <t>無添加合みそ</t>
  </si>
  <si>
    <t>旨さこだわり合せ味噌</t>
  </si>
  <si>
    <t>生の信州みそ合わせ</t>
  </si>
  <si>
    <t>無添加生みそ白</t>
  </si>
  <si>
    <t>生みそ赤無添加カップ</t>
  </si>
  <si>
    <t>美味しい合わせみそ</t>
  </si>
  <si>
    <t>昔みそ</t>
  </si>
  <si>
    <t>地元の穀</t>
  </si>
  <si>
    <t>ｱｵｹﾞﾝﾐｿ</t>
  </si>
  <si>
    <t>宮こうじ</t>
  </si>
  <si>
    <t>無添加宮こうじ</t>
  </si>
  <si>
    <t>こうじたっぷり米こうじ</t>
  </si>
  <si>
    <t>こうじたっぷり</t>
  </si>
  <si>
    <t>あわせ味噌</t>
  </si>
  <si>
    <t>筑豊食品工業</t>
  </si>
  <si>
    <t>ﾁｸﾎｳｼｮｸﾋﾝ</t>
  </si>
  <si>
    <t>タニタ食堂の減塩みそ3個セット</t>
  </si>
  <si>
    <t>糀美人生糀みそ無添加_3個セット</t>
  </si>
  <si>
    <t>手詰め無添加合わせみそ</t>
  </si>
  <si>
    <t>無添加歳月</t>
  </si>
  <si>
    <t>無添加国産あわせ</t>
  </si>
  <si>
    <t>有機こうじ味噌</t>
  </si>
  <si>
    <t>無添加田舎</t>
  </si>
  <si>
    <t>無添加こうじ</t>
  </si>
  <si>
    <t>あわせ麹　芳醇無添加生</t>
  </si>
  <si>
    <t>信州筑北村醸造匠</t>
  </si>
  <si>
    <t>味の饗宴無添加生</t>
  </si>
  <si>
    <t>天宝生みそ無添加赤</t>
  </si>
  <si>
    <t>生みそ無添加白</t>
  </si>
  <si>
    <t>紅一点無添加みそ</t>
  </si>
  <si>
    <t>かねさ　無添加　白粒味噌　カップ　７５０ｇ</t>
  </si>
  <si>
    <t>国産原料合わせみそ</t>
  </si>
  <si>
    <t>米こうじ無添加生みそ</t>
  </si>
  <si>
    <t>あまくち無添加あわせ減塩</t>
  </si>
  <si>
    <t>家傳山吹味噌</t>
  </si>
  <si>
    <t>山吹味噌無添加塩分ひかえめ</t>
  </si>
  <si>
    <t>山吹味噌無添加コクとかおり</t>
  </si>
  <si>
    <t>塩分を少なくしました</t>
  </si>
  <si>
    <t>仙台味噌国産無添加味噌</t>
  </si>
  <si>
    <t>国産原料無添加生きています</t>
  </si>
  <si>
    <t>ニビシ　里ごころ減塩無添加合わせすりみそ　６５０ｇ</t>
  </si>
  <si>
    <t>無添加　鳳麟</t>
  </si>
  <si>
    <t>かるしお無添加減塩</t>
  </si>
  <si>
    <t>無添加国産鳳麟</t>
  </si>
  <si>
    <t>減塩追いこうじみそ</t>
  </si>
  <si>
    <t>ジップ味噌国産素材合わせ</t>
  </si>
  <si>
    <t>道民の味噌無添加白こし</t>
  </si>
  <si>
    <t>北海道のおいしい減塩みそ</t>
  </si>
  <si>
    <t>無添加みそカップ</t>
  </si>
  <si>
    <t>九州育ち合せみそ</t>
  </si>
  <si>
    <t>生詰　無添加　あわせ増量</t>
  </si>
  <si>
    <t>生詰　無添加　減塩増量</t>
  </si>
  <si>
    <t>四季の香り無添加米麦合わせ</t>
  </si>
  <si>
    <t>四季の香り米麦合わせ生味噌</t>
  </si>
  <si>
    <t>麹の頂九州合わせ生すりみそ</t>
  </si>
  <si>
    <t>無添加味噌　田舎</t>
  </si>
  <si>
    <t>信州産　無添加こうじみそ</t>
  </si>
  <si>
    <t>クラフトみそ生糀</t>
  </si>
  <si>
    <t>８５０ｇ</t>
  </si>
  <si>
    <t>ﾐﾔｻｶｼﾞｮｳ</t>
  </si>
  <si>
    <t>匠のこだわり</t>
  </si>
  <si>
    <t>料亭の味_無添加有機味噌375</t>
  </si>
  <si>
    <t>375Ｇ</t>
  </si>
  <si>
    <t>生みそ糀美人熟甘</t>
  </si>
  <si>
    <t>生みそ糀美人なめらか</t>
  </si>
  <si>
    <t>芳醇合わせみそ</t>
  </si>
  <si>
    <t>添加物0減塩無添加米と麦の合わせ味噌</t>
  </si>
  <si>
    <t>ふるさとの朝無添加合わせこうじ</t>
  </si>
  <si>
    <t>国産無添加減塩あわせ</t>
  </si>
  <si>
    <t>生あわせこうじ</t>
  </si>
  <si>
    <t>佐賀みそ</t>
  </si>
  <si>
    <t>産地限定合わせみそ生</t>
  </si>
  <si>
    <t>ユウキマルダイズミソ</t>
  </si>
  <si>
    <t>ヤマク食品無添加御前みそ675g</t>
  </si>
  <si>
    <t>ツルヤ減塩みそ無添加750g</t>
  </si>
  <si>
    <t>無添加庫出しあわせ</t>
  </si>
  <si>
    <t>岩手の大地</t>
  </si>
  <si>
    <t>無添加米みそ</t>
  </si>
  <si>
    <t>無添加合わせ</t>
  </si>
  <si>
    <t>特選風の盆無添加みそ</t>
  </si>
  <si>
    <t>ﾐﾅｶﾐ</t>
  </si>
  <si>
    <t>無添加卓</t>
  </si>
  <si>
    <t>三崎屋醸造</t>
  </si>
  <si>
    <t>ﾐｻｷﾔ</t>
  </si>
  <si>
    <t>無添加　玄米みそ</t>
  </si>
  <si>
    <t>ﾐｻｷﾔｼﾞｮｳｿﾞ</t>
  </si>
  <si>
    <t>浅利佐助商店　福寿　百年蔵　５００ｇ</t>
  </si>
  <si>
    <t>長崎麦みそ無添加</t>
  </si>
  <si>
    <t>ﾁﾖ-ｺ-</t>
  </si>
  <si>
    <t>無添加田舎みそ</t>
  </si>
  <si>
    <t>ﾀｼﾞﾏﾔ</t>
  </si>
  <si>
    <t>蔵出し一年みそ</t>
  </si>
  <si>
    <t>楠城屋商店</t>
  </si>
  <si>
    <t>ﾅﾝｼﾞﾖｳﾔ</t>
  </si>
  <si>
    <t>マルマン　有機生みそ白</t>
  </si>
  <si>
    <t>無添加生味噌</t>
  </si>
  <si>
    <t>合わせ粒みそ角</t>
  </si>
  <si>
    <t>ジョーキュウ</t>
  </si>
  <si>
    <t>ｼﾞﾖ-ｷﾕｳ</t>
  </si>
  <si>
    <t>ムテンカ_サイゲツ_カップ</t>
  </si>
  <si>
    <t>ムテンカミソ</t>
  </si>
  <si>
    <t>米こうじ雪虎</t>
  </si>
  <si>
    <t>夜明け減塩無添加</t>
  </si>
  <si>
    <t>1.8kg</t>
  </si>
  <si>
    <t>夜明け無添加みそ　250g増量</t>
  </si>
  <si>
    <t>生詰無添加あわせ</t>
  </si>
  <si>
    <t>生詰め合わせみそ</t>
  </si>
  <si>
    <t>米みそ桶</t>
  </si>
  <si>
    <t>調合みそ桶</t>
  </si>
  <si>
    <t>中みそ</t>
  </si>
  <si>
    <t>液みそ</t>
  </si>
  <si>
    <t>みやざきひや汁</t>
  </si>
  <si>
    <t>響</t>
  </si>
  <si>
    <t>ﾋﾋﾞｷ</t>
  </si>
  <si>
    <t>糸島鯛液みそ</t>
  </si>
  <si>
    <t>糸島食品</t>
  </si>
  <si>
    <t>ｲﾄｼﾏｼｮｸﾋﾝ</t>
  </si>
  <si>
    <t>すぐとけるみそ赤だし</t>
  </si>
  <si>
    <t>すぐとける赤だし</t>
  </si>
  <si>
    <t>すぐとけるみそあわせ</t>
  </si>
  <si>
    <t>すぐとけるあわせ</t>
  </si>
  <si>
    <t>とろける味噌だし入り赤だし</t>
  </si>
  <si>
    <t>とろける味噌だし入りあわせ</t>
  </si>
  <si>
    <t>とろける味噌だし入りこしこうじ</t>
  </si>
  <si>
    <t>410ｇ</t>
  </si>
  <si>
    <t>とろける味噌減塩だし入りあわせ</t>
  </si>
  <si>
    <t>鮮度のこうじみそ</t>
  </si>
  <si>
    <t>だし香るとろける味噌あごだし</t>
  </si>
  <si>
    <t>とろける味噌八丁味噌使用赤だし</t>
  </si>
  <si>
    <t>だし香る鮮度みそ合わせ</t>
  </si>
  <si>
    <t>だし香る鮮度みそ赤だし</t>
  </si>
  <si>
    <t>だし香る鮮度みそ減塩あわせ</t>
  </si>
  <si>
    <t>だし香る鮮度みそあごだし</t>
  </si>
  <si>
    <t>だし香る鮮度みそえびだし</t>
  </si>
  <si>
    <t>とろける甘味噌だれ</t>
  </si>
  <si>
    <t>とろける味噌だれ八丁味噌使用</t>
  </si>
  <si>
    <t>楽みそ赤だし液状みそ</t>
  </si>
  <si>
    <t>楽みそ合わせ液状みそ</t>
  </si>
  <si>
    <t>里ごころ味噌ボトル焙煎あご・鰹だし</t>
  </si>
  <si>
    <t>里ごころ味噌ボトル野菜だし</t>
  </si>
  <si>
    <t>里ごころ味噌ボトルしじみだし</t>
  </si>
  <si>
    <t>里ごころ味噌ボトルいりこだし</t>
  </si>
  <si>
    <t>ナカモご飯にのせてみそざく切生生姜120g</t>
  </si>
  <si>
    <t>生きてる液状みそ</t>
  </si>
  <si>
    <t>生詰あわせを使った液状みそ</t>
  </si>
  <si>
    <t>らくらく味付けクックみそ</t>
  </si>
  <si>
    <t>フンドーキン九州仕立て液状麦みそ350g</t>
  </si>
  <si>
    <t>あまくておいしい液状あわせみそ</t>
  </si>
  <si>
    <t>四季の香り米麦合わせ液状みそ</t>
  </si>
  <si>
    <t>３２０g</t>
  </si>
  <si>
    <t>円熟こうじ_液状みそ</t>
  </si>
  <si>
    <t>円熟こうじみそ　液状タイプ</t>
  </si>
  <si>
    <t>円熟こうじみそ液状タイプ</t>
  </si>
  <si>
    <t>パパッと味噌パウダー</t>
  </si>
  <si>
    <t>パパッと味噌パウダー　詰替用　100ｇ</t>
  </si>
  <si>
    <t>100G</t>
  </si>
  <si>
    <t>液みそ信州</t>
  </si>
  <si>
    <t>液みそ料亭の味</t>
  </si>
  <si>
    <t>液みそ料亭の味減塩</t>
  </si>
  <si>
    <t>液みそ貝だし</t>
  </si>
  <si>
    <t>液みそ白みそだし入り</t>
  </si>
  <si>
    <t>液みそ料亭の味四種合わせ</t>
  </si>
  <si>
    <t>液みそあらだし</t>
  </si>
  <si>
    <t>液みそつきぢ田村監修冷や汁の素</t>
  </si>
  <si>
    <t>液みそ賛否両論贅沢鯛だし</t>
  </si>
  <si>
    <t>料亭の味みそ</t>
  </si>
  <si>
    <t>液みそ健康みそ汁</t>
  </si>
  <si>
    <t>液みそ糀美人</t>
  </si>
  <si>
    <t>液みそとん汁専用</t>
  </si>
  <si>
    <t>液みそ味噌ラーメン風</t>
  </si>
  <si>
    <t>どみそ監修濃厚みそ</t>
  </si>
  <si>
    <t>液みそ料亭の味大容量</t>
  </si>
  <si>
    <t>860g</t>
  </si>
  <si>
    <t>ますやみそ液みそ合わせみそ４２０ｇ</t>
  </si>
  <si>
    <t>カレー味噌</t>
  </si>
  <si>
    <t>らくい食堂の豚汁みそ</t>
  </si>
  <si>
    <t>味噌汁用具材</t>
  </si>
  <si>
    <t>みそ汁の具お徳用わかめねぎとうふ</t>
  </si>
  <si>
    <t>えのほり</t>
  </si>
  <si>
    <t>ｴﾉﾎﾘ</t>
  </si>
  <si>
    <t>国産素材100%のみそ汁の具キャベツ＆人参</t>
  </si>
  <si>
    <t>国産素材100%のみそ汁の具白菜＆にんじん</t>
  </si>
  <si>
    <t>21g</t>
  </si>
  <si>
    <t>国産素材100%のみそ汁の具玉ねぎ＆わかめ</t>
  </si>
  <si>
    <t>10g</t>
  </si>
  <si>
    <t>あご削り節入海鮮汁の具</t>
  </si>
  <si>
    <t>三幸産業</t>
  </si>
  <si>
    <t>ｻﾝｺｳｻﾝｷﾞｮｳ</t>
  </si>
  <si>
    <t>香りつづくとろける味噌八丁味噌使</t>
  </si>
  <si>
    <t>205ｇ</t>
  </si>
  <si>
    <t>あさひ豆腐極きざみ</t>
  </si>
  <si>
    <t>旭松食品</t>
  </si>
  <si>
    <t>ｱｻﾋﾏﾂｼｮｸﾋﾝ</t>
  </si>
  <si>
    <t>フリーズドライ納豆ひきわりタイプ</t>
  </si>
  <si>
    <t>味噌汁の具わかめと白玉麩</t>
  </si>
  <si>
    <t>みそ汁の具野菜とわかめ</t>
  </si>
  <si>
    <t>減塩三陸カットわかめチャック付</t>
  </si>
  <si>
    <t>8g</t>
  </si>
  <si>
    <t>ミニパック乾燥わけぎ</t>
  </si>
  <si>
    <t>0.2g×12P</t>
  </si>
  <si>
    <t>あおさと焼ばら海苔ミックス</t>
  </si>
  <si>
    <t>野菜たっぷり味噌汁の具</t>
  </si>
  <si>
    <t>カネタ・ツーワン</t>
  </si>
  <si>
    <t>ｶﾈﾀ</t>
  </si>
  <si>
    <t>味噌汁の具ほうれん草と高野豆腐</t>
  </si>
  <si>
    <t>41g</t>
  </si>
  <si>
    <t>ｶﾈﾀﾂｰﾜﾝ</t>
  </si>
  <si>
    <t>味噌汁の具ふのりと焼麩</t>
  </si>
  <si>
    <t>野菜たっぷり味汁の具</t>
  </si>
  <si>
    <t>おみそ汁の具　しじみ</t>
  </si>
  <si>
    <t>20g×5</t>
  </si>
  <si>
    <t>28GX4</t>
  </si>
  <si>
    <t>あおさのり水洗い不要</t>
  </si>
  <si>
    <t>12g</t>
  </si>
  <si>
    <t>みえぎょれん販売</t>
  </si>
  <si>
    <t>ﾐｴｷﾞｮﾚﾝ</t>
  </si>
  <si>
    <t>小林食品みそ汁の具ねばねば細切り昆布</t>
  </si>
  <si>
    <t>山小小林食品</t>
  </si>
  <si>
    <t>ﾔﾏｺ</t>
  </si>
  <si>
    <t>北海道ねばねばたっぷりみそ汁の具</t>
  </si>
  <si>
    <t>北海道ねばねばたっぷりみそ汁の具納豆入り</t>
  </si>
  <si>
    <t>トマトみそ汁の具</t>
  </si>
  <si>
    <t>信州物産</t>
  </si>
  <si>
    <t>ｼﾝｼｭｳﾌﾞｯｻﾝ</t>
  </si>
  <si>
    <t>高野豆腐入りみそ汁の具</t>
  </si>
  <si>
    <t>魚の屋</t>
  </si>
  <si>
    <t>ｳｵﾉﾔ</t>
  </si>
  <si>
    <t>8種の具材みそ汁の具</t>
  </si>
  <si>
    <t>海鮮みそ汁の具</t>
  </si>
  <si>
    <t>わかめと白玉麩みそ汁の具</t>
  </si>
  <si>
    <t>わかめと高野豆腐みそ汁の具</t>
  </si>
  <si>
    <t>蔵吟赤だし　４５０ｇ</t>
  </si>
  <si>
    <t>ﾏﾙﾔﾊｯﾁｮｳﾐｿ</t>
  </si>
  <si>
    <t>海遊鮮漁師汁の具</t>
  </si>
  <si>
    <t>オカベ</t>
  </si>
  <si>
    <t>みそ関連品</t>
  </si>
  <si>
    <t>もろみ</t>
  </si>
  <si>
    <t>甘口もろみ</t>
  </si>
  <si>
    <t>粒もろみ</t>
  </si>
  <si>
    <t>田舎もろみ</t>
  </si>
  <si>
    <t>江崎酢醸造元</t>
  </si>
  <si>
    <t>ｴｻﾞｷｽ</t>
  </si>
  <si>
    <t>唐辛子もろみ</t>
  </si>
  <si>
    <t>金山寺みそ</t>
  </si>
  <si>
    <t>ｱｻｸﾗﾁｮｳﾐﾘｮ</t>
  </si>
  <si>
    <t>おかずみそ</t>
  </si>
  <si>
    <t>味噌平醸造</t>
  </si>
  <si>
    <t>ﾐｿﾍｲ</t>
  </si>
  <si>
    <t>ふるさと金山寺ゆず　　</t>
  </si>
  <si>
    <t>もろきゅうもろみ</t>
  </si>
  <si>
    <t>カネジュウ食品</t>
  </si>
  <si>
    <t>ｶﾈｼﾞｭｳ</t>
  </si>
  <si>
    <t>もろみカップ</t>
  </si>
  <si>
    <t>食べ方いろいろもろみみそ</t>
  </si>
  <si>
    <t>きんざんじカップ</t>
  </si>
  <si>
    <t>サンビシ</t>
  </si>
  <si>
    <t>ｻﾝﾋﾞｼ</t>
  </si>
  <si>
    <t>もろきゅうカップ</t>
  </si>
  <si>
    <t>もろきゅうカップピリ辛</t>
  </si>
  <si>
    <t>85ｇ</t>
  </si>
  <si>
    <t>生もろみ</t>
  </si>
  <si>
    <t>もろみ１５０</t>
  </si>
  <si>
    <t>もろキュウ花も</t>
  </si>
  <si>
    <t>73g</t>
  </si>
  <si>
    <t>ブンセン</t>
  </si>
  <si>
    <t>ﾌﾞﾝｾﾝ</t>
  </si>
  <si>
    <t>トモエもろみみそ</t>
  </si>
  <si>
    <t>七味もろみ　カップ</t>
  </si>
  <si>
    <t>９０ｇ</t>
  </si>
  <si>
    <t>食べるもろみ</t>
  </si>
  <si>
    <t>ヒガシマル醤油</t>
  </si>
  <si>
    <t>ﾋｶﾞｼﾏﾙ</t>
  </si>
  <si>
    <t>いなかもろみ</t>
  </si>
  <si>
    <t>ピリ辛もろみ</t>
  </si>
  <si>
    <t>いりこもろみ</t>
  </si>
  <si>
    <t>もろみみそ</t>
  </si>
  <si>
    <t>大麦の旨みもろみみそ</t>
  </si>
  <si>
    <t>もろみみそ　カップ</t>
  </si>
  <si>
    <t>ピリッと辛いもろみみそ</t>
  </si>
  <si>
    <t>昆布もろみ</t>
  </si>
  <si>
    <t>料亭もろみ</t>
  </si>
  <si>
    <t>豆板醤もろみ</t>
  </si>
  <si>
    <t>ヤマク食品味もろみカップ115g</t>
  </si>
  <si>
    <t>115G</t>
  </si>
  <si>
    <t>金山寺納豆</t>
  </si>
  <si>
    <t>長野味噌　味もろみ</t>
  </si>
  <si>
    <t>もろみみそ平カップ</t>
  </si>
  <si>
    <t>城なっとう</t>
  </si>
  <si>
    <t>島原納豆みそ</t>
  </si>
  <si>
    <t>喜代屋</t>
  </si>
  <si>
    <t>ｷﾖﾔｼｮｳﾃﾝ</t>
  </si>
  <si>
    <t>石州もろみ袋</t>
  </si>
  <si>
    <t>唐辛子もろみ袋</t>
  </si>
  <si>
    <t>味噌もろみ</t>
  </si>
  <si>
    <t>椎茸もろみ</t>
  </si>
  <si>
    <t>金山寺</t>
  </si>
  <si>
    <t>ひしお甘口</t>
  </si>
  <si>
    <t>ひしお</t>
  </si>
  <si>
    <t>もろみ甘口</t>
  </si>
  <si>
    <t>服部味噌　松前もろみ</t>
  </si>
  <si>
    <t>わさびもろみ</t>
  </si>
  <si>
    <t>服部味噌_金山時もろみ</t>
  </si>
  <si>
    <t>デラックスもろみ</t>
  </si>
  <si>
    <t>丸金食品</t>
  </si>
  <si>
    <t>ﾏﾙｷﾝ</t>
  </si>
  <si>
    <t>手造り_合わせこうじ味噌</t>
  </si>
  <si>
    <t>プラス糀糀美人肉用みそ漬けの素</t>
  </si>
  <si>
    <t>しょうゆ糀</t>
  </si>
  <si>
    <t>禅　甘麹</t>
  </si>
  <si>
    <t>液体こうじ</t>
  </si>
  <si>
    <t>350ml</t>
  </si>
  <si>
    <t>塩こうじレモン</t>
  </si>
  <si>
    <t>甘こうじ</t>
  </si>
  <si>
    <t>純正米こうじみそ　ピロ</t>
  </si>
  <si>
    <t>塩糀ボトル</t>
  </si>
  <si>
    <t>360g</t>
  </si>
  <si>
    <t>小さいお味噌味噌麹</t>
  </si>
  <si>
    <t>プラス糀　生塩糀</t>
  </si>
  <si>
    <t>プラス糀_生しゅうゆ糀</t>
  </si>
  <si>
    <t>プラス糀乾燥米こうじ</t>
  </si>
  <si>
    <t>プラス糀生塩糀お徳用</t>
  </si>
  <si>
    <t>新生しょうゆ糀</t>
  </si>
  <si>
    <t>プラス糀塩糀パウダー</t>
  </si>
  <si>
    <t>カップこうじ</t>
  </si>
  <si>
    <t>みそ合わせこうじ</t>
  </si>
  <si>
    <t>米こうじ味噌（巾着）</t>
  </si>
  <si>
    <t>西岡米こうじ味噌</t>
  </si>
  <si>
    <t>米麹</t>
  </si>
  <si>
    <t>ｷﾖﾔ</t>
  </si>
  <si>
    <t>乾燥こうじ白雪</t>
  </si>
  <si>
    <t>倉繁醸造</t>
  </si>
  <si>
    <t>ｸﾗｼｹﾞ</t>
  </si>
  <si>
    <t>白雪印こうじ乾燥</t>
  </si>
  <si>
    <t>ｱｼﾞﾉﾎﾞｳ</t>
  </si>
  <si>
    <t>甘酒こうじ</t>
  </si>
  <si>
    <t>乾燥こうじ</t>
  </si>
  <si>
    <t>塩麹の素・・・甘口用</t>
  </si>
  <si>
    <t>195g</t>
  </si>
  <si>
    <t>ｷｻｲﾁ</t>
  </si>
  <si>
    <t>酢みそ</t>
  </si>
  <si>
    <t>ボトル酢みそ</t>
  </si>
  <si>
    <t>平兵衛酢酢みそ</t>
  </si>
  <si>
    <t>からし酢みそ</t>
  </si>
  <si>
    <t>からし酢味噌（チアーパック）</t>
  </si>
  <si>
    <t>食べ方いろいろ　からし酢みそ</t>
  </si>
  <si>
    <t>辛し酢みそ</t>
  </si>
  <si>
    <t>酢みそSP</t>
  </si>
  <si>
    <t>からし酢みそSP</t>
  </si>
  <si>
    <t>フジジン　かぼす酢みそ４０ｇｘ３P</t>
  </si>
  <si>
    <t>４０ｇ×３袋</t>
  </si>
  <si>
    <t>梅酢みそ</t>
  </si>
  <si>
    <t>スパウト酢みそ</t>
  </si>
  <si>
    <t>スパウトからし酢みそ</t>
  </si>
  <si>
    <t>スミソ</t>
  </si>
  <si>
    <t>50g×3</t>
  </si>
  <si>
    <t>カボス酢みそ</t>
  </si>
  <si>
    <t>30g×4P</t>
  </si>
  <si>
    <t>30g×40</t>
  </si>
  <si>
    <t>辛子酢みそ</t>
  </si>
  <si>
    <t>5p</t>
  </si>
  <si>
    <t>130ｇ</t>
  </si>
  <si>
    <t>ﾏﾙｴ</t>
  </si>
  <si>
    <t>酢漬けの素</t>
  </si>
  <si>
    <t>ゆず入り酢みそ</t>
  </si>
  <si>
    <t>ﾔﾏｸ</t>
  </si>
  <si>
    <t>わけぎの酢みそあえ袋</t>
  </si>
  <si>
    <t>からし酢みそ　チューブ</t>
  </si>
  <si>
    <t>ゆず酢みそ</t>
  </si>
  <si>
    <t>コチュジャン酢みそ</t>
  </si>
  <si>
    <t>ゆず酢みそ　チューブ</t>
  </si>
  <si>
    <t>コチュジャン酢味噌</t>
  </si>
  <si>
    <t>ﾌｼﾞﾔｽｼﾞｮｳｿ</t>
  </si>
  <si>
    <t>パウチ１００ハンバーグソース</t>
  </si>
  <si>
    <t>イカリソース</t>
  </si>
  <si>
    <t>ｲｶﾘｿｰｽ</t>
  </si>
  <si>
    <t>オイルソースオリーブオイル＆アンチョビー</t>
  </si>
  <si>
    <t>130ml</t>
  </si>
  <si>
    <t>Ｏソースしょうゆ＆ペッパー</t>
  </si>
  <si>
    <t>オイスターソース１８５</t>
  </si>
  <si>
    <t>185g</t>
  </si>
  <si>
    <t>李錦記</t>
  </si>
  <si>
    <t>ﾘｷﾝｷ</t>
  </si>
  <si>
    <t>チンジャオロースーの素</t>
  </si>
  <si>
    <t>トウバンジャン９０</t>
  </si>
  <si>
    <t>日向ひょっとこ豚味噌</t>
  </si>
  <si>
    <t>とりやさいみそ</t>
  </si>
  <si>
    <t>びわこ食品</t>
  </si>
  <si>
    <t>ﾋﾞﾜｺｼｮｸﾋﾝ</t>
  </si>
  <si>
    <t>ショイノミ</t>
  </si>
  <si>
    <t>ｲｹｻﾞｷｼｮｳﾕ</t>
  </si>
  <si>
    <t>しょいのみ</t>
  </si>
  <si>
    <t>タニタ食堂味噌漬けの素</t>
  </si>
  <si>
    <t>おやじ味噌</t>
  </si>
  <si>
    <t>フードレーベル</t>
  </si>
  <si>
    <t>ﾌｰﾄﾞﾚｰﾍﾞﾙ</t>
  </si>
  <si>
    <t>なんでも味噌ダレ</t>
  </si>
  <si>
    <t>ｷﾞｮｳｻﾞｴﾓﾝ</t>
  </si>
  <si>
    <t>宮崎辛みそ</t>
  </si>
  <si>
    <t>池崎しょうゆ醸造元</t>
  </si>
  <si>
    <t>秋</t>
  </si>
  <si>
    <t>富山湾白えびおかずみそ</t>
  </si>
  <si>
    <t>マツオ</t>
  </si>
  <si>
    <t>ﾏﾂｵ</t>
  </si>
  <si>
    <t>とり野菜みそ</t>
  </si>
  <si>
    <t>まつや</t>
  </si>
  <si>
    <t>まつやとり野菜みそスパウトパック500g</t>
  </si>
  <si>
    <t>ﾏﾂﾔ</t>
  </si>
  <si>
    <t>まつやとり野菜みそ200g×12P</t>
  </si>
  <si>
    <t>200GX12P</t>
  </si>
  <si>
    <t>まつやピリ辛とり野菜みそ200g×12P</t>
  </si>
  <si>
    <t>まつやピリ辛とり野菜みそスパウトパック500g</t>
  </si>
  <si>
    <t>まつや　とり野菜みそ</t>
  </si>
  <si>
    <t>まつや　ピリ辛とり野菜みそ</t>
  </si>
  <si>
    <t>まつやとり野菜みそ350g</t>
  </si>
  <si>
    <t>まつやピリ辛とり野菜みそ350g</t>
  </si>
  <si>
    <t>ホワイトソースミックス</t>
  </si>
  <si>
    <t>ススムくん中華焼ビーフン</t>
  </si>
  <si>
    <t>209g</t>
  </si>
  <si>
    <t>韓国あじ　袋</t>
  </si>
  <si>
    <t>中華菜館オイスターエキス</t>
  </si>
  <si>
    <t>中華菜館甜面醤</t>
  </si>
  <si>
    <t>献立いろいろ肉みそ</t>
  </si>
  <si>
    <t>３００ｇ</t>
  </si>
  <si>
    <t>献立ﾋﾟﾘ辛みそ</t>
  </si>
  <si>
    <t>献立いろいろ梅みそ</t>
  </si>
  <si>
    <t>献立いろいろみそ</t>
  </si>
  <si>
    <t>献立いろいろみそミニパック</t>
  </si>
  <si>
    <t>献立いろいろみそ使い切りタイプ</t>
  </si>
  <si>
    <t>減塩献立いろいろみそ</t>
  </si>
  <si>
    <t>献立いろいろピリ辛みそ</t>
  </si>
  <si>
    <t>赤から赤きゅう</t>
  </si>
  <si>
    <t>イチビキ　赤からしそきゅう</t>
  </si>
  <si>
    <t>田楽みそ</t>
  </si>
  <si>
    <t>ゆずみそ</t>
  </si>
  <si>
    <t>かんたんお料理みそ</t>
  </si>
  <si>
    <t>ねぎみそ</t>
  </si>
  <si>
    <t>マルサンアイどて焼170g</t>
  </si>
  <si>
    <t>170G</t>
  </si>
  <si>
    <t>浅漬けの素　梅かつお</t>
  </si>
  <si>
    <t>浅漬けの素　青じそ昆布</t>
  </si>
  <si>
    <t>浅漬けの素　ゆず</t>
  </si>
  <si>
    <t>カップの匠　赤だし</t>
  </si>
  <si>
    <t>27.2g</t>
  </si>
  <si>
    <t>肉みそ</t>
  </si>
  <si>
    <t>ふきのとうみそ</t>
  </si>
  <si>
    <t>100g×12</t>
  </si>
  <si>
    <t>ｱｲｽﾞﾃﾝﾎﾟｳｼ</t>
  </si>
  <si>
    <t>ウスターソース</t>
  </si>
  <si>
    <t>1800m</t>
  </si>
  <si>
    <t>とんかつソース</t>
  </si>
  <si>
    <t>ソース工房ステーキ</t>
  </si>
  <si>
    <t>ソースコウボウテリヤキ</t>
  </si>
  <si>
    <t>紅一点こめゆたか</t>
  </si>
  <si>
    <t>チャンチャン焼用みそ　袋</t>
  </si>
  <si>
    <t>岩田　紅一点　即漬マイスター　野菜用　１８０ｇ</t>
  </si>
  <si>
    <t>北海道おでん味噌</t>
  </si>
  <si>
    <t>ごまみそ</t>
  </si>
  <si>
    <t>おでんからしみそ</t>
  </si>
  <si>
    <t>ｶﾈｺ</t>
  </si>
  <si>
    <t>おかずでっせいりこ味噌</t>
  </si>
  <si>
    <t>親父の肴にんにくみそ</t>
  </si>
  <si>
    <t>165g</t>
  </si>
  <si>
    <t>親父の肴いりこみそ</t>
  </si>
  <si>
    <t>かねこみそとり鍋のみそ200g</t>
  </si>
  <si>
    <t>かねこみそ旨辛とり鍋のみそ200g</t>
  </si>
  <si>
    <t>親父の肴旨辛にんにくみそ</t>
  </si>
  <si>
    <t>親父の肴しょうがみそ</t>
  </si>
  <si>
    <t>かねこみそ白みそ仕立てとり鍋のみそ200g</t>
  </si>
  <si>
    <t>スタミナ鉄板焼きの素</t>
  </si>
  <si>
    <t>青唐辛子みそ</t>
  </si>
  <si>
    <t>小松食品</t>
  </si>
  <si>
    <t>ｺﾏﾂｼｮｸﾋﾝ</t>
  </si>
  <si>
    <t>かねさ_漬物みそ</t>
  </si>
  <si>
    <t>みそチャップ</t>
  </si>
  <si>
    <t>かねさ　しょうがみそ　万能調味料　袋２０ｇ×５</t>
  </si>
  <si>
    <t>20g×5p</t>
  </si>
  <si>
    <t>ピザソース　マッシュ＆コーン</t>
  </si>
  <si>
    <t>ドミグラスソース　＃７</t>
  </si>
  <si>
    <t>みそ名人</t>
  </si>
  <si>
    <t>480g</t>
  </si>
  <si>
    <t>お料理みそ料亭赤だし</t>
  </si>
  <si>
    <t>３２０ｇ</t>
  </si>
  <si>
    <t>食べ方いろいろ田楽みそ</t>
  </si>
  <si>
    <t>瀬戸内産ﾚﾓﾝの皮入りﾚﾓﾝﾃﾞｨｯﾌﾟ</t>
  </si>
  <si>
    <t>スパウト大葉みそ</t>
  </si>
  <si>
    <t>八丁味噌みそ鶏大根の素</t>
  </si>
  <si>
    <t>167g</t>
  </si>
  <si>
    <t>寿がきや食品</t>
  </si>
  <si>
    <t>ｽｶﾞｷﾔ</t>
  </si>
  <si>
    <t>シマヤ　毎日、みそおかず　３４０ｇ</t>
  </si>
  <si>
    <t>ぬかみそがらし</t>
  </si>
  <si>
    <t>ぬかみそからし</t>
  </si>
  <si>
    <t>熟成ぬか蔵</t>
  </si>
  <si>
    <t>里ごころうす塩</t>
  </si>
  <si>
    <t>ゆずみそSP</t>
  </si>
  <si>
    <t>ごまみそSP</t>
  </si>
  <si>
    <t>日本海雪ちゃんのごまみそ130g</t>
  </si>
  <si>
    <t>130G</t>
  </si>
  <si>
    <t>めいほう鶏ちゃんの素</t>
  </si>
  <si>
    <t>つけてみそかけてみそ</t>
  </si>
  <si>
    <t>つけてみそかけてみそマイルド</t>
  </si>
  <si>
    <t>つけてみそかけてみそゆず味</t>
  </si>
  <si>
    <t>310g</t>
  </si>
  <si>
    <t>赤からXつけてみそ</t>
  </si>
  <si>
    <t>トマトケチャップ</t>
  </si>
  <si>
    <t>日本デルモンテ</t>
  </si>
  <si>
    <t>ﾃﾞﾙﾓﾝﾃ</t>
  </si>
  <si>
    <t>味噌汁庵_揚げなすｶﾚﾝﾀﾞｰ</t>
  </si>
  <si>
    <t>9g</t>
  </si>
  <si>
    <t>味噌汁庵_とうふｶﾚﾝﾀﾞｰ</t>
  </si>
  <si>
    <t>ハナマルキお父さん２</t>
  </si>
  <si>
    <t>ﾊﾅﾏﾙｷ_田舎みそ_1KG</t>
  </si>
  <si>
    <t>夜明け田舎</t>
  </si>
  <si>
    <t>熟成合わせ</t>
  </si>
  <si>
    <t>いりこみそ</t>
  </si>
  <si>
    <t>カラシ　スミソ</t>
  </si>
  <si>
    <t>ハッチョウアカダシ</t>
  </si>
  <si>
    <t>北海道産鰹節昆布生しょうゆボトル</t>
  </si>
  <si>
    <t>田舎みそ白こし詰替え</t>
  </si>
  <si>
    <t>おかずみそ鮭節しょうが</t>
  </si>
  <si>
    <t>パパッと雑炊仙台味噌</t>
  </si>
  <si>
    <t>104.5g</t>
  </si>
  <si>
    <t>はごろもフーズ</t>
  </si>
  <si>
    <t>ﾊｺﾞﾛﾓ</t>
  </si>
  <si>
    <t>パパッと雑炊信州味噌</t>
  </si>
  <si>
    <t>パパッと雑炊京都白みそ</t>
  </si>
  <si>
    <t>107g</t>
  </si>
  <si>
    <t>パパッと雑炊九州麦みそ</t>
  </si>
  <si>
    <t>108g</t>
  </si>
  <si>
    <t>アサズケノモト</t>
  </si>
  <si>
    <t>ごま糀みそ</t>
  </si>
  <si>
    <t>ごまみそ赤</t>
  </si>
  <si>
    <t>火の国辛みそ</t>
  </si>
  <si>
    <t>田舎みそピロー</t>
  </si>
  <si>
    <t>小さいお味噌白</t>
  </si>
  <si>
    <t>ソフト料亭の味</t>
  </si>
  <si>
    <t>信州味噌漬けの素</t>
  </si>
  <si>
    <t>からしみそ</t>
  </si>
  <si>
    <t>おいしさと香り信州みそカップ</t>
  </si>
  <si>
    <t>おいしさと香り合わせみそ</t>
  </si>
  <si>
    <t>本みそ無添加減塩</t>
  </si>
  <si>
    <t>本みそ無添加合わせ</t>
  </si>
  <si>
    <t>おいしい低塩みそ</t>
  </si>
  <si>
    <t>マルコメ液みそ信州</t>
  </si>
  <si>
    <t>マルコメ液みそ合わせ</t>
  </si>
  <si>
    <t>お料理らくらく液みそ</t>
  </si>
  <si>
    <t>御椀ショット極</t>
  </si>
  <si>
    <t>1個</t>
  </si>
  <si>
    <t>プラス糀ハーブ糀塩　袋</t>
  </si>
  <si>
    <t>料亭の味肉みそ風</t>
  </si>
  <si>
    <t>料亭の味　梅かつおみそ</t>
  </si>
  <si>
    <t>ミランダ有機miso合わせだし</t>
  </si>
  <si>
    <t>ミランダ有機miso野菜だし</t>
  </si>
  <si>
    <t>料亭の味フリーズドライ粒みそ</t>
  </si>
  <si>
    <t>料亭の味FDつぶみそボトル</t>
  </si>
  <si>
    <t>かねさ青森生姜みそ</t>
  </si>
  <si>
    <t>蔵カップ_１ｋｇ</t>
  </si>
  <si>
    <t>ヤマサみそ</t>
  </si>
  <si>
    <t>ﾔﾏｻﾐｿ</t>
  </si>
  <si>
    <t>安芸路だし入り合わせみそ</t>
  </si>
  <si>
    <t>国産大豆白みそ</t>
  </si>
  <si>
    <t>＊＊</t>
  </si>
  <si>
    <t>ゆず入り金山寺</t>
  </si>
  <si>
    <t>日本の和えもの田楽みそ</t>
  </si>
  <si>
    <t>冷や汁の素</t>
  </si>
  <si>
    <t>25g×3</t>
  </si>
  <si>
    <t>ゆず入り金山寺みそ</t>
  </si>
  <si>
    <t>お手軽カップ金山寺みそ</t>
  </si>
  <si>
    <t>おでんみそ　甘口</t>
  </si>
  <si>
    <t>コウジズケノモト</t>
  </si>
  <si>
    <t>ますやみそカップ塩糀</t>
  </si>
  <si>
    <t>漬けてんしゃい</t>
  </si>
  <si>
    <t>ションション</t>
  </si>
  <si>
    <t>しょんしょん</t>
  </si>
  <si>
    <t>野菜においしいにんにくみそ</t>
  </si>
  <si>
    <t>甘塩米みそ</t>
  </si>
  <si>
    <t>ヤマク食品柚子金山寺カップ115g</t>
  </si>
  <si>
    <t>マルジュ麦粒みそ</t>
  </si>
  <si>
    <t>粒みそ</t>
  </si>
  <si>
    <t>天草あまくちみそ</t>
  </si>
  <si>
    <t>四川ラー豆板醤</t>
  </si>
  <si>
    <t>ライオン</t>
  </si>
  <si>
    <t>タクアンヨウキナコ</t>
  </si>
  <si>
    <t>6g</t>
  </si>
  <si>
    <t>ナスヅケノモト</t>
  </si>
  <si>
    <t>たかな漬けの素</t>
  </si>
  <si>
    <t>金山寺みそカップ</t>
  </si>
  <si>
    <t>にんにくみそ</t>
  </si>
  <si>
    <t>白秋フリーズドライ</t>
  </si>
  <si>
    <t>多こうじこしみそ</t>
  </si>
  <si>
    <t>柚子みそ</t>
  </si>
  <si>
    <t>信光物産</t>
  </si>
  <si>
    <t>ﾉﾌﾞﾐﾂﾌﾞｯｻﾝ</t>
  </si>
  <si>
    <t>にんにく味噌</t>
  </si>
  <si>
    <t>中国産豚汁の具</t>
  </si>
  <si>
    <t>いわもと</t>
  </si>
  <si>
    <t>ｲﾜﾓﾄ</t>
  </si>
  <si>
    <t>国産豚汁・けんちん汁の具</t>
  </si>
  <si>
    <t>白菜漬けの素</t>
  </si>
  <si>
    <t>かんたん漬け床</t>
  </si>
  <si>
    <t>あっさりしそ漬の素</t>
  </si>
  <si>
    <t>カリカリ梅の素</t>
  </si>
  <si>
    <t>風の盆味噌GZ</t>
  </si>
  <si>
    <t>丸新本家金山寺味噌カップ</t>
  </si>
  <si>
    <t>丸新本家</t>
  </si>
  <si>
    <t>ﾏﾙｼﾝﾎﾝｹ</t>
  </si>
  <si>
    <t>紀州金山寺味噌</t>
  </si>
  <si>
    <t>おかずみそ阿波すず香みそ</t>
  </si>
  <si>
    <t>志まや味噌</t>
  </si>
  <si>
    <t>ｼﾏﾔﾐｿ</t>
  </si>
  <si>
    <t>おかずみそすだちみそ</t>
  </si>
  <si>
    <t>おかずみそ鯛みそ</t>
  </si>
  <si>
    <t>ちりめんいりこ_１３０ｇ</t>
  </si>
  <si>
    <t>淀屋勇心</t>
  </si>
  <si>
    <t>ﾖﾄﾞﾔﾕｳｼﾝ</t>
  </si>
  <si>
    <t>ほうばみそ</t>
  </si>
  <si>
    <t>ﾏﾙｼﾖｳ</t>
  </si>
  <si>
    <t>万能甘みそ</t>
  </si>
  <si>
    <t>鶏ちゃんみそ</t>
  </si>
  <si>
    <t>マルコウ　ピリカラしそみそ</t>
  </si>
  <si>
    <t>マルコウ醸造</t>
  </si>
  <si>
    <t>ﾏﾙｺｳ</t>
  </si>
  <si>
    <t>垣内みそ店</t>
  </si>
  <si>
    <t>ｶｷｳﾁﾐｿﾎﾝﾃﾝ</t>
  </si>
  <si>
    <t>みそだれ</t>
  </si>
  <si>
    <t>ﾏﾙﾔ</t>
  </si>
  <si>
    <t>調理みそゆず</t>
  </si>
  <si>
    <t>調理みそ田楽</t>
  </si>
  <si>
    <t>ごまもろ</t>
  </si>
  <si>
    <t>海遊鮮田舎汁の具</t>
  </si>
  <si>
    <t>茶うけみそ</t>
  </si>
  <si>
    <t>スパウトおでんみそ甘口</t>
  </si>
  <si>
    <t>スパウトおでんみそ辛口</t>
  </si>
  <si>
    <t>ｷﾞﾉ-</t>
  </si>
  <si>
    <t>こだまみそ汁1課大根ミックス</t>
  </si>
  <si>
    <t>こだま食品</t>
  </si>
  <si>
    <t>ｺﾀﾞﾏｼｮｸﾋﾝ</t>
  </si>
  <si>
    <t>ひや汁</t>
  </si>
  <si>
    <t>向栄食品工業</t>
  </si>
  <si>
    <t>ｺｳｴｲｼｮｸﾋﾝ</t>
  </si>
  <si>
    <t>夏</t>
  </si>
  <si>
    <t>ひや汁スタンドパウチ</t>
  </si>
  <si>
    <t>ズバリ無添加合わせみそ</t>
  </si>
  <si>
    <t>炒めにんにく合わせみそ</t>
  </si>
  <si>
    <t>長崎だよりだし入り合わせ</t>
  </si>
  <si>
    <t>MISOパウダー</t>
  </si>
  <si>
    <t>MISOパウダーゆず</t>
  </si>
  <si>
    <t>MISOパウダーごま</t>
  </si>
  <si>
    <t>金山寺みそ漬の素</t>
  </si>
  <si>
    <t>老舗みそ家の秘伝みそだれ</t>
  </si>
  <si>
    <t>マルサ　蔵出し完熟生みそ　熟成津軽味噌袋</t>
  </si>
  <si>
    <t>即席あさ漬けの素</t>
  </si>
  <si>
    <t>白菜漬け自慢</t>
  </si>
  <si>
    <t>辛味噌だれ</t>
  </si>
  <si>
    <t>１８０ｇ</t>
  </si>
  <si>
    <t>辛みそだれチューブ</t>
  </si>
  <si>
    <t>ごま好み</t>
  </si>
  <si>
    <t>シイタケチュウバ</t>
  </si>
  <si>
    <t>下田屋</t>
  </si>
  <si>
    <t>つゆ</t>
  </si>
  <si>
    <t>汎用つゆ</t>
  </si>
  <si>
    <t>めんつゆ</t>
  </si>
  <si>
    <t>小容量（～300ml）</t>
  </si>
  <si>
    <t>ヤマキつゆ</t>
  </si>
  <si>
    <t>つゆ２倍</t>
  </si>
  <si>
    <t>３００ｍｌ</t>
  </si>
  <si>
    <t>ヤマニ醤油</t>
  </si>
  <si>
    <t>かつおだし</t>
  </si>
  <si>
    <t>キッコーマン食品</t>
  </si>
  <si>
    <t>ｷｯｺｰﾏﾝ</t>
  </si>
  <si>
    <t>だしを味わうそばつゆ陳列BOX</t>
  </si>
  <si>
    <t>9g*6</t>
  </si>
  <si>
    <t>辛味の一撃</t>
  </si>
  <si>
    <t>280ｍｌ</t>
  </si>
  <si>
    <t>酸味の一撃</t>
  </si>
  <si>
    <t>かけても、つけても。</t>
  </si>
  <si>
    <t>300ｍｌ</t>
  </si>
  <si>
    <t>超追いがつおつゆ</t>
  </si>
  <si>
    <t>かける追いがつおつゆ</t>
  </si>
  <si>
    <t>190ml</t>
  </si>
  <si>
    <t>熟つゆ</t>
  </si>
  <si>
    <t>日本丸天醤油</t>
  </si>
  <si>
    <t>ﾏﾙﾃﾝ</t>
  </si>
  <si>
    <t>煮魚専科</t>
  </si>
  <si>
    <t>減塩かつおだしつゆ</t>
  </si>
  <si>
    <t>250ml</t>
  </si>
  <si>
    <t>京のれん豆腐つゆ</t>
  </si>
  <si>
    <t>ﾋｶﾞｼﾏﾙｼｮｳﾕ</t>
  </si>
  <si>
    <t>かつおつゆ</t>
  </si>
  <si>
    <t>天つゆ</t>
  </si>
  <si>
    <t>鴨だしつゆ</t>
  </si>
  <si>
    <t>ﾓﾘﾀｼｮｳﾕ</t>
  </si>
  <si>
    <t>桃屋つゆ特級</t>
  </si>
  <si>
    <t>具入りつゆ　きのこ</t>
  </si>
  <si>
    <t>具入りつゆ　山菜</t>
  </si>
  <si>
    <t>ふっくら卵焼きだし</t>
  </si>
  <si>
    <t>鶏塩つけうどんつゆ　４０ｇ</t>
  </si>
  <si>
    <t>2p</t>
  </si>
  <si>
    <t>だし醤油千代の味</t>
  </si>
  <si>
    <t>うどんどばつゆストレート</t>
  </si>
  <si>
    <t>ｶﾜｸﾞﾁﾔ</t>
  </si>
  <si>
    <t>きわみ和風つゆ</t>
  </si>
  <si>
    <t>６０ｇ×５</t>
  </si>
  <si>
    <t>一番食品</t>
  </si>
  <si>
    <t>ｲﾁﾊﾞﾝ</t>
  </si>
  <si>
    <t>四季のつゆ</t>
  </si>
  <si>
    <t>生クリームのコク明太クリームうどんの素</t>
  </si>
  <si>
    <t>115g</t>
  </si>
  <si>
    <t>創味のつゆ</t>
  </si>
  <si>
    <t>創味食品</t>
  </si>
  <si>
    <t>ｿｳﾐｼｮｸﾋﾝ</t>
  </si>
  <si>
    <t>東屋　汁の素</t>
  </si>
  <si>
    <t>竹老園東家総本店</t>
  </si>
  <si>
    <t>ﾁｸﾛｳｴﾝ</t>
  </si>
  <si>
    <t>無添加焼きあごつゆ</t>
  </si>
  <si>
    <t>西村商店</t>
  </si>
  <si>
    <t>ﾆｼﾑﾗｼｮｳﾃﾝ</t>
  </si>
  <si>
    <t>ごまみそずい</t>
  </si>
  <si>
    <t>中容量（301ml～600ml）</t>
  </si>
  <si>
    <t>めんつゆ4本セット</t>
  </si>
  <si>
    <t>4本入セット</t>
  </si>
  <si>
    <t>あご真昆布だし</t>
  </si>
  <si>
    <t>400ml</t>
  </si>
  <si>
    <t>ﾊﾞｲｸﾝｼﾞｮｳｿ</t>
  </si>
  <si>
    <t>丸亀製麺ぶっかけつゆ3倍希釈</t>
  </si>
  <si>
    <t>トリドール</t>
  </si>
  <si>
    <t>ｼﾞｪｰｵｰｼﾞｪｰ</t>
  </si>
  <si>
    <t>つゆ_濃縮３倍</t>
  </si>
  <si>
    <t>360ml</t>
  </si>
  <si>
    <t>ナカマル醤油醸造元</t>
  </si>
  <si>
    <t>ﾅｶﾏﾙｼｮｳﾕ</t>
  </si>
  <si>
    <t>煮物だれ</t>
  </si>
  <si>
    <t>玄海煮付</t>
  </si>
  <si>
    <t>高千穂峡つゆ　とりだし</t>
  </si>
  <si>
    <t>献立いろいろつゆ</t>
  </si>
  <si>
    <t>600ml</t>
  </si>
  <si>
    <t>塩分糖質３０％オフ献立つゆ</t>
  </si>
  <si>
    <t>献立いろいろ黒酢つゆ</t>
  </si>
  <si>
    <t>本つゆヘルシー＆ライト</t>
  </si>
  <si>
    <t>本つゆ　塩分・糖質オフ　５００ｍｌ</t>
  </si>
  <si>
    <t>５００ｍｌ</t>
  </si>
  <si>
    <t>ｷﾂｺ-ﾏﾝ</t>
  </si>
  <si>
    <t>基本のおかずつゆ</t>
  </si>
  <si>
    <t>本つゆ　濃縮３倍</t>
  </si>
  <si>
    <t>本つゆ</t>
  </si>
  <si>
    <t>めんみ</t>
  </si>
  <si>
    <t>真昆布つゆ２倍</t>
  </si>
  <si>
    <t>まる搾りすだちおろしつゆ</t>
  </si>
  <si>
    <t>400G</t>
  </si>
  <si>
    <t>香ばし焙煎ごまだれつゆ</t>
  </si>
  <si>
    <t>豆乳つゆかつおだしパック</t>
  </si>
  <si>
    <t>ｷｯｺ-ﾏﾝ</t>
  </si>
  <si>
    <t>いつでも新鮮だし贅沢めんみ</t>
  </si>
  <si>
    <t>450ml</t>
  </si>
  <si>
    <t>だし香る贅沢つゆ</t>
  </si>
  <si>
    <t>450ｍｌ</t>
  </si>
  <si>
    <t>だししっかり減塩つゆ</t>
  </si>
  <si>
    <t>濃いダシ本つゆ</t>
  </si>
  <si>
    <t>料理人直伝極みつゆ</t>
  </si>
  <si>
    <t>つゆ自慢2倍</t>
  </si>
  <si>
    <t>ツユ３バイ</t>
  </si>
  <si>
    <t>一本釣り鰹そうめんつゆ</t>
  </si>
  <si>
    <t>焼きあごつゆ</t>
  </si>
  <si>
    <t>シマヤ　焼きあごつゆ　ストレート　瓶　４００ｍｌ</t>
  </si>
  <si>
    <t>400ML</t>
  </si>
  <si>
    <t>つゆ自慢プレミアムＳＴ</t>
  </si>
  <si>
    <t>400ｍｌ</t>
  </si>
  <si>
    <t>大島いりこつゆ</t>
  </si>
  <si>
    <t>シマヤ　炭火焼きあごつゆ　４倍　５００ｍｌ</t>
  </si>
  <si>
    <t>500ML</t>
  </si>
  <si>
    <t>新得そばつゆ</t>
  </si>
  <si>
    <t>新得物産</t>
  </si>
  <si>
    <t>ｼﾝﾄｸﾌﾞｯｻﾝ</t>
  </si>
  <si>
    <t>つゆ３倍濃縮</t>
  </si>
  <si>
    <t>かつお本節つゆ</t>
  </si>
  <si>
    <t>テンヨ武田</t>
  </si>
  <si>
    <t>ﾃﾝﾖ</t>
  </si>
  <si>
    <t>ビミサン</t>
  </si>
  <si>
    <t>ﾃﾝﾖﾀｹﾀﾞ</t>
  </si>
  <si>
    <t>北の　ビミサン（5倍）</t>
  </si>
  <si>
    <t>四季のつゆかつお</t>
  </si>
  <si>
    <t>四季のつゆかつお　濃厚2倍</t>
  </si>
  <si>
    <t>四季のつゆ椎茸</t>
  </si>
  <si>
    <t>料亭朱だし</t>
  </si>
  <si>
    <t>深味つゆ</t>
  </si>
  <si>
    <t>減塩四季のつゆかつお味濃厚2倍</t>
  </si>
  <si>
    <t>あごだしつゆ_濃厚2倍_360ml</t>
  </si>
  <si>
    <t>和食上手</t>
  </si>
  <si>
    <t>四季のつゆかつお味濃厚2倍</t>
  </si>
  <si>
    <t>追いがつおつゆ</t>
  </si>
  <si>
    <t>昆布つゆ_２倍</t>
  </si>
  <si>
    <t>昆布つゆ</t>
  </si>
  <si>
    <t>追いがつおつゆ　２倍</t>
  </si>
  <si>
    <t>追いがつおつゆ2倍</t>
  </si>
  <si>
    <t>金色昆布つゆ</t>
  </si>
  <si>
    <t>500ｍｌ</t>
  </si>
  <si>
    <t>ラクつゆ</t>
  </si>
  <si>
    <t>あごだしつゆ</t>
  </si>
  <si>
    <t>八方だし</t>
  </si>
  <si>
    <t>カンタンお料理だし</t>
  </si>
  <si>
    <t>鶏だしつゆ</t>
  </si>
  <si>
    <t>追いがつお節つゆ　２倍</t>
  </si>
  <si>
    <t>追いがつお節つゆ</t>
  </si>
  <si>
    <t>花がつおうどんつゆ</t>
  </si>
  <si>
    <t>いりこだしうどんつゆ</t>
  </si>
  <si>
    <t>クッキング料理だしつゆ</t>
  </si>
  <si>
    <t>プロが使う味　割烹つゆ</t>
  </si>
  <si>
    <t>クッキング追いかつお酷味</t>
  </si>
  <si>
    <t>クッキング追いかつお薄色</t>
  </si>
  <si>
    <t>クッキングおい鰹京風仕立て</t>
  </si>
  <si>
    <t>おい鰹つゆ淡色花がつお</t>
  </si>
  <si>
    <t>昆布つゆ　２倍</t>
  </si>
  <si>
    <t>風味一番つゆ</t>
  </si>
  <si>
    <t>日清フーズ</t>
  </si>
  <si>
    <t>ﾆｯｼﾝﾌｰｽﾞ</t>
  </si>
  <si>
    <t>揖保のつゆ</t>
  </si>
  <si>
    <t>天翔揖保のつゆ</t>
  </si>
  <si>
    <t>つゆの素　６００ｍｌ</t>
  </si>
  <si>
    <t>にんべん</t>
  </si>
  <si>
    <t>ﾆﾝﾍﾞﾝ</t>
  </si>
  <si>
    <t>つゆの素</t>
  </si>
  <si>
    <t>にんべんつゆの素</t>
  </si>
  <si>
    <t>つゆの素ゴールド</t>
  </si>
  <si>
    <t>にんべん　昆布仕立てのつゆの素Ｇ　Ｂ５００ｍｌ</t>
  </si>
  <si>
    <t>有機つゆの素</t>
  </si>
  <si>
    <t>にんべん　塩分ひかえめつゆの素ゴールドＯＴ６４８</t>
  </si>
  <si>
    <t>家伝つゆかつお</t>
  </si>
  <si>
    <t>家伝つゆしいたけ</t>
  </si>
  <si>
    <t>家伝つゆしそ</t>
  </si>
  <si>
    <t>メイスイツユ</t>
  </si>
  <si>
    <t>讃岐うどんつゆ濃縮８倍</t>
  </si>
  <si>
    <t>家伝つゆかつお_500ml</t>
  </si>
  <si>
    <t>家伝つゆ_しいたけ</t>
  </si>
  <si>
    <t>家伝無添加つゆ</t>
  </si>
  <si>
    <t>家伝そばつゆ</t>
  </si>
  <si>
    <t>富士屋甚兵衛しいたけつゆ</t>
  </si>
  <si>
    <t>日高昆布だし彩り</t>
  </si>
  <si>
    <t>めんスープ</t>
  </si>
  <si>
    <t>京風割烹煮物だしつゆ</t>
  </si>
  <si>
    <t>あまくておいしいつゆ</t>
  </si>
  <si>
    <t>あまくておいしいつゆうすいろ</t>
  </si>
  <si>
    <t>フンドーキン　三徳つゆ　500ml</t>
  </si>
  <si>
    <t>かつおつゆ２</t>
  </si>
  <si>
    <t>ほんかつおつゆ２倍</t>
  </si>
  <si>
    <t>昆布かつおつゆ</t>
  </si>
  <si>
    <t>焙煎あごだしつゆ</t>
  </si>
  <si>
    <t>マルトモ　焙焼本かつおつゆ　５００ｍｌ</t>
  </si>
  <si>
    <t>直火焼本かつおつゆ</t>
  </si>
  <si>
    <t>カツオイチバンダシ</t>
  </si>
  <si>
    <t>あごだしつゆ濃縮２倍</t>
  </si>
  <si>
    <t>かつお一番つゆ</t>
  </si>
  <si>
    <t>鰹つゆ</t>
  </si>
  <si>
    <t>天然無添加だしつゆ</t>
  </si>
  <si>
    <t>つゆ大徳利</t>
  </si>
  <si>
    <t>つゆ特級大徳利</t>
  </si>
  <si>
    <t>つゆ_淡麗</t>
  </si>
  <si>
    <t>つゆ淡麗</t>
  </si>
  <si>
    <t>塩だしつゆ</t>
  </si>
  <si>
    <t>白だし</t>
  </si>
  <si>
    <t>伝承のつゆかつお</t>
  </si>
  <si>
    <t>伝承のつゆ昆布</t>
  </si>
  <si>
    <t>焼きあごつゆ２倍</t>
  </si>
  <si>
    <t>ぱぱっとちゃんとこれうまつゆ</t>
  </si>
  <si>
    <t>ヤマキめんつゆ</t>
  </si>
  <si>
    <t>メンツユ</t>
  </si>
  <si>
    <t>まろやか減塩だしつゆ</t>
  </si>
  <si>
    <t>減塩だしつゆ</t>
  </si>
  <si>
    <t>お塩控えめめんつゆ</t>
  </si>
  <si>
    <t>1Ｌ</t>
  </si>
  <si>
    <t>ﾔﾏﾓﾘ</t>
  </si>
  <si>
    <t>１Ｌ</t>
  </si>
  <si>
    <t>名代無砂糖でおいしいつゆ</t>
  </si>
  <si>
    <t>ヤマモリ</t>
  </si>
  <si>
    <t>千代の味</t>
  </si>
  <si>
    <t>つゆ名人</t>
  </si>
  <si>
    <t>八方汁</t>
  </si>
  <si>
    <t>ワダカン　八方汁</t>
  </si>
  <si>
    <t>八方汁うまみ+</t>
  </si>
  <si>
    <t>かつお厚けずりつゆ</t>
  </si>
  <si>
    <t>だしつゆ源ちゃん</t>
  </si>
  <si>
    <t>老舗の味つゆ</t>
  </si>
  <si>
    <t>早池峰つゆ</t>
  </si>
  <si>
    <t>どうらくの里</t>
  </si>
  <si>
    <t>東北醤油</t>
  </si>
  <si>
    <t>ﾄｳﾎｸｼｮｳﾕ</t>
  </si>
  <si>
    <t>万能つゆ味どうらくの里</t>
  </si>
  <si>
    <t>だし三昧</t>
  </si>
  <si>
    <t>5P</t>
  </si>
  <si>
    <t>マルイチ海産</t>
  </si>
  <si>
    <t>ﾏﾙｲﾁ</t>
  </si>
  <si>
    <t>めんつゆ2倍</t>
  </si>
  <si>
    <t>杉川商店</t>
  </si>
  <si>
    <t>ｽｷﾞｶﾜｼｮｳﾃﾝ</t>
  </si>
  <si>
    <t>あごだし鰹入</t>
  </si>
  <si>
    <t>あごだしめんつゆ</t>
  </si>
  <si>
    <t>紫峰のつゆ</t>
  </si>
  <si>
    <t>くばら　あごだしつゆ</t>
  </si>
  <si>
    <t>あごだしつゆ九州しょうゆ</t>
  </si>
  <si>
    <t>あごだしつゆ九州あまくち</t>
  </si>
  <si>
    <t>久原醤油</t>
  </si>
  <si>
    <t>ｸﾊﾞﾗｼｮｳﾕ</t>
  </si>
  <si>
    <t>伊勢湾の海苔だしつゆ</t>
  </si>
  <si>
    <t>めんつゆ濃縮3倍</t>
  </si>
  <si>
    <t>井ゲタ醤油</t>
  </si>
  <si>
    <t>ｲｹﾞﾀｼｮｳﾕ</t>
  </si>
  <si>
    <t>おんちのだし</t>
  </si>
  <si>
    <t>恩地食品</t>
  </si>
  <si>
    <t>ｵﾝﾁｼｮｸﾋﾝ</t>
  </si>
  <si>
    <t>四季のつゆ瓶</t>
  </si>
  <si>
    <t>時短万能たれうまかばい</t>
  </si>
  <si>
    <t>クルメキッコー</t>
  </si>
  <si>
    <t>ｸﾙﾒｷｯｺｰ</t>
  </si>
  <si>
    <t>かつお昆布つゆ500ml</t>
  </si>
  <si>
    <t>新創味のつゆ</t>
  </si>
  <si>
    <t>つゆあまくち</t>
  </si>
  <si>
    <t>チョーコーだしの素こいいろペット</t>
  </si>
  <si>
    <t>めんつゆかつお</t>
  </si>
  <si>
    <t>京風だしの素うすいろ</t>
  </si>
  <si>
    <t>あごつゆ</t>
  </si>
  <si>
    <t>えびつゆ</t>
  </si>
  <si>
    <t>昆布つゆ_濃縮５倍</t>
  </si>
  <si>
    <t>玉松味噌醤油</t>
  </si>
  <si>
    <t>ﾀﾏﾏﾂﾐｿ</t>
  </si>
  <si>
    <t>ちたけつゆ　３倍濃縮</t>
  </si>
  <si>
    <t>ﾀｶﾊｼﾔｼﾞｴﾓﾝ</t>
  </si>
  <si>
    <t>魔法のつゆ</t>
  </si>
  <si>
    <t>360ＭＬ</t>
  </si>
  <si>
    <t>３６０ｍｌ</t>
  </si>
  <si>
    <t>旨辣つゆ</t>
  </si>
  <si>
    <t>浜田醤油</t>
  </si>
  <si>
    <t>ﾊﾏﾀﾞｼｮｳﾕ</t>
  </si>
  <si>
    <t>うまいたれ</t>
  </si>
  <si>
    <t>ﾋﾗﾔﾏﾏｺﾞﾍﾞｲ</t>
  </si>
  <si>
    <t>かつお香るごまみそめんつゆ</t>
  </si>
  <si>
    <t>455ml</t>
  </si>
  <si>
    <t>春夏秋冬だしの素</t>
  </si>
  <si>
    <t>笛木醤油</t>
  </si>
  <si>
    <t>味マルジュウ500ml</t>
  </si>
  <si>
    <t>丸十大屋</t>
  </si>
  <si>
    <t>ﾏﾙｼﾞｭｳ</t>
  </si>
  <si>
    <t>うま香つゆの素</t>
  </si>
  <si>
    <t>森産業</t>
  </si>
  <si>
    <t>ﾓﾘｻﾝｷﾞｮｳ</t>
  </si>
  <si>
    <t>焼あごつゆ瓶</t>
  </si>
  <si>
    <t>ﾏﾙﾔﾏ</t>
  </si>
  <si>
    <t>あごだし</t>
  </si>
  <si>
    <t>ｼﾞｮｰｷｭｳ</t>
  </si>
  <si>
    <t>醤油屋の鰹つゆ</t>
  </si>
  <si>
    <t>濃厚だしつゆ</t>
  </si>
  <si>
    <t>いしる旨ダレ</t>
  </si>
  <si>
    <t>200ML</t>
  </si>
  <si>
    <t>ﾔﾏﾄｼｮｳﾕ</t>
  </si>
  <si>
    <t>仙葉商店塩魚汁</t>
  </si>
  <si>
    <t>仙葉善治商店</t>
  </si>
  <si>
    <t>ｾﾝﾊﾞｾﾞﾝｼﾞ</t>
  </si>
  <si>
    <t>大容量（601ml～1000ｍｌ）</t>
  </si>
  <si>
    <t>昆布つゆ２倍</t>
  </si>
  <si>
    <t>サプライ</t>
  </si>
  <si>
    <t>ｻﾌﾟﾗｲ</t>
  </si>
  <si>
    <t>鰹つゆ２倍</t>
  </si>
  <si>
    <t>鰹つゆ_２倍</t>
  </si>
  <si>
    <t>めんつゆ_２倍</t>
  </si>
  <si>
    <t>追いがつおつゆ2倍1000ml2本セット</t>
  </si>
  <si>
    <t>追いがつおつゆ2倍3本セット</t>
  </si>
  <si>
    <t>3本入セット</t>
  </si>
  <si>
    <t>鰹節屋のだしめんつゆ濃縮2倍2個セット</t>
  </si>
  <si>
    <t>つゆの素_2本セット</t>
  </si>
  <si>
    <t>2本セット</t>
  </si>
  <si>
    <t>創味のつゆ2本セット</t>
  </si>
  <si>
    <t>昆布つゆ_4本ｾｯﾄ</t>
  </si>
  <si>
    <t>4本ｾｯﾄ</t>
  </si>
  <si>
    <t>濃いだし本つゆ3本セット</t>
  </si>
  <si>
    <t>昆布つゆ_2個ｾｯﾄ</t>
  </si>
  <si>
    <t>1000ml*2</t>
  </si>
  <si>
    <t>濃いダシ本つゆ_2個ｾｯﾄ</t>
  </si>
  <si>
    <t>糸島煮物のたれ</t>
  </si>
  <si>
    <t>カノオ醤油味噌醸造元</t>
  </si>
  <si>
    <t>ｶﾉｳｼﾖｳﾕ</t>
  </si>
  <si>
    <t>伝承のつゆ</t>
  </si>
  <si>
    <t>日本伝承食品</t>
  </si>
  <si>
    <t>ﾆﾎﾝﾃﾞﾝｼｮｳ</t>
  </si>
  <si>
    <t>伝承の昆布つゆ</t>
  </si>
  <si>
    <t>伝承昆布つゆ</t>
  </si>
  <si>
    <t>つゆ3倍濃縮25%減塩</t>
  </si>
  <si>
    <t>ニッショウフーズ</t>
  </si>
  <si>
    <t>ﾆｯｼｮｳ</t>
  </si>
  <si>
    <t>かつお風味だしつゆまろやか</t>
  </si>
  <si>
    <t>ﾆｯｼｮｳﾌｰｽﾞ</t>
  </si>
  <si>
    <t>昆布風味だしつゆまろやか</t>
  </si>
  <si>
    <t>北斎北海道ねこんぶだし</t>
  </si>
  <si>
    <t>300ML</t>
  </si>
  <si>
    <t>北斎</t>
  </si>
  <si>
    <t>ﾎｸｻｲ</t>
  </si>
  <si>
    <t>煮物じょうず</t>
  </si>
  <si>
    <t>ﾐｽﾞﾀﾆｼｮｳﾕ</t>
  </si>
  <si>
    <t>つゆの素ペット</t>
  </si>
  <si>
    <t>あわせだし昆布つゆ</t>
  </si>
  <si>
    <t>あわせだしめんつゆ</t>
  </si>
  <si>
    <t>つゆ３倍</t>
  </si>
  <si>
    <t>ほたてと昆布のつゆ</t>
  </si>
  <si>
    <t>寿がきやデカサイズ徳用だしつゆ1L</t>
  </si>
  <si>
    <t>1L</t>
  </si>
  <si>
    <t>だしつゆ減塩</t>
  </si>
  <si>
    <t>つゆ自慢</t>
  </si>
  <si>
    <t>かつお風味つゆ３倍</t>
  </si>
  <si>
    <t>かつおと根昆布つゆ</t>
  </si>
  <si>
    <t>そばつゆ</t>
  </si>
  <si>
    <t>だい久製麺</t>
  </si>
  <si>
    <t>ﾀﾞｲｷｭｳ</t>
  </si>
  <si>
    <t>旨味つゆ</t>
  </si>
  <si>
    <t>めんつゆビミサン（3倍）</t>
  </si>
  <si>
    <t>北の　ビミサン</t>
  </si>
  <si>
    <t>四季のつゆ（かつお）</t>
  </si>
  <si>
    <t>あご白だし</t>
  </si>
  <si>
    <t>追いがつおつゆの素</t>
  </si>
  <si>
    <t>旨みだしつゆ</t>
  </si>
  <si>
    <t>旨みだし昆布つゆ３倍</t>
  </si>
  <si>
    <t>800ml</t>
  </si>
  <si>
    <t>昆布だしつゆの素</t>
  </si>
  <si>
    <t>昆布つゆの素３倍</t>
  </si>
  <si>
    <t>あわせだしつゆ</t>
  </si>
  <si>
    <t>昆布だしつゆ</t>
  </si>
  <si>
    <t>料理かんたんつゆの素</t>
  </si>
  <si>
    <t>1000l</t>
  </si>
  <si>
    <t>家伝つゆ</t>
  </si>
  <si>
    <t>日高昆布つゆ</t>
  </si>
  <si>
    <t>めんスープ４倍</t>
  </si>
  <si>
    <t>おでんだし</t>
  </si>
  <si>
    <t>甘口仕立て昆布つゆ</t>
  </si>
  <si>
    <t>720ml</t>
  </si>
  <si>
    <t>煮物調味料</t>
  </si>
  <si>
    <t>枕崎かつおつゆ</t>
  </si>
  <si>
    <t>濃厚かつおだし</t>
  </si>
  <si>
    <t>カツオツユ</t>
  </si>
  <si>
    <t>つゆ一</t>
  </si>
  <si>
    <t>更科つゆ</t>
  </si>
  <si>
    <t>味わいつゆ</t>
  </si>
  <si>
    <t>ぱぱっとちゃんとこれうまつゆパック1L</t>
  </si>
  <si>
    <t>ﾔﾏｻｼﾖｳﾕ</t>
  </si>
  <si>
    <t>鰹節屋のだしめんつゆ濃縮2倍</t>
  </si>
  <si>
    <t>名代つゆ3倍濃縮</t>
  </si>
  <si>
    <t>ツユ　メイジン</t>
  </si>
  <si>
    <t>煮たらうまか濃口</t>
  </si>
  <si>
    <t>ヨーコー商事</t>
  </si>
  <si>
    <t>ﾖｰｺｰ</t>
  </si>
  <si>
    <t>昆布つゆ　ペット</t>
  </si>
  <si>
    <t>佐々長醸造　老舗の味　本格派　つゆ　１Ｌ</t>
  </si>
  <si>
    <t>万能つゆ味道楽の里</t>
  </si>
  <si>
    <t>桃宝食品</t>
  </si>
  <si>
    <t>ﾄｳﾎｳｼｮｸﾋﾝ</t>
  </si>
  <si>
    <t>くばらあごだしつゆ</t>
  </si>
  <si>
    <t>小山製麺</t>
  </si>
  <si>
    <t>ｵﾔﾏｾｲﾒﾝ</t>
  </si>
  <si>
    <t>味一番小山のめんつゆ</t>
  </si>
  <si>
    <t>ｵﾔﾏ</t>
  </si>
  <si>
    <t>出雲めんつゆ</t>
  </si>
  <si>
    <t>内池　四季のつゆ　１ｌ</t>
  </si>
  <si>
    <t>簡単便利たれうまかばい</t>
  </si>
  <si>
    <t>かつお昆布つゆ1000ml</t>
  </si>
  <si>
    <t>京の和風だし</t>
  </si>
  <si>
    <t>マルシチつゆの素_５倍</t>
  </si>
  <si>
    <t>ミエマンのうがきはいらないうまいつゆ</t>
  </si>
  <si>
    <t>ミエマンウマイツユアゴと鰹の旨味</t>
  </si>
  <si>
    <t>マルヤ</t>
  </si>
  <si>
    <t>うまいたれペット</t>
  </si>
  <si>
    <t>1l</t>
  </si>
  <si>
    <t>平山孫兵衞商店</t>
  </si>
  <si>
    <t>松代そば善屋</t>
  </si>
  <si>
    <t>ｴﾁｺﾞﾔ</t>
  </si>
  <si>
    <t>味つゆ</t>
  </si>
  <si>
    <t>特大容量（1001ml～）</t>
  </si>
  <si>
    <t>濃いだし本つゆ2本セット</t>
  </si>
  <si>
    <t>昆布つゆ2本セット</t>
  </si>
  <si>
    <t>ワダカンかつお厚削りつゆ3本セット</t>
  </si>
  <si>
    <t>料理本つゆ</t>
  </si>
  <si>
    <t>濃いだし本つゆ濃縮4倍</t>
  </si>
  <si>
    <t>追いがつおつゆプロ</t>
  </si>
  <si>
    <t>追いがつお　つゆの素</t>
  </si>
  <si>
    <t>昆布だしつゆの素3倍</t>
  </si>
  <si>
    <t>ミツカン追い鰹つゆ</t>
  </si>
  <si>
    <t>本かつおつゆ</t>
  </si>
  <si>
    <t>更科つゆ本返し</t>
  </si>
  <si>
    <t>ヤマサつゆ</t>
  </si>
  <si>
    <t>かつおつゆ3倍濃縮ハンディボトル</t>
  </si>
  <si>
    <t>具入りつゆ国産山菜ときのこ</t>
  </si>
  <si>
    <t>かつお厚削りつゆ</t>
  </si>
  <si>
    <t>昆布つゆ3倍濃縮</t>
  </si>
  <si>
    <t>味どうらくの里</t>
  </si>
  <si>
    <t>万能つゆ味どうらくの里ケース</t>
  </si>
  <si>
    <t>1800ml×6</t>
  </si>
  <si>
    <t>ｷｯｺｰﾋﾒ</t>
  </si>
  <si>
    <t>追いがつおつゆの素業務用</t>
  </si>
  <si>
    <t>あく汁</t>
  </si>
  <si>
    <t>園田食品</t>
  </si>
  <si>
    <t>ｿﾉﾀﾞ</t>
  </si>
  <si>
    <t>めんつゆウスクチ１．８Ｌ</t>
  </si>
  <si>
    <t>鹿追町振興公社販売</t>
  </si>
  <si>
    <t>ｼｶｵｲ</t>
  </si>
  <si>
    <t>四季のつゆ　ハンディ</t>
  </si>
  <si>
    <t>１．８ｌ</t>
  </si>
  <si>
    <t>創味そばつゆ</t>
  </si>
  <si>
    <t>めんつゆコイクチ１．８Ｌ</t>
  </si>
  <si>
    <t>鹿追そば</t>
  </si>
  <si>
    <t>津曲食品</t>
  </si>
  <si>
    <t>ﾂﾏｶﾞﾘｼｮｸﾋﾝ</t>
  </si>
  <si>
    <t>1.8L</t>
  </si>
  <si>
    <t>1.8l</t>
  </si>
  <si>
    <t>本格つゆ</t>
  </si>
  <si>
    <t>うまがお天然馬頭鯛のうま味だし</t>
  </si>
  <si>
    <t>吉寅商店</t>
  </si>
  <si>
    <t>ﾖｼﾄﾗｼｮｳﾃﾝ</t>
  </si>
  <si>
    <t>たまご焼きのつゆ</t>
  </si>
  <si>
    <t>かけるおだし</t>
  </si>
  <si>
    <t>フンドーキン白だし</t>
  </si>
  <si>
    <t>割烹白だし　ミニパック　５Ｐ</t>
  </si>
  <si>
    <t>20MLX5</t>
  </si>
  <si>
    <t>割烹白だし焼きあご仕立て</t>
  </si>
  <si>
    <t>だし香る白だし</t>
  </si>
  <si>
    <t>博多の味かしわ飯のもと</t>
  </si>
  <si>
    <t>生姜白だし</t>
  </si>
  <si>
    <t>ヤマシン</t>
  </si>
  <si>
    <t>ﾔﾏｼﾝ</t>
  </si>
  <si>
    <t>あさり汁</t>
  </si>
  <si>
    <t>サンコウフーズ</t>
  </si>
  <si>
    <t>ｻﾝｺ-</t>
  </si>
  <si>
    <t>濃縮しじみ汁</t>
  </si>
  <si>
    <t>ｻﾝｺ</t>
  </si>
  <si>
    <t>割烹白だし3個セット</t>
  </si>
  <si>
    <t>500ml×3P</t>
  </si>
  <si>
    <t>割烹白だし_2個ｾｯﾄ</t>
  </si>
  <si>
    <t>高千穂峡白だし</t>
  </si>
  <si>
    <t>京料亭白だし</t>
  </si>
  <si>
    <t>甲羅かにすきだし</t>
  </si>
  <si>
    <t>白だしかき醤油</t>
  </si>
  <si>
    <t>アサムラサキ</t>
  </si>
  <si>
    <t>ｱｻﾑﾗｻｷ</t>
  </si>
  <si>
    <t>旨みひろがる香り白だし</t>
  </si>
  <si>
    <t>本つゆ_香り白だし</t>
  </si>
  <si>
    <t>いつでも新鮮　旨み豊かな贅沢白だし</t>
  </si>
  <si>
    <t>料理人直伝極み白だし</t>
  </si>
  <si>
    <t>徳用だしつゆ</t>
  </si>
  <si>
    <t>焼きあご白だし</t>
  </si>
  <si>
    <t>料亭の味極淡白だしペット</t>
  </si>
  <si>
    <t>小麦を使用していないつゆ</t>
  </si>
  <si>
    <t>料理用白だし</t>
  </si>
  <si>
    <t>北の　料理用白だし</t>
  </si>
  <si>
    <t>化学調味料無添加白だし</t>
  </si>
  <si>
    <t>料亭白だし</t>
  </si>
  <si>
    <t>減塩白だし</t>
  </si>
  <si>
    <t>プロが使う味白だし</t>
  </si>
  <si>
    <t>クッキング料理白だし</t>
  </si>
  <si>
    <t>天翔割烹白だし</t>
  </si>
  <si>
    <t>天翔濃厚白だし</t>
  </si>
  <si>
    <t>白だしゴールド</t>
  </si>
  <si>
    <t>こだわり白だし</t>
  </si>
  <si>
    <t>甘めの白だし</t>
  </si>
  <si>
    <t>富士屋甚兵衛糀白だし</t>
  </si>
  <si>
    <t>京風割烹白だし</t>
  </si>
  <si>
    <t>蛤と帆立白だし</t>
  </si>
  <si>
    <t>割烹白だし</t>
  </si>
  <si>
    <t>割烹白だし　ペット</t>
  </si>
  <si>
    <t>万能白だし</t>
  </si>
  <si>
    <t>鰹節屋の白だしＫ</t>
  </si>
  <si>
    <t>昆布白だし</t>
  </si>
  <si>
    <t>かつお白だし</t>
  </si>
  <si>
    <t>特選白だし</t>
  </si>
  <si>
    <t>昆布つゆ白だし</t>
  </si>
  <si>
    <t>割烹昆布白だし</t>
  </si>
  <si>
    <t>百年だし</t>
  </si>
  <si>
    <t>北海道産昆布100%白だし</t>
  </si>
  <si>
    <t>霊峰白山伏流水仕込みつゆ</t>
  </si>
  <si>
    <t>希少糖含有シロップ使用　白だし</t>
  </si>
  <si>
    <t>４００ｍｌ</t>
  </si>
  <si>
    <t>タケサン</t>
  </si>
  <si>
    <t>ﾀｹｻﾝ</t>
  </si>
  <si>
    <t>岩手老舗の白だし</t>
  </si>
  <si>
    <t>万能つゆかくし味</t>
  </si>
  <si>
    <t>万能白つゆかくし味</t>
  </si>
  <si>
    <t>枕崎産鰹節と日高産昆布の旨み白だし</t>
  </si>
  <si>
    <t>特選料亭白だし</t>
  </si>
  <si>
    <t>七福醸造</t>
  </si>
  <si>
    <t>ｼﾁﾌｸ</t>
  </si>
  <si>
    <t>七福料亭白だし</t>
  </si>
  <si>
    <t>ｼﾁﾌｸｼﾞｮｳｿﾞ</t>
  </si>
  <si>
    <t>新料亭白だし</t>
  </si>
  <si>
    <t>しらだし京仕込み</t>
  </si>
  <si>
    <t>創味創味のつゆ減塩タイプ500ml</t>
  </si>
  <si>
    <t>ｿｳﾐ</t>
  </si>
  <si>
    <t>マルヤ　魔法のだし</t>
  </si>
  <si>
    <t>360ML</t>
  </si>
  <si>
    <t>白だし自慢</t>
  </si>
  <si>
    <t>吉田屋醤油</t>
  </si>
  <si>
    <t>ﾖｼﾀﾞﾔｼｮｳﾕ</t>
  </si>
  <si>
    <t>料亭　白だし</t>
  </si>
  <si>
    <t>ユーサイド</t>
  </si>
  <si>
    <t>ﾕ-ｻｲﾄﾞ</t>
  </si>
  <si>
    <t>プロが使う白だし4個セット</t>
  </si>
  <si>
    <t>これ一本</t>
  </si>
  <si>
    <t>林商店</t>
  </si>
  <si>
    <t>ﾊﾔｼｼｮｳﾃﾝ</t>
  </si>
  <si>
    <t>あわせだし白だし</t>
  </si>
  <si>
    <t>九州の味白だし</t>
  </si>
  <si>
    <t>ﾀﾞｲｼｮｸ</t>
  </si>
  <si>
    <t>和風白だし</t>
  </si>
  <si>
    <t>成城石井セントラルキッチン和食料理長監修和風だし_１L</t>
  </si>
  <si>
    <t>１L</t>
  </si>
  <si>
    <t>成城石井</t>
  </si>
  <si>
    <t>ｾｲｼﾞｮｳｲｼｲ</t>
  </si>
  <si>
    <t>900ml</t>
  </si>
  <si>
    <t>長崎割烹白だし</t>
  </si>
  <si>
    <t>味豊白だし</t>
  </si>
  <si>
    <t>ユタカフーズ</t>
  </si>
  <si>
    <t>ﾕﾀｶ</t>
  </si>
  <si>
    <t>白だし徳用</t>
  </si>
  <si>
    <t>小麦大豆不使用白だし</t>
  </si>
  <si>
    <t>1500ml</t>
  </si>
  <si>
    <t>割烹白だしお塩ひかえめ</t>
  </si>
  <si>
    <t>ミツカン地鶏昆布白だし１．８Ｌ</t>
  </si>
  <si>
    <t>出雲そばのつゆ</t>
  </si>
  <si>
    <t>ｺﾀﾞｲﾊﾞｼﾗｼｮ</t>
  </si>
  <si>
    <t>ベストフード</t>
  </si>
  <si>
    <t>ﾍﾞｽﾄﾌｰﾄﾞ</t>
  </si>
  <si>
    <t>香る一番だしざるそばつゆ</t>
  </si>
  <si>
    <t>発酵だし素麺つゆ</t>
  </si>
  <si>
    <t>ざるそばつゆストレート</t>
  </si>
  <si>
    <t>ざるうどんつゆストレート</t>
  </si>
  <si>
    <t>ざるそばつゆ</t>
  </si>
  <si>
    <t>削りたてざるそばつゆ</t>
  </si>
  <si>
    <t>溶かせば、ざる蕎麦つゆ</t>
  </si>
  <si>
    <t>8ｇ*5</t>
  </si>
  <si>
    <t>瓦そばつゆ</t>
  </si>
  <si>
    <t>ﾀﾞｲｷｭｳｾｲﾒﾝ</t>
  </si>
  <si>
    <t>そば屋の味</t>
  </si>
  <si>
    <t>ざるそばストレート</t>
  </si>
  <si>
    <t>永坂_そばつゆ極上</t>
  </si>
  <si>
    <t>永坂更科布屋太兵衛</t>
  </si>
  <si>
    <t>ﾅｶﾞｻｶ</t>
  </si>
  <si>
    <t>そば三昧　ストレート　瓶</t>
  </si>
  <si>
    <t>そばつゆ_ストレート</t>
  </si>
  <si>
    <t>そば三昧</t>
  </si>
  <si>
    <t>そばつゆストレート</t>
  </si>
  <si>
    <t>ゴールドつゆ蕎麦</t>
  </si>
  <si>
    <t>そばうどんつゆストレート200ml</t>
  </si>
  <si>
    <t>そばうどんつゆおろし200ml</t>
  </si>
  <si>
    <t>みざん瓶</t>
  </si>
  <si>
    <t>湯豆腐つゆ</t>
  </si>
  <si>
    <t>天ぷらつゆ２倍</t>
  </si>
  <si>
    <t>あまくておいしいそばつゆ</t>
  </si>
  <si>
    <t>あごだしそばつゆ</t>
  </si>
  <si>
    <t>鰹節屋のだし蕎麦つゆ</t>
  </si>
  <si>
    <t>極撰蕎麦つゆ</t>
  </si>
  <si>
    <t>名代そばつゆ缶</t>
  </si>
  <si>
    <t>元祖鴨せいろつゆストレート</t>
  </si>
  <si>
    <t>ヤマモリ元祖鴨せいろつゆ袋150ml</t>
  </si>
  <si>
    <t>150ML</t>
  </si>
  <si>
    <t>名代そばつゆ</t>
  </si>
  <si>
    <t>瓦そばのつゆ</t>
  </si>
  <si>
    <t>金城寺</t>
  </si>
  <si>
    <t>ｷﾝｼﾞｮｳｼﾞ</t>
  </si>
  <si>
    <t>瓦そば専用つゆ</t>
  </si>
  <si>
    <t>河村醤油</t>
  </si>
  <si>
    <t>ｶﾜﾑﾗｼｮｳﾕ</t>
  </si>
  <si>
    <t>ごまとくるみがたっぷり味噌つゆ</t>
  </si>
  <si>
    <t>丸正醸造</t>
  </si>
  <si>
    <t>一福　瓶そばつゆ　３００ｍｌ</t>
  </si>
  <si>
    <t>一福</t>
  </si>
  <si>
    <t>ｲｯﾌﾟｸ</t>
  </si>
  <si>
    <t>池森そばつゆ　甘口</t>
  </si>
  <si>
    <t>ナガノファクトリー</t>
  </si>
  <si>
    <t>ﾅｶﾞﾉﾌｧｸﾄﾘｰ</t>
  </si>
  <si>
    <t>池森そばつゆ　辛口</t>
  </si>
  <si>
    <t>ストレートざるそばつゆ</t>
  </si>
  <si>
    <t>一本釣り鰹ざるそばつゆ</t>
  </si>
  <si>
    <t>上野薮そばつゆストレート</t>
  </si>
  <si>
    <t>340ml</t>
  </si>
  <si>
    <t>ざるそば・ざるうどんつゆストレート</t>
  </si>
  <si>
    <t>追いがつおそばつゆ_ストレート</t>
  </si>
  <si>
    <t>永坂更科　ストレートつゆ</t>
  </si>
  <si>
    <t>そばつゆストレート　</t>
  </si>
  <si>
    <t>家伝そばつゆ_500ml</t>
  </si>
  <si>
    <t>九州あまくちストレートつゆ</t>
  </si>
  <si>
    <t>ぶっかけそばつゆ</t>
  </si>
  <si>
    <t>更科そばつゆ</t>
  </si>
  <si>
    <t>ざるそば専科</t>
  </si>
  <si>
    <t>330ml</t>
  </si>
  <si>
    <t>せいろつゆ</t>
  </si>
  <si>
    <t>ストレートそばつゆ</t>
  </si>
  <si>
    <t>吟御膳そばつゆ</t>
  </si>
  <si>
    <t>そのままそばつゆ</t>
  </si>
  <si>
    <t>名代そばつゆ元祖ストレート</t>
  </si>
  <si>
    <t>名大減塩でおいしい昆布つゆ</t>
  </si>
  <si>
    <t>そのまま　濃いだしそばつゆ　</t>
  </si>
  <si>
    <t>めんつゆストレート</t>
  </si>
  <si>
    <t>川中醤油</t>
  </si>
  <si>
    <t>ｶﾜﾅｶｼｮｳﾕ</t>
  </si>
  <si>
    <t>そば屋のそばつゆ</t>
  </si>
  <si>
    <t>おびなた</t>
  </si>
  <si>
    <t>ｵﾋﾞﾅﾀ</t>
  </si>
  <si>
    <t>おびなたそば屋のそばつゆ</t>
  </si>
  <si>
    <t>そばつゆ濃縮4倍</t>
  </si>
  <si>
    <t>全国農業協同組合連合会広島県本部</t>
  </si>
  <si>
    <t>ﾌｼﾀﾂ</t>
  </si>
  <si>
    <t>旭食品　うどんだしの素　瓶　３６０ｍｌ</t>
  </si>
  <si>
    <t>ｱｻﾋ</t>
  </si>
  <si>
    <t>そばつゆの素</t>
  </si>
  <si>
    <t>大容量（601ml～）</t>
  </si>
  <si>
    <t>新得そばのつゆ</t>
  </si>
  <si>
    <t>香味そばつゆ</t>
  </si>
  <si>
    <t>そうめんつゆ</t>
  </si>
  <si>
    <t>冷やし中華ごましょうゆ</t>
  </si>
  <si>
    <t>冷やし中華のつゆ　黒酢仕上げ</t>
  </si>
  <si>
    <t>冷し中華のつゆ</t>
  </si>
  <si>
    <t>ジェーオージェー　丸亀製麺うどんだしつゆ</t>
  </si>
  <si>
    <t>熟成生がえしそうめんつゆ</t>
  </si>
  <si>
    <t>ストレート赤からめんつゆ</t>
  </si>
  <si>
    <t>釜玉うどんつゆ</t>
  </si>
  <si>
    <t>素材厳選　天ぷらつゆ</t>
  </si>
  <si>
    <t>さっぱりおろしつゆだし香るこのこ</t>
  </si>
  <si>
    <t>170.8g</t>
  </si>
  <si>
    <t>さっぱりおろしつゆだし香るうめ</t>
  </si>
  <si>
    <t>181.8g</t>
  </si>
  <si>
    <t>うどんでつけ麺醤油仕立て</t>
  </si>
  <si>
    <t>うどんでつけ麺ごま仕立て</t>
  </si>
  <si>
    <t>冷し坦々麺スープ</t>
  </si>
  <si>
    <t>245ml</t>
  </si>
  <si>
    <t>イタリアンつゆ</t>
  </si>
  <si>
    <t>210g</t>
  </si>
  <si>
    <t>カゴメ</t>
  </si>
  <si>
    <t>ｶｺﾞﾒ</t>
  </si>
  <si>
    <t>サラダそうめん用トマトつゆ</t>
  </si>
  <si>
    <t>イタリアントマトつゆ</t>
  </si>
  <si>
    <t>サラダうどん用肉味噌風トマトだれ</t>
  </si>
  <si>
    <t>中華風冷やしめんつゆ</t>
  </si>
  <si>
    <t>ヒゲタ　めんダレコクうましょうゆ味　230ml</t>
  </si>
  <si>
    <t>230ML</t>
  </si>
  <si>
    <t>ﾋｹﾞﾀ</t>
  </si>
  <si>
    <t>ヒゲタ　めんダレすだち味　230ml</t>
  </si>
  <si>
    <t>香る一番だしそうめんつゆ</t>
  </si>
  <si>
    <t>江戸老舗秘伝の蕎麦露</t>
  </si>
  <si>
    <t>ﾋｹﾞﾀｼｮｳﾕ</t>
  </si>
  <si>
    <t>ヒゲタ冷し中華つゆしょうゆ</t>
  </si>
  <si>
    <t>ごまだれストレート</t>
  </si>
  <si>
    <t>そうめんつゆストレート</t>
  </si>
  <si>
    <t>ごまだれつゆストレート</t>
  </si>
  <si>
    <t>削りたてそうめんつゆ</t>
  </si>
  <si>
    <t>削りたてうどんつゆ</t>
  </si>
  <si>
    <t>焙煎ごまだれつゆ</t>
  </si>
  <si>
    <t>サラダ麺つゆ　おろしたまねぎ醤油味</t>
  </si>
  <si>
    <t>サラダ麺つゆ　たまねぎ醤油味</t>
  </si>
  <si>
    <t>サラダ麺つゆ　さっぱりゆず味</t>
  </si>
  <si>
    <t>キッコーマン　ラー油入り肉南蛮そばの素</t>
  </si>
  <si>
    <t>素麺DEﾗｰﾒﾝ鶏ﾀﾞｼ塩</t>
  </si>
  <si>
    <t>素麺DEえびﾄﾏﾄｸﾘｰﾑ</t>
  </si>
  <si>
    <t>具麺ｿｰｽ　ごま肉味噌</t>
  </si>
  <si>
    <t>120ｇ_</t>
  </si>
  <si>
    <t>具麺ｿｰｽ　和風おろし</t>
  </si>
  <si>
    <t>深煎りごまのつゆ</t>
  </si>
  <si>
    <t>ｷﾕｰﾋﾟｰ</t>
  </si>
  <si>
    <t>だしを味わうｳﾄﾞﾝﾂﾕ鰹と昆布</t>
  </si>
  <si>
    <t>9g*6P</t>
  </si>
  <si>
    <t>溶かせば、そうめんつゆ</t>
  </si>
  <si>
    <t>麺でおいしい食卓肉汁うどんつゆ</t>
  </si>
  <si>
    <t>正田醤油</t>
  </si>
  <si>
    <t>ｼｮｳﾀﾞｼｮｳﾕ</t>
  </si>
  <si>
    <t>冷やっこのたれ</t>
  </si>
  <si>
    <t>湯どうふのたれ</t>
  </si>
  <si>
    <t>東北味紀行盛岡冷麺スープ</t>
  </si>
  <si>
    <t>讃岐うどんつゆ</t>
  </si>
  <si>
    <t>島の光そうめんつゆ</t>
  </si>
  <si>
    <t>化学調味料無添加つゆ</t>
  </si>
  <si>
    <t>めんつゆ一番だし</t>
  </si>
  <si>
    <t>四季のつゆストレート</t>
  </si>
  <si>
    <t>四季のつゆ_ストレート_500ml</t>
  </si>
  <si>
    <t>四季のつゆ_椎茸昆布味_ストレート_500ml</t>
  </si>
  <si>
    <t>四季のつゆあごだしストレート</t>
  </si>
  <si>
    <t>追いがつおそばつゆストレート</t>
  </si>
  <si>
    <t>ぶっかけ追いがつおつゆ　ゆず　ストレート</t>
  </si>
  <si>
    <t>ぶっかけ昆布つゆ　ストレート</t>
  </si>
  <si>
    <t>大好きだし。麺と鍋。クリーミーとんこつ</t>
  </si>
  <si>
    <t>大好きだし。麺と鍋。ほどよい旨辛キムチ</t>
  </si>
  <si>
    <t>大好きだし。麺と鍋。えび香る魚介だし</t>
  </si>
  <si>
    <t>追いがつおつゆストレート</t>
  </si>
  <si>
    <t>追いがつおつゆゆず　ストレート</t>
  </si>
  <si>
    <t>ストレートつゆ　そうめん用</t>
  </si>
  <si>
    <t>追いがつおキッチン_きのこと鶏肉のうま煮のつゆ</t>
  </si>
  <si>
    <t>追いがつおキッチン_なすと鶏肉のみぞれ煮のつゆ</t>
  </si>
  <si>
    <t>冷やしぶっかけすだちおろしつゆ</t>
  </si>
  <si>
    <t>冷やしぶっかけ焙煎ごまつゆ</t>
  </si>
  <si>
    <t>256g</t>
  </si>
  <si>
    <t>そうめんつゆ　ストレート</t>
  </si>
  <si>
    <t>日本丸天_ｻﾗﾀﾞめんつゆ_まろやか_200g</t>
  </si>
  <si>
    <t>揖保のつゆ瓶</t>
  </si>
  <si>
    <t>揖保のつゆストレート</t>
  </si>
  <si>
    <t>ﾆﾎﾝﾏﾙﾃﾝ</t>
  </si>
  <si>
    <t>とうふのつゆ</t>
  </si>
  <si>
    <t>釜玉うどんのつゆ</t>
  </si>
  <si>
    <t>コラーゲンの麺つゆ</t>
  </si>
  <si>
    <t>塩分ひかえめつゆの素ゴールド</t>
  </si>
  <si>
    <t>ゴールドつゆ素麺</t>
  </si>
  <si>
    <t>糖質70%オフつゆの素ゴールド</t>
  </si>
  <si>
    <t>家伝つゆ_ストレート</t>
  </si>
  <si>
    <t>無添加ストレート</t>
  </si>
  <si>
    <t>家伝つゆうまくちストレート</t>
  </si>
  <si>
    <t>家伝つゆ甘口ストレート</t>
  </si>
  <si>
    <t>讃岐冷しうどんつゆ</t>
  </si>
  <si>
    <t>こだわりつゆストレート</t>
  </si>
  <si>
    <t>ゆふの朝露ストレートつゆ</t>
  </si>
  <si>
    <t>たまご焼きつゆ</t>
  </si>
  <si>
    <t>7.5ml</t>
  </si>
  <si>
    <t>京のれん湯どうふつゆ</t>
  </si>
  <si>
    <t>ぶっかけうどんつゆ</t>
  </si>
  <si>
    <t>ぶっかけそうめんつゆ</t>
  </si>
  <si>
    <t>京のれん冷やっこつゆ</t>
  </si>
  <si>
    <t>おろし入り天ぷらつゆ</t>
  </si>
  <si>
    <t>冷やっこつゆ</t>
  </si>
  <si>
    <t>めんスープ_ストレート</t>
  </si>
  <si>
    <t>たらこぶっかけうどんつゆ</t>
  </si>
  <si>
    <t>3P</t>
  </si>
  <si>
    <t>柚子とすだちのぶっかけめんつゆ</t>
  </si>
  <si>
    <t>ベル冷しラーメンスープ</t>
  </si>
  <si>
    <t>ベル食品</t>
  </si>
  <si>
    <t>ﾍﾞﾙｼｮｸﾋﾝ</t>
  </si>
  <si>
    <t>ごま冷しラーメンスープ</t>
  </si>
  <si>
    <t>冷しラーメンスープ</t>
  </si>
  <si>
    <t>ラーメンサラダ醤油だれ</t>
  </si>
  <si>
    <t>ラーメンサラダ和風たまねぎだれ</t>
  </si>
  <si>
    <t>無添加つゆ</t>
  </si>
  <si>
    <t>麺つゆストレート</t>
  </si>
  <si>
    <t>麺つゆかつおあまくち</t>
  </si>
  <si>
    <t>麺つゆしそ風味甘口</t>
  </si>
  <si>
    <t>極みだしつゆ</t>
  </si>
  <si>
    <t>鶏しお麺の素</t>
  </si>
  <si>
    <t>丸美屋食品工業</t>
  </si>
  <si>
    <t>ﾏﾙﾐﾔｼｮｸﾋﾝ</t>
  </si>
  <si>
    <t>梅しそ麺の素</t>
  </si>
  <si>
    <t>日田天領水ストレートつゆ</t>
  </si>
  <si>
    <t>ぶっかけサラダそうめんつゆ</t>
  </si>
  <si>
    <t>ぶっかけスタミナうどんつゆ</t>
  </si>
  <si>
    <t>ストレートつゆ</t>
  </si>
  <si>
    <t>かつおだしつゆ</t>
  </si>
  <si>
    <t>ヤマサそうめん専科３３０ｍｌパック</t>
  </si>
  <si>
    <t>３３０ｍｌ</t>
  </si>
  <si>
    <t>ひやむぎ専科</t>
  </si>
  <si>
    <t>天ぷら専科ストレート</t>
  </si>
  <si>
    <t>昆布つゆストレート</t>
  </si>
  <si>
    <t>そうめん専科</t>
  </si>
  <si>
    <t>かけるそうめん青じそ</t>
  </si>
  <si>
    <t>かける冷しカレーうどん専科</t>
  </si>
  <si>
    <t>かけるそうめん専科ゆずこしょう風味</t>
  </si>
  <si>
    <t>涼麺専科ジュレ麺つゆ</t>
  </si>
  <si>
    <t>かけるそうめん専科　塩かぼす</t>
  </si>
  <si>
    <t>地鶏旨味つゆ</t>
  </si>
  <si>
    <t>162g</t>
  </si>
  <si>
    <t>くるみつゆ</t>
  </si>
  <si>
    <t>164g</t>
  </si>
  <si>
    <t>あごだしつゆストレート</t>
  </si>
  <si>
    <t>梅こんぶつゆストレート</t>
  </si>
  <si>
    <t>塩レモンつゆストレート</t>
  </si>
  <si>
    <t>ご飯がススムキムチまぜ麺の素</t>
  </si>
  <si>
    <t>96g</t>
  </si>
  <si>
    <t>明太子まぜ麺の素</t>
  </si>
  <si>
    <t>青じそつゆストレート</t>
  </si>
  <si>
    <t>麺屋一杯鶏がら煮干つゆ醤油</t>
  </si>
  <si>
    <t>麺屋一杯鯛だしつゆ塩味</t>
  </si>
  <si>
    <t>麺屋一杯シビ辛麻辣つゆ</t>
  </si>
  <si>
    <t>国産山菜ときのこのぶっかけつゆ</t>
  </si>
  <si>
    <t>冷やし坦々麺つゆ</t>
  </si>
  <si>
    <t>極撰めんつゆ</t>
  </si>
  <si>
    <t>ヤマキ讃岐風釡玉うどんつゆ</t>
  </si>
  <si>
    <t>50ml</t>
  </si>
  <si>
    <t>減塩めんつゆストレート</t>
  </si>
  <si>
    <t>ちょっと贅沢な匠のだし　天つゆ</t>
  </si>
  <si>
    <t>匠のだし天つゆ</t>
  </si>
  <si>
    <t>雪にんじんの冷製かけつゆ</t>
  </si>
  <si>
    <t>魚介醤油つけうどんつゆ</t>
  </si>
  <si>
    <t>40g*2</t>
  </si>
  <si>
    <t>ﾔﾏｷｽﾄﾚｰﾄそうめんつゆ</t>
  </si>
  <si>
    <t>ストレートそうめんつゆ</t>
  </si>
  <si>
    <t>高千穂峡つゆうまくち</t>
  </si>
  <si>
    <t>高千穂峡つゆあまくち</t>
  </si>
  <si>
    <t>高千穂峡つゆしいたけ</t>
  </si>
  <si>
    <t>高千穂峡つゆあごだし</t>
  </si>
  <si>
    <t>高千穂峡つゆ旨口</t>
  </si>
  <si>
    <t>高千穂峡つゆ甘口</t>
  </si>
  <si>
    <t>高千穂峡つゆ椎茸</t>
  </si>
  <si>
    <t>吟御膳そうめんつゆ</t>
  </si>
  <si>
    <t>そのままそうめんつゆ</t>
  </si>
  <si>
    <t>そのままひやむぎつゆ</t>
  </si>
  <si>
    <t>名代そうめんつゆストレート</t>
  </si>
  <si>
    <t>讃岐冷やしうどんつゆ</t>
  </si>
  <si>
    <t>名代そうめんつゆ</t>
  </si>
  <si>
    <t>辛味つゆ</t>
  </si>
  <si>
    <t>ﾔﾏﾓﾘ_讃岐うどんつゆ</t>
  </si>
  <si>
    <t>名代そうめんつゆ缶</t>
  </si>
  <si>
    <t>復刻名代そうめんつゆ缶</t>
  </si>
  <si>
    <t>名代うどんつゆ</t>
  </si>
  <si>
    <t>そのまま濃いだしそうめんつゆ減塩30%</t>
  </si>
  <si>
    <t>源ちゃんのめんつゆ</t>
  </si>
  <si>
    <t>中村屋_具入りつけ麺だれ_濃厚ごま味_180g</t>
  </si>
  <si>
    <t>中村屋</t>
  </si>
  <si>
    <t>ﾅｶﾑﾗﾔ</t>
  </si>
  <si>
    <t>中村屋_具入りつけ麺だれ_和風ｶﾘｰ味_180g</t>
  </si>
  <si>
    <t>つけめんのつゆこく醤油</t>
  </si>
  <si>
    <t>395g</t>
  </si>
  <si>
    <t>つけめんのつゆ辛ごま味</t>
  </si>
  <si>
    <t>タケサン讃岐肉ぶっかけうどんだし300ml</t>
  </si>
  <si>
    <t>讃岐ぶっかけうどんだし</t>
  </si>
  <si>
    <t>小豆島ぶっかけそうめんだし</t>
  </si>
  <si>
    <t>だしつゆストレート　缶</t>
  </si>
  <si>
    <t>いわて醤油</t>
  </si>
  <si>
    <t>ｲﾜﾃｼｮｳﾕ</t>
  </si>
  <si>
    <t>石井ＰＢ__鰹と昆布のいいとこどりつゆ__３６０ｍｌ</t>
  </si>
  <si>
    <t>唐船峡涼味めんつゆ</t>
  </si>
  <si>
    <t>唐船峡食品</t>
  </si>
  <si>
    <t>ﾄｳｾﾝｷｮｳ</t>
  </si>
  <si>
    <t>名門の粋めんつゆ</t>
  </si>
  <si>
    <t>ﾄｳｾﾝｷﾖｳ</t>
  </si>
  <si>
    <t>林孝太郎　京風　麺つゆ</t>
  </si>
  <si>
    <t>林孝太郎造酢</t>
  </si>
  <si>
    <t>ﾊﾔｼｺｳﾀﾛｳ</t>
  </si>
  <si>
    <t>ぶっかけうどんつゆ瓶</t>
  </si>
  <si>
    <t>鎌田醤油</t>
  </si>
  <si>
    <t>ｶﾏﾀ</t>
  </si>
  <si>
    <t>ぶっかけうどん醤油紙パック</t>
  </si>
  <si>
    <t>ｶﾏﾀﾞ</t>
  </si>
  <si>
    <t>自然一熟つゆ</t>
  </si>
  <si>
    <t>丸秀醤油</t>
  </si>
  <si>
    <t>ﾏﾙﾋﾃﾞｼﾖｳﾕ</t>
  </si>
  <si>
    <t>幸せの黄色いめんつゆ</t>
  </si>
  <si>
    <t>よしの味噌</t>
  </si>
  <si>
    <t>ﾖｼﾉﾐｿ</t>
  </si>
  <si>
    <t>瀬戸内れもんつゆ</t>
  </si>
  <si>
    <t>天ぷらのつゆ</t>
  </si>
  <si>
    <t>厚削り一番めんつゆ</t>
  </si>
  <si>
    <t>くばらあごだしぶっかけつゆ</t>
  </si>
  <si>
    <t>30G*3</t>
  </si>
  <si>
    <t>だしを味わう素麺つゆ梅かつお</t>
  </si>
  <si>
    <t>だしを味わう素麺つゆうま辛</t>
  </si>
  <si>
    <t>冷し中華スープ</t>
  </si>
  <si>
    <t>あみ印食品工業</t>
  </si>
  <si>
    <t>ｱﾐｼﾞﾙｼ</t>
  </si>
  <si>
    <t>井ゲタ出雲めんつゆ</t>
  </si>
  <si>
    <t>岡崎醤油</t>
  </si>
  <si>
    <t>ｵｶｻﾞｷ</t>
  </si>
  <si>
    <t>岡崎ストレートつゆ</t>
  </si>
  <si>
    <t>すだちめんつゆ</t>
  </si>
  <si>
    <t>ｶｶﾞﾔ</t>
  </si>
  <si>
    <t>５００ml</t>
  </si>
  <si>
    <t>協和食品工業</t>
  </si>
  <si>
    <t>ｷﾖｳﾜ</t>
  </si>
  <si>
    <t>麺たれ大蒜旨辛味噌</t>
  </si>
  <si>
    <t>ｻﾝﾀﾞｲﾅ</t>
  </si>
  <si>
    <t>鹿追そば_鴨だしつゆ</t>
  </si>
  <si>
    <t>ｼｶｵｲｿﾊﾞ</t>
  </si>
  <si>
    <t>まぜるめんつゆ焼きあご風味</t>
  </si>
  <si>
    <t>30g×3P</t>
  </si>
  <si>
    <t>まぜるめんつゆ濃厚ごまだれかつおだし</t>
  </si>
  <si>
    <t>揖保乃糸　めんつゆ(濃口)</t>
  </si>
  <si>
    <t>兵庫県手延素麺協同組合</t>
  </si>
  <si>
    <t>冷し中華のつゆ黒酢仕上げ</t>
  </si>
  <si>
    <t>冷やし中華しょうゆ</t>
  </si>
  <si>
    <t>高千穂峡つゆうまくち3本セット</t>
  </si>
  <si>
    <t>ストレートころつゆ</t>
  </si>
  <si>
    <t>冷やしぶっかけつゆ</t>
  </si>
  <si>
    <t>ペットごまだれめんつゆ</t>
  </si>
  <si>
    <t>ストレートひやむぎつゆ</t>
  </si>
  <si>
    <t>紀州梅そうめんつゆ</t>
  </si>
  <si>
    <t>麺どろぼうストレート</t>
  </si>
  <si>
    <t>トマトめんつゆ</t>
  </si>
  <si>
    <t>50g*2</t>
  </si>
  <si>
    <t>発酵だし香ばしごまだれつゆ</t>
  </si>
  <si>
    <t>発酵だしごまだれつゆ</t>
  </si>
  <si>
    <t>だし重ね本つゆ塩分40%カット</t>
  </si>
  <si>
    <t>焙煎　ごまだれつゆ</t>
  </si>
  <si>
    <t>つゆ自慢ストレート</t>
  </si>
  <si>
    <t>濃いめのストレートつゆ</t>
  </si>
  <si>
    <t>焼きあごつゆストレート</t>
  </si>
  <si>
    <t>つゆ自慢焼きあごストレート</t>
  </si>
  <si>
    <t>えび椎茸つゆストレート</t>
  </si>
  <si>
    <t>仙台発祥冷し中華スープ</t>
  </si>
  <si>
    <t>ﾀﾞｲｷﾕｳ</t>
  </si>
  <si>
    <t>盛岡冷麺スープ</t>
  </si>
  <si>
    <t>島の光素麺つゆ2倍濃縮</t>
  </si>
  <si>
    <t>FUKUOKACRAFTTSUYU琥珀</t>
  </si>
  <si>
    <t>大好きだし麺と鍋コク旨やみつき味噌</t>
  </si>
  <si>
    <t>昆布と鰹のだししょうゆ</t>
  </si>
  <si>
    <t>ごまがおいしい坦々ごまだれ</t>
  </si>
  <si>
    <t>ヤマサ　焼あごだしつゆ　パック　５００ｍｌ</t>
  </si>
  <si>
    <t>うどんつゆ　ストレート</t>
  </si>
  <si>
    <t>320ｇ</t>
  </si>
  <si>
    <t>ほんまに濃い~のめんつゆ</t>
  </si>
  <si>
    <t>大醤</t>
  </si>
  <si>
    <t>ﾀﾞｲｼｮｳ</t>
  </si>
  <si>
    <t>そうめんひやむぎストレートつゆ</t>
  </si>
  <si>
    <t>胡麻香るごまみそつゆ</t>
  </si>
  <si>
    <t>唐船峡そうめん流しつゆ</t>
  </si>
  <si>
    <t>唐船峡そうめん流し鱒乃家</t>
  </si>
  <si>
    <t>ﾏｽﾉﾔ</t>
  </si>
  <si>
    <t>柿の木茶屋</t>
  </si>
  <si>
    <t>ｶｷﾉｷﾁｬﾔ</t>
  </si>
  <si>
    <t>やさいとけこむコーン鍋スープ</t>
  </si>
  <si>
    <t>冷麺のたれ</t>
  </si>
  <si>
    <t>伝承つゆストレート</t>
  </si>
  <si>
    <t>唐船峡めんつゆ</t>
  </si>
  <si>
    <t>うどんつゆ</t>
  </si>
  <si>
    <t>個食用つゆ</t>
  </si>
  <si>
    <t>スタンダード</t>
  </si>
  <si>
    <t>出汁香るめんつゆ</t>
  </si>
  <si>
    <t>森野義</t>
  </si>
  <si>
    <t>ﾓﾘﾉﾀﾀﾞｼ</t>
  </si>
  <si>
    <t>Ｃｏｏｋ　Ｄｏ　ジャ-ジャ-麺用　200g</t>
  </si>
  <si>
    <t>ｱｼﾞﾓﾉﾄ</t>
  </si>
  <si>
    <t>Ｃｏｏｋ　Ｄｏ　四川坦坦麺用　180g</t>
  </si>
  <si>
    <t>180G</t>
  </si>
  <si>
    <t>麺日和ゆず明太子</t>
  </si>
  <si>
    <t>52.4g</t>
  </si>
  <si>
    <t>麺日和海老あおさ</t>
  </si>
  <si>
    <t>48.4g</t>
  </si>
  <si>
    <t>麺日和とろとろめかぶ</t>
  </si>
  <si>
    <t>54.4g</t>
  </si>
  <si>
    <t>麺日和　うに</t>
  </si>
  <si>
    <t>41.4g</t>
  </si>
  <si>
    <t>さっぱりおろしつゆ香る大葉</t>
  </si>
  <si>
    <t>さっぱりおろしつゆだし香るきのこ</t>
  </si>
  <si>
    <t>160.6g</t>
  </si>
  <si>
    <t>さっぱりおろしつゆ香る梅</t>
  </si>
  <si>
    <t>161.2g</t>
  </si>
  <si>
    <t>さっぱりおろしつゆ香るレモンペッパー</t>
  </si>
  <si>
    <t>さっぱりおろしつゆ旨み明太子</t>
  </si>
  <si>
    <t>140.8g</t>
  </si>
  <si>
    <t>具っかけ麺つゆえびだしつゆ</t>
  </si>
  <si>
    <t>具っかけ麺つゆ赤から冷やし麺つゆ</t>
  </si>
  <si>
    <t>濃厚まぜ麺煮干豚骨</t>
  </si>
  <si>
    <t>70.8g</t>
  </si>
  <si>
    <t>濃厚まぜ麺焦がし味噌</t>
  </si>
  <si>
    <t>なすトマ肉みそ麺の素</t>
  </si>
  <si>
    <t>きのこおろしつゆ</t>
  </si>
  <si>
    <t>こく辛サンラータン麺</t>
  </si>
  <si>
    <t>52g×2P</t>
  </si>
  <si>
    <t>大関</t>
  </si>
  <si>
    <t>ｵｵｾﾞｷ</t>
  </si>
  <si>
    <t>ざるラーメンスープ</t>
  </si>
  <si>
    <t>エバラつけ麺スープコクと旨味の醤油仕立て</t>
  </si>
  <si>
    <t>プチッとうどん　釜玉風</t>
  </si>
  <si>
    <t>92ｇ</t>
  </si>
  <si>
    <t>プチッとうどん　和風おろし</t>
  </si>
  <si>
    <t>88ｇ</t>
  </si>
  <si>
    <t>プチッとうどんの素棒棒鶏風</t>
  </si>
  <si>
    <t>４１ｇ＊３</t>
  </si>
  <si>
    <t>プチッとうどん釜玉うどん</t>
  </si>
  <si>
    <t>23g×4P</t>
  </si>
  <si>
    <t>プチッとうどん焼うどん</t>
  </si>
  <si>
    <t>22g</t>
  </si>
  <si>
    <t>プチッとうどんすだちおろしうどん</t>
  </si>
  <si>
    <t>22g×4</t>
  </si>
  <si>
    <t>プチッとうどん魚介とんこつ</t>
  </si>
  <si>
    <t>プチッとうどん四川風麻辣</t>
  </si>
  <si>
    <t>22g×4個入</t>
  </si>
  <si>
    <t>プチッとうどん担々ごまうどん</t>
  </si>
  <si>
    <t>プチっとゆず塩鯛だしうどん</t>
  </si>
  <si>
    <t>プチッとうどん旨辛ヤンニョム</t>
  </si>
  <si>
    <t>22g×4P</t>
  </si>
  <si>
    <t>プチッとうどん具入り汁なし担々麺</t>
  </si>
  <si>
    <t>プチッとうどん具入りジャージャー麺</t>
  </si>
  <si>
    <t>プチッとうどん明太子うどん</t>
  </si>
  <si>
    <t>22gX4</t>
  </si>
  <si>
    <t>プチッとうどんだし入りとろろ</t>
  </si>
  <si>
    <t>42gX3</t>
  </si>
  <si>
    <t>プチッとうどん具入り牛すき焼うどん</t>
  </si>
  <si>
    <t>プチッとうどんゆず塩鯛だしうどん</t>
  </si>
  <si>
    <t>88g</t>
  </si>
  <si>
    <t>サラダ涼麺つゆ</t>
  </si>
  <si>
    <t>すだちおろしつゆ</t>
  </si>
  <si>
    <t>具麺コク旨プルコギ風</t>
  </si>
  <si>
    <t>116G</t>
  </si>
  <si>
    <t>具麺ごまだれ棒々鶏風</t>
  </si>
  <si>
    <t>114G</t>
  </si>
  <si>
    <t>具麺韓国風すきやきプルコギ味</t>
  </si>
  <si>
    <t>116g</t>
  </si>
  <si>
    <t>具麺汁なし担々麺風</t>
  </si>
  <si>
    <t>具麺ゆずぶっかけ</t>
  </si>
  <si>
    <t>具麺明太子まぜうどん</t>
  </si>
  <si>
    <t>具麺台湾まぜそば風</t>
  </si>
  <si>
    <t>具麺牛だし肉ぶっかけ</t>
  </si>
  <si>
    <t>具麺ごま肉味噌</t>
  </si>
  <si>
    <t>具麺和風おろし</t>
  </si>
  <si>
    <t>具麺汁なし担々麺風　</t>
  </si>
  <si>
    <t>具麺釜玉うどん</t>
  </si>
  <si>
    <t>具麺ねぎ塩レモンうどん</t>
  </si>
  <si>
    <t>具麺揚げなすおろしぶっかけ</t>
  </si>
  <si>
    <t>74g</t>
  </si>
  <si>
    <t>具麺牛だし肉ぶっかけボール</t>
  </si>
  <si>
    <t>100g×10</t>
  </si>
  <si>
    <t>具麺柚子鬼おろし</t>
  </si>
  <si>
    <t>具麺柚子鬼おろしボール</t>
  </si>
  <si>
    <t>84g×10</t>
  </si>
  <si>
    <t>具麺博多明太子うどん</t>
  </si>
  <si>
    <t>54g</t>
  </si>
  <si>
    <t>具麺博多明太子うどんボール</t>
  </si>
  <si>
    <t>54g×10</t>
  </si>
  <si>
    <t>具麺ツナトマトサラダそうめん</t>
  </si>
  <si>
    <t>具麺ツナトマトサラダそうめんボール</t>
  </si>
  <si>
    <t>具麺ザクザクナッツごまだれ</t>
  </si>
  <si>
    <t>具麺ザクザクナッツごまだれボール</t>
  </si>
  <si>
    <t>具麺揚げなすおろしぶっかけボール</t>
  </si>
  <si>
    <t>74g×10</t>
  </si>
  <si>
    <t>サラダ麺つゆ　さっぱりゆずぽんず味</t>
  </si>
  <si>
    <t>ごま肉味噌うどんの素</t>
  </si>
  <si>
    <t>韓国ビビン麺風そうめんの素</t>
  </si>
  <si>
    <t>キッコーマン　豆乳入り冷や汁風そうめんの素</t>
  </si>
  <si>
    <t>冷し担々麺風うどんの素</t>
  </si>
  <si>
    <t>具麺ソース　韓国ビビン麺風</t>
  </si>
  <si>
    <t>具麺ｿｰｽ　あまから肉ぶっかけ</t>
  </si>
  <si>
    <t>具麺牛だし肉</t>
  </si>
  <si>
    <t>具麺韓国ビビン麺風</t>
  </si>
  <si>
    <t>あおさ釜玉うどんつゆ</t>
  </si>
  <si>
    <t>2食</t>
  </si>
  <si>
    <t>あおさぶっかけそうめんつゆ</t>
  </si>
  <si>
    <t>胡麻屋のまぜうどんの素担々風</t>
  </si>
  <si>
    <t>真誠</t>
  </si>
  <si>
    <t>ｼﾝｾｲ</t>
  </si>
  <si>
    <t>胡麻屋のまぜうどんの素肉味噌風</t>
  </si>
  <si>
    <t>レンジでもちもち釜玉うどんあごだし醤油</t>
  </si>
  <si>
    <t>五木食品</t>
  </si>
  <si>
    <t>ｲﾂｷｼﾖｸﾋﾝ</t>
  </si>
  <si>
    <t>レンジでもちもち汁なし担々風うどん</t>
  </si>
  <si>
    <t>226g</t>
  </si>
  <si>
    <t>麺でおいしい食卓冷汁うどんつゆ</t>
  </si>
  <si>
    <t>ｼﾖｳﾀﾞｼﾖｳﾕ</t>
  </si>
  <si>
    <t>麺でおいしい食卓鴨汁つゆ</t>
  </si>
  <si>
    <t>旨辛肉汁うどんつゆ</t>
  </si>
  <si>
    <t>釜玉うどんの素旨豚ニンニク</t>
  </si>
  <si>
    <t>東洋水産</t>
  </si>
  <si>
    <t>まぜめんピリ辛豆乳</t>
  </si>
  <si>
    <t>まぜめん香る柚子胡椒</t>
  </si>
  <si>
    <t>まぜめんさっぱりレモン</t>
  </si>
  <si>
    <t>明太風釜玉うどんの素</t>
  </si>
  <si>
    <t>24G</t>
  </si>
  <si>
    <t>油そば風釜玉うどんの素</t>
  </si>
  <si>
    <t>30G</t>
  </si>
  <si>
    <t>つけ麺つゆ魚介豚骨しょうゆ</t>
  </si>
  <si>
    <t>つけ麺魚介とんこつしょうゆ</t>
  </si>
  <si>
    <t>冷やしぶっかけ担々麺つゆ</t>
  </si>
  <si>
    <t>冷やしぶっかけ梅かつおつゆ</t>
  </si>
  <si>
    <t>253g</t>
  </si>
  <si>
    <t>冷やしぶっかけ豆乳ゆば</t>
  </si>
  <si>
    <t>ぶっかけつゆ　すだちおろし</t>
  </si>
  <si>
    <t>ぶっかけつゆ　梅かつお</t>
  </si>
  <si>
    <t>まぜつゆ　ごま豆乳</t>
  </si>
  <si>
    <t>まぜつゆ四川風辛味噌そばろ</t>
  </si>
  <si>
    <t>まぜつゆ　香るすだち</t>
  </si>
  <si>
    <t>まぜつゆ　鶏塩レモン</t>
  </si>
  <si>
    <t>90G</t>
  </si>
  <si>
    <t>まぜつゆ　釜玉うどんだし醤油</t>
  </si>
  <si>
    <t>まぜつゆ　釜玉うどん地鶏塩</t>
  </si>
  <si>
    <t>30G×3</t>
  </si>
  <si>
    <t>まぜつゆ冷やしすだちうどん</t>
  </si>
  <si>
    <t>29g×3P</t>
  </si>
  <si>
    <t>まぜつゆごまだれサラダうどん</t>
  </si>
  <si>
    <t>まぜつゆ釜玉うどんだし醤油</t>
  </si>
  <si>
    <t>まぜつゆ　釜玉カルボナーラうどん</t>
  </si>
  <si>
    <t>66g</t>
  </si>
  <si>
    <t>まぜつゆ釜玉チゲうどん3個入り</t>
  </si>
  <si>
    <t>81g</t>
  </si>
  <si>
    <t>まぜつゆ4種のアソートタイプ</t>
  </si>
  <si>
    <t>4袋入</t>
  </si>
  <si>
    <t>まぜつゆ讃岐風冷かけうどん</t>
  </si>
  <si>
    <t>まぜつゆぶっかけうどん</t>
  </si>
  <si>
    <t>まぜつゆ釜玉チゲうどん</t>
  </si>
  <si>
    <t>まぜつゆ４種のアソート</t>
  </si>
  <si>
    <t>SOUPでそうめん地鶏だし塩</t>
  </si>
  <si>
    <t>SOUPでそうめん柚子だし</t>
  </si>
  <si>
    <t>78g</t>
  </si>
  <si>
    <t>うどんつゆかえてみませんか　魚介醤油味</t>
  </si>
  <si>
    <t>８０ｇ</t>
  </si>
  <si>
    <t>日本製粉</t>
  </si>
  <si>
    <t>ｵｰﾏｲ</t>
  </si>
  <si>
    <t>うどんつゆかえてみませんか　胡麻坦々味</t>
  </si>
  <si>
    <t>日本丸天_ｻﾗﾀﾞめんつゆ_ﾋﾟﾘ辛_200g</t>
  </si>
  <si>
    <t>天ぷらつゆ</t>
  </si>
  <si>
    <t>冷やしカレーうどんの素中辛</t>
  </si>
  <si>
    <t>冷やしカレーうどんの素辛口</t>
  </si>
  <si>
    <t>讃岐風ぶっかけうどんつゆ</t>
  </si>
  <si>
    <t>4P</t>
  </si>
  <si>
    <t>柚子おろしぶっかけうどんつゆ</t>
  </si>
  <si>
    <t>ごま中華ぶっかけうどんつゆ4P</t>
  </si>
  <si>
    <t>だし旨キムチぶっかけうどんつゆ</t>
  </si>
  <si>
    <t>4p</t>
  </si>
  <si>
    <t>オリーブトマトぶっかけうどんつゆ</t>
  </si>
  <si>
    <t>ラーメンサラダ焙煎ごまだれ</t>
  </si>
  <si>
    <t>215g</t>
  </si>
  <si>
    <t>ラーメンサラダ担々ごまだれ</t>
  </si>
  <si>
    <t>あったか麺用ソース　ジャージャー麺の素</t>
  </si>
  <si>
    <t>ピリ辛ジャージャー麺の素</t>
  </si>
  <si>
    <t>８０ｇ×２</t>
  </si>
  <si>
    <t>ﾏﾙﾐﾔ</t>
  </si>
  <si>
    <t>四川風担々麺の素　２Ｐ</t>
  </si>
  <si>
    <t>明太クリーム麺の素</t>
  </si>
  <si>
    <t>70g×2P</t>
  </si>
  <si>
    <t>丸美屋かけうま麺用ソース魚介醤油まぜ麺の素１６０ｇ</t>
  </si>
  <si>
    <t>160G</t>
  </si>
  <si>
    <t>トマトツナ麺の素</t>
  </si>
  <si>
    <t>和風カルボナーラ麺の素</t>
  </si>
  <si>
    <t>ジャージャー麺の素</t>
  </si>
  <si>
    <t>汁なし担々麺の素</t>
  </si>
  <si>
    <t>夏カレー麺の素</t>
  </si>
  <si>
    <t>台湾まぜ麺の素</t>
  </si>
  <si>
    <t>かけうま麺用ソース和風肉みそ麺の素</t>
  </si>
  <si>
    <t>麻辣麺の素</t>
  </si>
  <si>
    <t>ごまだれ涼麺の素</t>
  </si>
  <si>
    <t>鶏そぼろ入り釜玉うどんの素</t>
  </si>
  <si>
    <t>牛すき麺の素</t>
  </si>
  <si>
    <t>濃厚魚介醤油まぜ麺の素</t>
  </si>
  <si>
    <t>丸美屋濃厚ごまの汁なし担々麺の素</t>
  </si>
  <si>
    <t>かけうま大葉ジェノベーゼ麺</t>
  </si>
  <si>
    <t>冷や汁の素鶏すだち味</t>
  </si>
  <si>
    <t>冷や汁の素豆乳ごま担々味</t>
  </si>
  <si>
    <t>ヤマサ醤油　くるみつゆ</t>
  </si>
  <si>
    <t>ヤマサ醤油　黒ごまつゆ</t>
  </si>
  <si>
    <t>166.6g</t>
  </si>
  <si>
    <t>あえるうどん専科梅鰹おろし仕立て</t>
  </si>
  <si>
    <t>あえるうどん専科旨辛みそ仕立て</t>
  </si>
  <si>
    <t>やみつき麺だれ餃子味</t>
  </si>
  <si>
    <t>あえるうどん専科麻辣まぜ麺</t>
  </si>
  <si>
    <t>40g×2P</t>
  </si>
  <si>
    <t>ピリッと旨いごまだれ専科</t>
  </si>
  <si>
    <t>饂飩気分明太子まぜ麺</t>
  </si>
  <si>
    <t>饂飩気分麻辣まぜ麺</t>
  </si>
  <si>
    <t>饂飩気分キーマカレーまぜ麺</t>
  </si>
  <si>
    <t>饂飩気分魚介豚骨まぜ麺2食入</t>
  </si>
  <si>
    <t>饂飩気分魚介豚骨まぜ麺</t>
  </si>
  <si>
    <t>ぶっかけ具入りつゆ豆乳坦々</t>
  </si>
  <si>
    <t>ぶっかけ具入りつゆ国産山菜きのこ入り</t>
  </si>
  <si>
    <t>230ｇ</t>
  </si>
  <si>
    <t>具入りつゆ　国産きのこと生姜</t>
  </si>
  <si>
    <t>305G</t>
  </si>
  <si>
    <t>赤からだれ300ｍｌ</t>
  </si>
  <si>
    <t>ヤマキ　赤辛つけうどんつゆ</t>
  </si>
  <si>
    <t>50g×2</t>
  </si>
  <si>
    <t>だし香るつけつゆ　鶏塩白湯</t>
  </si>
  <si>
    <t>40g*2P</t>
  </si>
  <si>
    <t>だし香るつけつゆ和風カレー</t>
  </si>
  <si>
    <t>個食冷し中華</t>
  </si>
  <si>
    <t>40ml×5</t>
  </si>
  <si>
    <t>ﾔﾏｴﾊﾝﾊﾞｲ</t>
  </si>
  <si>
    <t>大人の麺ソース　台湾ませそばの素</t>
  </si>
  <si>
    <t>大人の麺ソース　スパイシーキーマ</t>
  </si>
  <si>
    <t>大人の麺ソース　タイ風ガパオ味</t>
  </si>
  <si>
    <t>大人の麺ソース　四川風麻婆麺の素</t>
  </si>
  <si>
    <t>濃厚つけ麺×うどん　魚介醤油　</t>
  </si>
  <si>
    <t>濃厚つけ麺×うどん　豚骨醤油　</t>
  </si>
  <si>
    <t>極濃魚介醤油つけ麺つゆ</t>
  </si>
  <si>
    <t>極濃海老辛つけ麺つゆ</t>
  </si>
  <si>
    <t>担々麺の素</t>
  </si>
  <si>
    <t>台湾まぜそばの素</t>
  </si>
  <si>
    <t>柚子こしょうめんつゆ</t>
  </si>
  <si>
    <t>黒こしょうまぜめんつゆ</t>
  </si>
  <si>
    <t>120?</t>
  </si>
  <si>
    <t>男梅めんつゆ</t>
  </si>
  <si>
    <t>123g</t>
  </si>
  <si>
    <t>スタミナ源冷やし中華始めました</t>
  </si>
  <si>
    <t>上北農産加工農業協同組合</t>
  </si>
  <si>
    <t>ｶﾐｷﾀﾉｳｻﾝ</t>
  </si>
  <si>
    <t>ニッドまぜつゆごまだれうどん</t>
  </si>
  <si>
    <t>スンドゥブチゲの素</t>
  </si>
  <si>
    <t>ﾁｮﾝｶ</t>
  </si>
  <si>
    <t>名店</t>
  </si>
  <si>
    <t>赤から焦がしにんにくまぜめんの素</t>
  </si>
  <si>
    <t>54.8g</t>
  </si>
  <si>
    <t>赤から坦々まぜめんの素</t>
  </si>
  <si>
    <t>69.6g</t>
  </si>
  <si>
    <t>黒からまぜめんの素</t>
  </si>
  <si>
    <t>赤からまぜめんの素</t>
  </si>
  <si>
    <t>赤から冷やし麺スープ</t>
  </si>
  <si>
    <t>五ノ神製作所監修濃厚海老まぜ麺の素</t>
  </si>
  <si>
    <t>五ノ神製作所監修海老玉子かけ麺の素</t>
  </si>
  <si>
    <t>いそのかつお</t>
  </si>
  <si>
    <t>若鯱家カレーまぜ麺の素</t>
  </si>
  <si>
    <t>コーミ</t>
  </si>
  <si>
    <t>ｺ-ﾐ</t>
  </si>
  <si>
    <t>味仙台湾ぶっかけめんのたれ</t>
  </si>
  <si>
    <t>井の庄監修辛辛魚まぜ麺の素</t>
  </si>
  <si>
    <t>61g</t>
  </si>
  <si>
    <t>ｽｶﾞｷﾔｼｮｸﾋﾝ</t>
  </si>
  <si>
    <t>寿がきや　汁なし担々麺の素　６１ｇ</t>
  </si>
  <si>
    <t>61G</t>
  </si>
  <si>
    <t>ウエスト監修　釜玉うどん</t>
  </si>
  <si>
    <t>15g×3P</t>
  </si>
  <si>
    <t>けやき監修札幌味噌まぜ麺の素</t>
  </si>
  <si>
    <t>とみ田監修濃厚豚骨魚介まぜ麺の素</t>
  </si>
  <si>
    <t>職人一丸札幌味噌拉麺専門店けやきまぜうどん</t>
  </si>
  <si>
    <t>職人一丸中華蕎麦とみ田まぜうどん</t>
  </si>
  <si>
    <t>麺屋はなび台湾まぜそば</t>
  </si>
  <si>
    <t>丸美屋極鶏監修鶏だくまぜ麺の素</t>
  </si>
  <si>
    <t>蝋燭屋監修シビ辛麻婆麺</t>
  </si>
  <si>
    <t>ＣｏＣｏ壱番屋　カレー麺の素　270g</t>
  </si>
  <si>
    <t>さんわ純鶏名古屋コーチン鶏塩つゆ30g×3</t>
  </si>
  <si>
    <t>さんわコーポレーション</t>
  </si>
  <si>
    <t>ｻﾝﾜCorp</t>
  </si>
  <si>
    <t>さんわ純鶏名古屋コーチン鶏塩レモンつゆ</t>
  </si>
  <si>
    <t>中村屋カリー麺の素</t>
  </si>
  <si>
    <t>一風堂赤丸豚骨まぜそば</t>
  </si>
  <si>
    <t>126g</t>
  </si>
  <si>
    <t>麺屋武蔵だし醤油まぜそば</t>
  </si>
  <si>
    <t>名店監修すみれ味噌仕立て油そば</t>
  </si>
  <si>
    <t>名店監修一風堂極からか油そば</t>
  </si>
  <si>
    <t>名店監修一風堂赤丸まぜそば</t>
  </si>
  <si>
    <t>八幡屋礒五郎七味豆乳担々めんつゆ</t>
  </si>
  <si>
    <t>因幡うどん監修薫るだしぶっかけつゆ</t>
  </si>
  <si>
    <t>LOVERZたれつゆにんにく醤油</t>
  </si>
  <si>
    <t>LOVERZたれつゆ辛旨醤</t>
  </si>
  <si>
    <t>鍋つゆ</t>
  </si>
  <si>
    <t>個食</t>
  </si>
  <si>
    <t>梅</t>
  </si>
  <si>
    <t>コリコレ鍋プデチゲ</t>
  </si>
  <si>
    <t>176g</t>
  </si>
  <si>
    <t>農心ジャパン</t>
  </si>
  <si>
    <t>ﾉｳｼﾝｼﾞｬﾊﾟﾝ</t>
  </si>
  <si>
    <t>コリコレ鍋キムチチゲ</t>
  </si>
  <si>
    <t>183g</t>
  </si>
  <si>
    <t>鍋キューブ　スープカレー鍋</t>
  </si>
  <si>
    <t>８個</t>
  </si>
  <si>
    <t>プチッとうどんの素カレー煮込み</t>
  </si>
  <si>
    <t>３個</t>
  </si>
  <si>
    <t>プチッと鍋ホッと温中華しょうゆ</t>
  </si>
  <si>
    <t>お鍋にポン寄せ鍋</t>
  </si>
  <si>
    <t>5g×6P</t>
  </si>
  <si>
    <t>ﾄｳﾖｳｽｲｻﾝ</t>
  </si>
  <si>
    <t>お鍋にポン　鶏だし塩鍋</t>
  </si>
  <si>
    <t>5g×6</t>
  </si>
  <si>
    <t>お鍋にポン　とんこつ醤油鍋</t>
  </si>
  <si>
    <t>お鍋にポンキムチ鍋</t>
  </si>
  <si>
    <t>お鍋にポン鶏白湯鍋つゆ</t>
  </si>
  <si>
    <t>お鍋にポン焼あごだし鍋つゆ</t>
  </si>
  <si>
    <t>お鍋にポンちゃんこ鍋つゆ</t>
  </si>
  <si>
    <t>お鍋にポン鶏だし塩鍋つゆ</t>
  </si>
  <si>
    <t>お鍋にポン貝だし旨塩鍋つゆ</t>
  </si>
  <si>
    <t>27g</t>
  </si>
  <si>
    <t>ﾄｰﾖｰｽｲｻﾝ</t>
  </si>
  <si>
    <t>お鍋にポンキムチ鍋つゆ</t>
  </si>
  <si>
    <t>香味だしちゃんこ鍋つゆ</t>
  </si>
  <si>
    <t>だし小鍋黒豚にんにく醤油鍋</t>
  </si>
  <si>
    <t>100GX3</t>
  </si>
  <si>
    <t>秋冬</t>
  </si>
  <si>
    <t>だし小鍋帆立はまぐり塩鍋つゆ</t>
  </si>
  <si>
    <t>だし小鍋焼きあごだし鍋つゆ</t>
  </si>
  <si>
    <t>だし小鍋寄せ鍋つゆ</t>
  </si>
  <si>
    <t>だし小鍋地鶏塩ちゃんこ鍋つゆ</t>
  </si>
  <si>
    <t>辣油しゃぶ鍋用スープ</t>
  </si>
  <si>
    <t>鉄板肉肉鍋の素甘辛醤油味</t>
  </si>
  <si>
    <t>Myこなべ鍋つゆ濃縮タイプ焼あごだし</t>
  </si>
  <si>
    <t>4個</t>
  </si>
  <si>
    <t>Myこなべ鍋つゆ濃縮タイプごま豆乳</t>
  </si>
  <si>
    <t>myこなべゆず香る鯛だし</t>
  </si>
  <si>
    <t>Myこなべ鍋つゆ濃縮タイプ鶏だし旨塩</t>
  </si>
  <si>
    <t>竹</t>
  </si>
  <si>
    <t>キムチ鍋の素まろやか</t>
  </si>
  <si>
    <t>ふわっと香るキムチ鍋つゆ赤唐辛子仕立て</t>
  </si>
  <si>
    <t>8.0g</t>
  </si>
  <si>
    <t>ふわっと香る鶏だし塩鍋ゆずこしょう仕立て</t>
  </si>
  <si>
    <t>6.7g</t>
  </si>
  <si>
    <t>ふわっと香るよせ鍋つゆ生しょうゆ仕立て</t>
  </si>
  <si>
    <t>6.8g</t>
  </si>
  <si>
    <t>みそキムチ鍋の素</t>
  </si>
  <si>
    <t>エバラ　キムチ鍋の素マイルド</t>
  </si>
  <si>
    <t>マスタードカラクチ　ホツト</t>
  </si>
  <si>
    <t>プチッと鍋寄せ鍋2個セット</t>
  </si>
  <si>
    <t>138g×12P</t>
  </si>
  <si>
    <t>プチッと鍋キムチ鍋2個セット</t>
  </si>
  <si>
    <t>プチッと鍋_キムチ鍋　3個セット</t>
  </si>
  <si>
    <t>プチッと鍋_寄せ鍋　3個セット</t>
  </si>
  <si>
    <t>ひや汁の素個食</t>
  </si>
  <si>
    <t>25g×2P</t>
  </si>
  <si>
    <t>鍋キューブピリ辛キムチ</t>
  </si>
  <si>
    <t>鍋キューブ寄せ鍋しょうゆ</t>
  </si>
  <si>
    <t>鍋キューブ鶏だしうま塩</t>
  </si>
  <si>
    <t>58g</t>
  </si>
  <si>
    <t>鍋キューブ鶏うま塩</t>
  </si>
  <si>
    <t>鍋キューブ　ピリ辛キムチ</t>
  </si>
  <si>
    <t>鍋ｷｭｰﾌﾞ_濃厚白湯</t>
  </si>
  <si>
    <t>鍋キューブまろやか豆乳鍋</t>
  </si>
  <si>
    <t>77g</t>
  </si>
  <si>
    <t>鍋キューブとんこつ味噌</t>
  </si>
  <si>
    <t>鍋キューブ濃厚白湯</t>
  </si>
  <si>
    <t>鍋キューブ　１０種の野菜だし鍋</t>
  </si>
  <si>
    <t>７２ｇ</t>
  </si>
  <si>
    <t>鍋キューブ　コクとうま味の野菜だし鍋８個入　７２ｇ</t>
  </si>
  <si>
    <t>72g</t>
  </si>
  <si>
    <t>鍋キューブ鯛と帆立の極みだし鍋</t>
  </si>
  <si>
    <t>64g</t>
  </si>
  <si>
    <t>68g</t>
  </si>
  <si>
    <t>鍋キューブ焼きあごだし</t>
  </si>
  <si>
    <t>鍋キューブ鶏だし･うま塩</t>
  </si>
  <si>
    <t>51g</t>
  </si>
  <si>
    <t>鍋キューブおでん本舗あごだし醤油</t>
  </si>
  <si>
    <t>鍋キューブうま辛キムチ</t>
  </si>
  <si>
    <t>76g</t>
  </si>
  <si>
    <t>鍋キューブ鶏だしコク醤油</t>
  </si>
  <si>
    <t>豚みそちゃんこ鍋つゆペット２倍濃縮</t>
  </si>
  <si>
    <t>かにすきつゆ</t>
  </si>
  <si>
    <t>みそ鍋の素</t>
  </si>
  <si>
    <t>２００ｇ</t>
  </si>
  <si>
    <t>イチビキ　鶏みそ鍋の素　八丁味噌仕立　２００ｇ</t>
  </si>
  <si>
    <t>豚みそちゃんこ鍋スティック1人前×4</t>
  </si>
  <si>
    <t>豚みそちゃんこ鍋濃縮ミニパック1人前×4入</t>
  </si>
  <si>
    <t>八丁鶏みそ鍋の素</t>
  </si>
  <si>
    <t>海老みそ鍋の素</t>
  </si>
  <si>
    <t>みそ煮込みうどん　１８０ｇ</t>
  </si>
  <si>
    <t>胡麻みそ担々鍋</t>
  </si>
  <si>
    <t>40g×3</t>
  </si>
  <si>
    <t>ぽかぽか生姜豆乳鍋</t>
  </si>
  <si>
    <t>ほっこりしみる参鶏湯鍋</t>
  </si>
  <si>
    <t>22g×3P</t>
  </si>
  <si>
    <t>発酵鍋の素胡麻みそ坦々</t>
  </si>
  <si>
    <t>発酵鍋の素香味鶏白湯</t>
  </si>
  <si>
    <t>22g×3</t>
  </si>
  <si>
    <t>料理にポン_コラーゲン</t>
  </si>
  <si>
    <t>寄せ鍋つゆほんのり醤油</t>
  </si>
  <si>
    <t>よせ鍋つゆ塩仕立て</t>
  </si>
  <si>
    <t>寄せ鍋つゆほんのり醤油仕立て</t>
  </si>
  <si>
    <t>寄せ鍋つゆまろやか塩仕立て</t>
  </si>
  <si>
    <t>プチッと鍋寄せ鍋</t>
  </si>
  <si>
    <t>138g</t>
  </si>
  <si>
    <t>プチッと鍋キムチ鍋</t>
  </si>
  <si>
    <t>23g×6P</t>
  </si>
  <si>
    <t>プチッと鍋　白湯鍋</t>
  </si>
  <si>
    <t>23g×6</t>
  </si>
  <si>
    <t>プチッと鍋　鶏白湯鍋</t>
  </si>
  <si>
    <t>プチッと鍋　塩鍋</t>
  </si>
  <si>
    <t>プチッと鍋とんこつしょうゆ鍋</t>
  </si>
  <si>
    <t>プチッと鍋　　すき焼　　２３ｇ</t>
  </si>
  <si>
    <t>プチッと鍋ちゃんこ鍋</t>
  </si>
  <si>
    <t>プチッと鍋　おでん</t>
  </si>
  <si>
    <t>プチッと鍋濃厚白湯鍋</t>
  </si>
  <si>
    <t>22g×6P</t>
  </si>
  <si>
    <t>ﾌﾟﾁｯと鍋_とんこつ塩鍋</t>
  </si>
  <si>
    <t>23g*6</t>
  </si>
  <si>
    <t>プチッと鍋濃厚みそ鍋</t>
  </si>
  <si>
    <t>40g×4P</t>
  </si>
  <si>
    <t>プチッと鍋豆乳ごま鍋</t>
  </si>
  <si>
    <t>プチッと鍋スンドゥブチゲ</t>
  </si>
  <si>
    <t>プチッと鍋担々ごま</t>
  </si>
  <si>
    <t>エバラ　プチッと鍋アソート　２種×３個　１３８ｇ</t>
  </si>
  <si>
    <t>138G</t>
  </si>
  <si>
    <t>エバラ　プチッと鍋　はも吸い鍋　２２ｇ×６</t>
  </si>
  <si>
    <t>22GX6</t>
  </si>
  <si>
    <t>エバラ　プチッと鍋　黒キムチ鍋　４０ｇ×４</t>
  </si>
  <si>
    <t>40GX4</t>
  </si>
  <si>
    <t>キムチ鍋の素マイルド</t>
  </si>
  <si>
    <t>プチッと鍋あさり旨塩鍋</t>
  </si>
  <si>
    <t>21g×6P</t>
  </si>
  <si>
    <t>プチッと鍋スープカレー鍋</t>
  </si>
  <si>
    <t>42g×4P</t>
  </si>
  <si>
    <t>プチッと鍋地鶏だしゆず塩鍋</t>
  </si>
  <si>
    <t>プチッと鍋旨辛みそ鍋</t>
  </si>
  <si>
    <t>41g×4</t>
  </si>
  <si>
    <t>プチッと鍋もつ鍋</t>
  </si>
  <si>
    <t>比内地鶏のスープ仕立て鍋つゆ</t>
  </si>
  <si>
    <t>トマト坦々麺の素</t>
  </si>
  <si>
    <t>よせ鍋つゆ　鴨だし</t>
  </si>
  <si>
    <t>よせ鍋つゆ　牛だし</t>
  </si>
  <si>
    <t>具鍋豚キムチ鍋つゆ</t>
  </si>
  <si>
    <t>具鍋豚ねぎ塩鍋つゆ</t>
  </si>
  <si>
    <t>具鍋豚すき鍋つゆ</t>
  </si>
  <si>
    <t>豆乳しゃぶしゃぶ香る柚子</t>
  </si>
  <si>
    <t>まろやか豆乳スンドゥブ</t>
  </si>
  <si>
    <t>156g</t>
  </si>
  <si>
    <t>きゃべなべしょうが風味</t>
  </si>
  <si>
    <t>きゃべなべごま風味</t>
  </si>
  <si>
    <t>韓国キムチ鍋スープ</t>
  </si>
  <si>
    <t>よせ鍋つゆコクだし醤油</t>
  </si>
  <si>
    <t>寄せ鍋つゆ　コクうま味噌</t>
  </si>
  <si>
    <t>寄せ鍋つゆ　鶏がら塩</t>
  </si>
  <si>
    <t>ちゃんこ鍋つゆ</t>
  </si>
  <si>
    <t>キムチナベ</t>
  </si>
  <si>
    <t>よせ鍋つゆ醤油</t>
  </si>
  <si>
    <t>寄せ鍋つゆ鶏がら塩</t>
  </si>
  <si>
    <t>寄せ鍋つゆ_コクうま味噌</t>
  </si>
  <si>
    <t>塩ちゃんこ鍋つゆ</t>
  </si>
  <si>
    <t>キッコーマン　具麺　鴨だしつゆ_　　１１０ｇ</t>
  </si>
  <si>
    <t>すき焼きのたれ　まろやか仕立て</t>
  </si>
  <si>
    <t>キッコーマン野菜が主役蒸し鍋</t>
  </si>
  <si>
    <t>よせ鍋つゆとんこつ味噌</t>
  </si>
  <si>
    <t>よせ鍋つゆ　鶏白湯</t>
  </si>
  <si>
    <t>PLUS鍋スンドゥブチゲスープ</t>
  </si>
  <si>
    <t>152G</t>
  </si>
  <si>
    <t>PLUS鍋　鶏白湯鍋つゆ</t>
  </si>
  <si>
    <t>鍋パスタ　コクのドミグラス味</t>
  </si>
  <si>
    <t>カップ白みそ</t>
  </si>
  <si>
    <t>新庄みそ　かきの土手鍋の素　スパウト　１５０ｇ</t>
  </si>
  <si>
    <t>スパウトキムチ鍋の素</t>
  </si>
  <si>
    <t>１５０ｇ</t>
  </si>
  <si>
    <t>辛辛魚鍋つゆ</t>
  </si>
  <si>
    <t>ぶちうまいピリ辛みそ鍋</t>
  </si>
  <si>
    <t>うどんすき鍋つゆ</t>
  </si>
  <si>
    <t>よせ鍋つゆ</t>
  </si>
  <si>
    <t>ちゃんこ鍋つゆ　濃縮3倍</t>
  </si>
  <si>
    <t>寄せ鍋だし　濃縮4倍</t>
  </si>
  <si>
    <t>寄せ鍋つゆ</t>
  </si>
  <si>
    <t>四季のつゆ椎茸昆布</t>
  </si>
  <si>
    <t>だし巻き卵つゆ</t>
  </si>
  <si>
    <t>ちゃんこ鍋スープ</t>
  </si>
  <si>
    <t>キムチ鍋スープ</t>
  </si>
  <si>
    <t>一人鍋ちゃんこ鍋スープみそ</t>
  </si>
  <si>
    <t>すき焼きのたれ</t>
  </si>
  <si>
    <t>200ml×2</t>
  </si>
  <si>
    <t>鉄板蒸し　甘辛みそ味</t>
  </si>
  <si>
    <t>鉄板蒸し　焼肉のたれ味</t>
  </si>
  <si>
    <t>鉄板蒸し　トマト味</t>
  </si>
  <si>
    <t>ごま豆乳鍋つゆ　濃縮</t>
  </si>
  <si>
    <t>とんこつしょうゆ鍋つゆ　濃縮</t>
  </si>
  <si>
    <t>寄せ鍋つゆ　濃縮</t>
  </si>
  <si>
    <t>鶏だんごつゆストレート</t>
  </si>
  <si>
    <t>〆まで美味しいよせ鍋つゆ　濃縮タイプ</t>
  </si>
  <si>
    <t>〆まで美味しい豆乳なべつゆ　濃縮タイプ</t>
  </si>
  <si>
    <t>〆まで美味しいとんこつしょうゆ鍋つゆ　濃縮タイプ</t>
  </si>
  <si>
    <t>〆まで美味しい濃厚みそ鍋つゆ　濃縮タイプ</t>
  </si>
  <si>
    <t>〆まで美味しいミニパック　寄せ鍋つゆ</t>
  </si>
  <si>
    <t>32GX4</t>
  </si>
  <si>
    <t>〆まで美味しいミニパック　ごま豆乳鍋つゆ</t>
  </si>
  <si>
    <t>〆まで美味しいミニパック　とんこつしょう</t>
  </si>
  <si>
    <t>こなべっち　寄せ鍋つゆ</t>
  </si>
  <si>
    <t>128G</t>
  </si>
  <si>
    <t>こなべっち　ごま豆乳鍋つゆ</t>
  </si>
  <si>
    <t>144G</t>
  </si>
  <si>
    <t>こなべっち　とんこつしょうゆ鍋つゆ</t>
  </si>
  <si>
    <t>こなべっち　地鶏塩ちゃんこ鍋</t>
  </si>
  <si>
    <t>こなべっち寄せ鍋つゆ</t>
  </si>
  <si>
    <t>128g</t>
  </si>
  <si>
    <t>こなべっちごま豆乳鍋つゆ</t>
  </si>
  <si>
    <t>144g</t>
  </si>
  <si>
    <t>こなべっち焼あごだし鍋つゆ</t>
  </si>
  <si>
    <t>こなべっち地鶏塩ちゃんこ鍋</t>
  </si>
  <si>
    <t>こなべっちキムチ鍋つゆ</t>
  </si>
  <si>
    <t>こなべっち鶏だし生姜鍋つゆ</t>
  </si>
  <si>
    <t>28ｇ×4</t>
  </si>
  <si>
    <t>ミツカン　こなべっち　濃厚鶏白湯鍋つゆ　２８ｇ×４</t>
  </si>
  <si>
    <t>こなべっち地鶏昆布だし鍋つゆ22g×4</t>
  </si>
  <si>
    <t>こなべっち炒めにんにく醤油鍋つゆ</t>
  </si>
  <si>
    <t>〆まで美味しい寄せ鍋つゆミニパック</t>
  </si>
  <si>
    <t>32g×4P</t>
  </si>
  <si>
    <t>〆まで美味しいごま豆乳鍋つゆミニパック</t>
  </si>
  <si>
    <t>36g×4P</t>
  </si>
  <si>
    <t>〆まで美味しい焼あごだし鍋つゆミニパック</t>
  </si>
  <si>
    <t>29g×4P</t>
  </si>
  <si>
    <t>〆まで美味しいキムチ鍋つゆミニパック</t>
  </si>
  <si>
    <t>〆まで美味しい地鶏昆布だし鍋つゆ</t>
  </si>
  <si>
    <t>〆まで美味しい炒めにんにく醤油鍋つゆ</t>
  </si>
  <si>
    <t>〆まで美味しいとんこつしょうゆ鍋つゆミニパック</t>
  </si>
  <si>
    <t>33gX4</t>
  </si>
  <si>
    <t>〆まで美味しい濃厚みそ鍋つゆミニパック</t>
  </si>
  <si>
    <t>34gX4</t>
  </si>
  <si>
    <t>スープも味わうしゃぶしゃぶ極みだし</t>
  </si>
  <si>
    <t>3個入</t>
  </si>
  <si>
    <t>スープも味わうしゃぶしゃぶゆず塩</t>
  </si>
  <si>
    <t>スープも味わうしゃぶしゃぶ鶏ねぎ塩</t>
  </si>
  <si>
    <t>28g×3P</t>
  </si>
  <si>
    <t>スープも味わうしゃぶしゃぶ旨辛チゲ</t>
  </si>
  <si>
    <t>38g×3P</t>
  </si>
  <si>
    <t>スープしゃぶ極みだし</t>
  </si>
  <si>
    <t>スープしゃぶ極みだし柑橘</t>
  </si>
  <si>
    <t>スープしゃぶ極みだし豆乳</t>
  </si>
  <si>
    <t>とんこつ醤油つゆ</t>
  </si>
  <si>
    <t>煮込み麺つゆ　濃厚鶏だし</t>
  </si>
  <si>
    <t>140ｇ</t>
  </si>
  <si>
    <t>煮込み麺つゆ　豆乳チゲ</t>
  </si>
  <si>
    <t>鍋スティック　キムチ鍋スープ</t>
  </si>
  <si>
    <t>30g×5</t>
  </si>
  <si>
    <t>日本水産</t>
  </si>
  <si>
    <t>ﾆﾎﾝｽｲｻﾝ</t>
  </si>
  <si>
    <t>鍋スティック　寄せ鍋スープ</t>
  </si>
  <si>
    <t>鍋スティック　とんこつ鍋スープ</t>
  </si>
  <si>
    <t>29g×5</t>
  </si>
  <si>
    <t>豆乳みそ鍋つゆ　5倍濃縮</t>
  </si>
  <si>
    <t>鯛だし寄せ鍋つゆ</t>
  </si>
  <si>
    <t>寄せ鍋つゆ　2倍濃縮</t>
  </si>
  <si>
    <t>ちゃんこ鍋つゆ　2倍濃縮</t>
  </si>
  <si>
    <t>だしが世界を旨くするこくみ醤油鍋スープ</t>
  </si>
  <si>
    <t>だしが世界を旨くするうまから味噌鍋スープ</t>
  </si>
  <si>
    <t>チャンコ大関</t>
  </si>
  <si>
    <t>鍋だし　しょうゆ</t>
  </si>
  <si>
    <t>50ml×4</t>
  </si>
  <si>
    <t>鍋だしみそ</t>
  </si>
  <si>
    <t>鍋だしキムチ</t>
  </si>
  <si>
    <t>トモエ鮭うましゃぶ醤油仕立て</t>
  </si>
  <si>
    <t>83g</t>
  </si>
  <si>
    <t>丸鶏がら塩ちゃんこ鍋つゆ</t>
  </si>
  <si>
    <t>鶏がらちゃんこ鍋つゆ</t>
  </si>
  <si>
    <t>うどん鍋つゆ</t>
  </si>
  <si>
    <t>丸鶏塩ちゃんこ鍋つゆ</t>
  </si>
  <si>
    <t>黒のプルコギ鍋つゆ</t>
  </si>
  <si>
    <t>赤のプルコギ鍋つゆ</t>
  </si>
  <si>
    <t>旨塩鍋つゆ</t>
  </si>
  <si>
    <t>ちょっとなべ小町　だし香るよせ鍋</t>
  </si>
  <si>
    <t>40ml×3</t>
  </si>
  <si>
    <t>ちょっとなべ小町　香ばしいごまみそ鍋</t>
  </si>
  <si>
    <t>ちょっとなべ小町　まろやか豆乳鍋</t>
  </si>
  <si>
    <t>ちょっとなべ小町　だし香る寄せ鍋</t>
  </si>
  <si>
    <t>ちょっとなべ小町　まろやか鶏塩鍋</t>
  </si>
  <si>
    <t>ベル　鶏とトマトのスープカレー鍋つゆ　７５０ｇ</t>
  </si>
  <si>
    <t>プラス糀塩糀鍋</t>
  </si>
  <si>
    <t>プラス糀しょうゆ糀鍋</t>
  </si>
  <si>
    <t>ハンドボトルつゆ３倍</t>
  </si>
  <si>
    <t>寄鍋のつゆ</t>
  </si>
  <si>
    <t>なべ一</t>
  </si>
  <si>
    <t>麻婆鍋の素</t>
  </si>
  <si>
    <t>とんこつ鍋の素</t>
  </si>
  <si>
    <t>ちゃんこ鍋の素</t>
  </si>
  <si>
    <t>キムチ鍋の素</t>
  </si>
  <si>
    <t>スープがおいしい鶏しお鍋の素</t>
  </si>
  <si>
    <t>スープがおいしいカレー鍋の素</t>
  </si>
  <si>
    <t>昆布だし寄せ鍋醤油</t>
  </si>
  <si>
    <t>浜鍋つゆ海鮮塩仕立て</t>
  </si>
  <si>
    <t>カレーうどん専科</t>
  </si>
  <si>
    <t>昆布寄せ鍋つゆ味噌</t>
  </si>
  <si>
    <t>キムチ鍋コチジャン仕立て</t>
  </si>
  <si>
    <t>かける涼麺専科トマト＆バジル</t>
  </si>
  <si>
    <t>ちゃんこ鍋つゆゆずこしょう鶏塩</t>
  </si>
  <si>
    <t>塩こうじ鍋豆乳仕立て</t>
  </si>
  <si>
    <t>29.1g</t>
  </si>
  <si>
    <t>鶏だし塩鍋ゆずこしょう仕立て</t>
  </si>
  <si>
    <t>20.7g</t>
  </si>
  <si>
    <t>坦々ごま鍋つゆ</t>
  </si>
  <si>
    <t>いきなり〆ちゃう鍋ゆずこしょう鍋つゆ醤油</t>
  </si>
  <si>
    <t>いきなり〆ちゃう鍋旨辛チゲ鍋つゆ</t>
  </si>
  <si>
    <t>いきなり〆ちゃう鍋味噌とんこつ鍋つゆ</t>
  </si>
  <si>
    <t>チゲ鍋の素</t>
  </si>
  <si>
    <t>230ml</t>
  </si>
  <si>
    <t>業務用だし</t>
  </si>
  <si>
    <t>寄せ鍋つゆカレンダー</t>
  </si>
  <si>
    <t>15ml×3</t>
  </si>
  <si>
    <t>塩ちゃんこ鍋つゆカレンダー</t>
  </si>
  <si>
    <t>韓福善のキムチ鍋つゆ</t>
  </si>
  <si>
    <t>キムチ鍋つゆマイルド</t>
  </si>
  <si>
    <t>塩すき焼き鍋つゆ</t>
  </si>
  <si>
    <t>ちょっと贅沢な匠のだし　おでんつゆ</t>
  </si>
  <si>
    <t>名代ちゃんこ鍋つゆ</t>
  </si>
  <si>
    <t>名代寄せ鍋つゆ醤油</t>
  </si>
  <si>
    <t>名代寄せ鍋つゆ鶏ガラ塩</t>
  </si>
  <si>
    <t>寄せ鍋つゆ醤油</t>
  </si>
  <si>
    <t>ちゃんこ鍋つゆ鶏がら塩</t>
  </si>
  <si>
    <t>タッカンマリの素</t>
  </si>
  <si>
    <t>男梅しゃぶしゃぶつゆ</t>
  </si>
  <si>
    <t>スタミナ源醤油鍋つゆ</t>
  </si>
  <si>
    <t>JAｶﾐｷﾀ</t>
  </si>
  <si>
    <t>スタミナ源たれ鍋つゆ</t>
  </si>
  <si>
    <t>麺＆鍋大陸地鶏しおちゃんこスープの素　１１８０ｇ</t>
  </si>
  <si>
    <t>１１８０ｇ</t>
  </si>
  <si>
    <t>ミツカン　麺＆鍋大陸濃厚鶏白湯スープの素１１１０ｇ</t>
  </si>
  <si>
    <t>１１１０ｇ</t>
  </si>
  <si>
    <t>ミツカン　麺＆鍋大陸キムチチゲスープの素１２７０ｇ</t>
  </si>
  <si>
    <t>１２７０ｇ</t>
  </si>
  <si>
    <t>城山ちゃんこ</t>
  </si>
  <si>
    <t>城山食品</t>
  </si>
  <si>
    <t>ｼﾛﾔﾏ</t>
  </si>
  <si>
    <t>極みのかに鍋つゆ</t>
  </si>
  <si>
    <t>ﾜｿｳﾎﾝﾎﾟ</t>
  </si>
  <si>
    <t>極みの梅かつお鍋つゆ</t>
  </si>
  <si>
    <t>ツユザンマイ　ストレ-ト</t>
  </si>
  <si>
    <t>鶏だしコク鍋つゆ</t>
  </si>
  <si>
    <t>30ml×4袋入</t>
  </si>
  <si>
    <t>長崎ちゃんぽん鍋つゆ</t>
  </si>
  <si>
    <t>30ml×4P</t>
  </si>
  <si>
    <t>九州だし寄せ鍋つゆ</t>
  </si>
  <si>
    <t>香り立つゆず鍋つゆ</t>
  </si>
  <si>
    <t>麦みそちゃんこ鍋つゆ</t>
  </si>
  <si>
    <t>醤辛旨みそ鍋つゆ</t>
  </si>
  <si>
    <t>My鍋牛骨コムタン</t>
  </si>
  <si>
    <t>20g×4個入</t>
  </si>
  <si>
    <t>ＣＪ_ＦＯＯＤＳ_ＪＡＰＡＮ</t>
  </si>
  <si>
    <t>CJｼﾞｬﾊﾟﾝ</t>
  </si>
  <si>
    <t>My鍋海鮮スントゥブ</t>
  </si>
  <si>
    <t>シージェイジャパン</t>
  </si>
  <si>
    <t>My鍋熟成キムチチゲ</t>
  </si>
  <si>
    <t>エバラＣＪフレッシュフーズ</t>
  </si>
  <si>
    <t>松</t>
  </si>
  <si>
    <t>楽チン鍋韓福善のキムチ鍋つゆ</t>
  </si>
  <si>
    <t>楽チン鍋地鶏だし塩鍋つゆ</t>
  </si>
  <si>
    <t>PREMIUM比内地鶏だしつゆ醤油</t>
  </si>
  <si>
    <t>赤から鍋スティック</t>
  </si>
  <si>
    <t>232g</t>
  </si>
  <si>
    <t>赤からしゃぶしゃぶの素</t>
  </si>
  <si>
    <t>216g</t>
  </si>
  <si>
    <t>黒から鍋スティック</t>
  </si>
  <si>
    <t>224g</t>
  </si>
  <si>
    <t>赤からカレー鍋スティック</t>
  </si>
  <si>
    <t>味仙台湾ラーメン鍋つゆ</t>
  </si>
  <si>
    <t>80g×2P</t>
  </si>
  <si>
    <t>ｺｰﾐ</t>
  </si>
  <si>
    <t>寿がきや　和風とんこつ鍋つゆスティック</t>
  </si>
  <si>
    <t>寿がきや　台湾ラーメン鍋つゆスティック</t>
  </si>
  <si>
    <t>135.2g</t>
  </si>
  <si>
    <t>ウエスト監修博多もつ鍋</t>
  </si>
  <si>
    <t>名店コラボ鍋ますたに</t>
  </si>
  <si>
    <t>2P</t>
  </si>
  <si>
    <t>日清食品</t>
  </si>
  <si>
    <t>ﾆｯｼﾝｼｮｸﾋﾝ</t>
  </si>
  <si>
    <t>名店コラボ鍋篝鶏白湯</t>
  </si>
  <si>
    <t>名店コラボ鍋千里眼</t>
  </si>
  <si>
    <t>岩下の新生姜鍋スープミニパック</t>
  </si>
  <si>
    <t>天下一品監修こってりの素</t>
  </si>
  <si>
    <t>名店監修鍋の素すみれ札幌濃厚みそ味</t>
  </si>
  <si>
    <t>172g</t>
  </si>
  <si>
    <t>名店監修鍋の素一風堂博多とんこつ味</t>
  </si>
  <si>
    <t>名店監修鍋の素天下一品京都鶏白湯味</t>
  </si>
  <si>
    <t>博多華味鳥鶏すき鍋の素</t>
  </si>
  <si>
    <t>トリゼンフーズ</t>
  </si>
  <si>
    <t>ﾄﾘｾﾞﾝﾌｰｽﾞ</t>
  </si>
  <si>
    <t>博多華味鳥うまいのもと鶏白湯鍋濃縮タイプ</t>
  </si>
  <si>
    <t>博多華味鳥うまいのもともつ鍋濃縮タイプ</t>
  </si>
  <si>
    <t>博多華味鳥うまいのもと料亭の和だし鍋濃縮タイプ</t>
  </si>
  <si>
    <t>2人前以上</t>
  </si>
  <si>
    <t>テンジャンナベノモト</t>
  </si>
  <si>
    <t>とまと鍋スープ</t>
  </si>
  <si>
    <t>＜スープ＞</t>
  </si>
  <si>
    <t>1　パック</t>
  </si>
  <si>
    <t>比内鶏スープ</t>
  </si>
  <si>
    <t>1　袋</t>
  </si>
  <si>
    <t>もつ鍋スープ</t>
  </si>
  <si>
    <t>寄せ鍋スープ</t>
  </si>
  <si>
    <t>比内地鶏だし</t>
  </si>
  <si>
    <t>1　本</t>
  </si>
  <si>
    <t>比内地鶏スープ</t>
  </si>
  <si>
    <t>カナカン金沢おでんだし8gX8P</t>
  </si>
  <si>
    <t>8GX8P</t>
  </si>
  <si>
    <t>カナカン</t>
  </si>
  <si>
    <t>ｶﾈﾋﾁ</t>
  </si>
  <si>
    <t>海鮮チゲスープ</t>
  </si>
  <si>
    <t>キムチチゲスープ</t>
  </si>
  <si>
    <t>４００Ｇ</t>
  </si>
  <si>
    <t>テンジャンチゲスープ</t>
  </si>
  <si>
    <t>ﾋｶﾘ</t>
  </si>
  <si>
    <t>塩鍋スープ</t>
  </si>
  <si>
    <t>キムチ鍋　ストレート</t>
  </si>
  <si>
    <t>寄せ鍋　ストレート</t>
  </si>
  <si>
    <t>ちゃんこ鍋　ストレート</t>
  </si>
  <si>
    <t>鶏野菜鍋　ストレート</t>
  </si>
  <si>
    <t>豚みそちゃんこ鍋つゆ</t>
  </si>
  <si>
    <t>ストレートキムチ鍋つゆ</t>
  </si>
  <si>
    <t>ストレート寄せ鍋つゆ</t>
  </si>
  <si>
    <t>ストレートちゃんこ鍋つゆ</t>
  </si>
  <si>
    <t>ストレート鶏野菜鍋つゆ</t>
  </si>
  <si>
    <t>ストレート豚みそちゃんこ鍋</t>
  </si>
  <si>
    <t>720g</t>
  </si>
  <si>
    <t>甲羅かにすきだしストレート</t>
  </si>
  <si>
    <t>かにすきストレート</t>
  </si>
  <si>
    <t>ストレートかにすきつゆ</t>
  </si>
  <si>
    <t>イチビキちゃんこ鍋</t>
  </si>
  <si>
    <t>野菜がおいしい寄せ鍋つゆ</t>
  </si>
  <si>
    <t>コムタン風豆乳鍋</t>
  </si>
  <si>
    <t>味噌とんこつ鍋スープ</t>
  </si>
  <si>
    <t>ごまみそ鍋</t>
  </si>
  <si>
    <t>鶏白湯鍋スープ</t>
  </si>
  <si>
    <t>とり野菜みそ鍋　豆乳鍋</t>
  </si>
  <si>
    <t>豆乳鍋スープパウチ</t>
  </si>
  <si>
    <t>豆乳鍋スープ</t>
  </si>
  <si>
    <t>塩ちゃんこ鍋スープ</t>
  </si>
  <si>
    <t>よーじやカフェ桜海老のクリー</t>
  </si>
  <si>
    <t>14Ｇ</t>
  </si>
  <si>
    <t>味覇具だくさんスープ</t>
  </si>
  <si>
    <t>14ｇ</t>
  </si>
  <si>
    <t>ホンカクキムチ</t>
  </si>
  <si>
    <t>ｴﾊﾞﾗちゃんこ鍋の素　塩味</t>
  </si>
  <si>
    <t>ｴﾊﾞﾗ寄せ鍋の素</t>
  </si>
  <si>
    <t>ごま豆乳鍋の素</t>
  </si>
  <si>
    <t>なべしゃぶガーリックトマトつゆ</t>
  </si>
  <si>
    <t>２００Ｇ</t>
  </si>
  <si>
    <t>トマト＆豆乳仕立て野菜たっぷりス</t>
  </si>
  <si>
    <t>20Ｇ</t>
  </si>
  <si>
    <t>ｵｵﾓﾘﾔ</t>
  </si>
  <si>
    <t>粉de鍋だし旨寄せ鍋8人前</t>
  </si>
  <si>
    <t>鍋de濃厚とり塩鍋8人前</t>
  </si>
  <si>
    <t>粉de鍋コク旨キムチ鍋8人前</t>
  </si>
  <si>
    <t>だし旨寄せ鍋つゆ</t>
  </si>
  <si>
    <t>濃厚とり塩鍋つゆ</t>
  </si>
  <si>
    <t>コク旨キムチ鍋つゆ</t>
  </si>
  <si>
    <t>然舎とらふぐ鍋</t>
  </si>
  <si>
    <t>博多もつ鍋の素みそ味</t>
  </si>
  <si>
    <t>博多もつ鍋の素しょうゆ味</t>
  </si>
  <si>
    <t>ちゃんこ鍋の素みそ味</t>
  </si>
  <si>
    <t>ちゃんこ鍋の素しょうゆ味</t>
  </si>
  <si>
    <t>まろやか味噌豆乳鍋スープ</t>
  </si>
  <si>
    <t>おとうふの甘酒豆乳仕立てスープ</t>
  </si>
  <si>
    <t>１５ｇ</t>
  </si>
  <si>
    <t>ﾆｯｼﾝ</t>
  </si>
  <si>
    <t>和風カレー鍋つゆ</t>
  </si>
  <si>
    <t>ﾓﾂﾅﾍﾞﾂﾕ</t>
  </si>
  <si>
    <t>うまみそ鍋つゆストレート</t>
  </si>
  <si>
    <t>寄せ鍋</t>
  </si>
  <si>
    <t>塩ちゃんこ鍋</t>
  </si>
  <si>
    <t>白湯風ちゃんぽん鍋スープ</t>
  </si>
  <si>
    <t>ﾆｯｽｲ</t>
  </si>
  <si>
    <t>とんこつしょうゆ鍋スープ</t>
  </si>
  <si>
    <t>ごま豆乳鍋</t>
  </si>
  <si>
    <t>博多水炊き鍋スープ</t>
  </si>
  <si>
    <t>味噌ちゃんこ鍋スープ</t>
  </si>
  <si>
    <t>ごま豆乳鍋スープ</t>
  </si>
  <si>
    <t>〆まで旨いらーめんスープ鍋　豚骨塩</t>
  </si>
  <si>
    <t>〆まで旨いらーめんスープ鍋　辛味噌</t>
  </si>
  <si>
    <t>鶏三和名古屋コーチン地鶏だし塩鍋つゆ</t>
  </si>
  <si>
    <t>ｻﾝﾜｺｰﾎﾟﾚｰｼ</t>
  </si>
  <si>
    <t>鶏三和名古屋コーチン地鶏だし塩にんにく鍋つゆ</t>
  </si>
  <si>
    <t>トマトで手作りスープの素１５ｇ</t>
  </si>
  <si>
    <t>1　C/S</t>
  </si>
  <si>
    <t>ちゃんこ鍋スープみそ味</t>
  </si>
  <si>
    <t>1袋</t>
  </si>
  <si>
    <t>ちゃんこ鍋スープ醤油味</t>
  </si>
  <si>
    <t>大根みそキムチ鍋スープ</t>
  </si>
  <si>
    <t>キャベツたっぷり旨塩鍋スープ</t>
  </si>
  <si>
    <t>コーンポタージュ鍋スープ</t>
  </si>
  <si>
    <t>白菜塩とんこつ鍋スープ</t>
  </si>
  <si>
    <t>もやしちゃんぽん鍋スープ</t>
  </si>
  <si>
    <t>ねぎ味噌鍋スープ</t>
  </si>
  <si>
    <t>720　ｇ</t>
  </si>
  <si>
    <t>キムチ鍋のたれ（日本食研）</t>
  </si>
  <si>
    <t>塩ちゃんこ鍋のたれ（日本食研）</t>
  </si>
  <si>
    <t>プレミアムきのこ豆乳鍋スープ</t>
  </si>
  <si>
    <t>ピェンロー鍋スープ</t>
  </si>
  <si>
    <t>キャベツ旨塩鍋スープ</t>
  </si>
  <si>
    <t>きのこ中華風鍋スープ　７２０ｇ</t>
  </si>
  <si>
    <t>ねぎ濃厚噌鍋スープ</t>
  </si>
  <si>
    <t>芋炊きのたれ</t>
  </si>
  <si>
    <t>コク深鶏白湯鍋の素</t>
  </si>
  <si>
    <t>コク深ごま坦ー鍋の素</t>
  </si>
  <si>
    <t>白菜しょうゆ鍋スープ</t>
  </si>
  <si>
    <t>ナベヨウスープ（ヤサイ）</t>
  </si>
  <si>
    <t>ナベヨウスープ（キノコ）</t>
  </si>
  <si>
    <t>博多水炊きスープ</t>
  </si>
  <si>
    <t>鍋つゆ　だし醤油味</t>
  </si>
  <si>
    <t>鍋つゆ　キムチ味</t>
  </si>
  <si>
    <t>鍋つゆ　塩味</t>
  </si>
  <si>
    <t>オニオンリングの素</t>
  </si>
  <si>
    <t>トマトと卵で作る酸辣湯セット</t>
  </si>
  <si>
    <t>野菜をいっぱい食べる鍋信州味噌鍋用セット</t>
  </si>
  <si>
    <t>みそ鍋スープ</t>
  </si>
  <si>
    <t>とんこつ鍋スープ</t>
  </si>
  <si>
    <t>寄せ鍋の素</t>
  </si>
  <si>
    <t>塩バタ-鍋の素</t>
  </si>
  <si>
    <t>創味シャンタン寄せ鍋胡麻醤油</t>
  </si>
  <si>
    <t>創味シャンタン塩鍋</t>
  </si>
  <si>
    <t>ごま豆乳鍋つゆ</t>
  </si>
  <si>
    <t>キムチ鍋つゆ</t>
  </si>
  <si>
    <t>ゆず塩鍋つゆ</t>
  </si>
  <si>
    <t>こく旨みそ鍋つゆ</t>
  </si>
  <si>
    <t>鍋つゆ白味噌仕立てごま豆乳</t>
  </si>
  <si>
    <t>鍋つゆ鶏だし醤油もやし鍋つゆ</t>
  </si>
  <si>
    <t>鍋つゆ鶏塩仕立て白菜鍋</t>
  </si>
  <si>
    <t>鍋つゆマイルドな味わいとんこつ</t>
  </si>
  <si>
    <t>鶏だし旨塩鍋つゆ</t>
  </si>
  <si>
    <t>鍋つゆ生姜香る鶏白湯</t>
  </si>
  <si>
    <t>鍋つゆにんにく香る濃厚みそ</t>
  </si>
  <si>
    <t>鍋つゆ焼あごだし</t>
  </si>
  <si>
    <t>鍋つゆキムチ</t>
  </si>
  <si>
    <t>鍋つゆ寄せ鍋</t>
  </si>
  <si>
    <t>鍋つゆちゃんぽん</t>
  </si>
  <si>
    <t>鍋つゆ　まろやか醤油味</t>
  </si>
  <si>
    <t>鍋つゆ　うま辛味</t>
  </si>
  <si>
    <t>きりたんぽスープ</t>
  </si>
  <si>
    <t>エバラ坦々ごま鍋の素</t>
  </si>
  <si>
    <t>李錦記　八宝菜</t>
  </si>
  <si>
    <t>辛子みそ</t>
  </si>
  <si>
    <t>宮崎辛麺鍋スープ</t>
  </si>
  <si>
    <t>ﾓﾔｼによくあう野菜鍋ｽｰﾌﾟﾁｬﾝﾎﾟﾝ味</t>
  </si>
  <si>
    <t>サン食品</t>
  </si>
  <si>
    <t>ｱﾄﾞﾊﾞﾝｽ</t>
  </si>
  <si>
    <t>杠シェフこだわりのもつ鍋スープ醤油味</t>
  </si>
  <si>
    <t>ﾓﾗﾝﾎﾞﾝ</t>
  </si>
  <si>
    <t>岡部シェフこだわりの鶏白湯鍋つゆ</t>
  </si>
  <si>
    <t>甲斐シェフこだわりの坦坦鍋つゆ</t>
  </si>
  <si>
    <t>〆まで美味しいキムチ鍋つゆストレート750g3個セット</t>
  </si>
  <si>
    <t>〆まで美味しいごま豆乳鍋つゆストレート750g3個セット</t>
  </si>
  <si>
    <t>鍋つゆ味噌・醤油4個セット</t>
  </si>
  <si>
    <t>お家で赤から5種セット</t>
  </si>
  <si>
    <t>5ｼｭｾｯﾄ</t>
  </si>
  <si>
    <t>海鮮_キムチ鍋スープ</t>
  </si>
  <si>
    <t>ネクストレード</t>
  </si>
  <si>
    <t>ﾈｸｽﾄﾚｰﾄﾞ</t>
  </si>
  <si>
    <t>あんこう鍋スープ</t>
  </si>
  <si>
    <t>かき鍋スープ</t>
  </si>
  <si>
    <t>水炊鍋スープ</t>
  </si>
  <si>
    <t>スンドゥブチゲスープ</t>
  </si>
  <si>
    <t>シャイン・オリエンタル・トレーディング</t>
  </si>
  <si>
    <t>ｼｬｲﾝ</t>
  </si>
  <si>
    <t>ダシが美味しい寄せ鍋つゆ</t>
  </si>
  <si>
    <t>パワー・ブレン</t>
  </si>
  <si>
    <t>ｸﾛｰｻｰ</t>
  </si>
  <si>
    <t>ダシが美味しいちゃんこ鍋つゆ</t>
  </si>
  <si>
    <t>ダシが美味しいキムチ鍋つゆ</t>
  </si>
  <si>
    <t>白バラ牛乳使用　牛乳屋さんの美味しい鍋スープ</t>
  </si>
  <si>
    <t>ｱｲﾃﾞｱﾊﾟｯｹｰ</t>
  </si>
  <si>
    <t>ひかり食彩</t>
  </si>
  <si>
    <t>ﾋｶﾘｼｮｸｻｲ</t>
  </si>
  <si>
    <t>海鮮塩鍋スープ</t>
  </si>
  <si>
    <t>味噌バター鍋</t>
  </si>
  <si>
    <t>サン・エンタープライズ</t>
  </si>
  <si>
    <t>ｻﾝ･ｴﾝﾀｰ</t>
  </si>
  <si>
    <t>もつ鍋の素（しょうゆ味）</t>
  </si>
  <si>
    <t>寄せ鍋の素（しょうゆ味</t>
  </si>
  <si>
    <t>ちゃんこ鍋の素（みそ味）</t>
  </si>
  <si>
    <t>火鍋</t>
  </si>
  <si>
    <t>生姜鶏鍋の素</t>
  </si>
  <si>
    <t>大和産業</t>
  </si>
  <si>
    <t>ﾁｰｽﾞ豆乳鍋の素</t>
  </si>
  <si>
    <t>九州麦味噌鍋の素</t>
  </si>
  <si>
    <t>ダシダ本格鍋つゆ参鶏湯の素</t>
  </si>
  <si>
    <t>ｼｰｼﾞｪｲｼﾞｬﾊ</t>
  </si>
  <si>
    <t>とり野菜みそ鍋</t>
  </si>
  <si>
    <t>とり野菜みそ鍋スープ</t>
  </si>
  <si>
    <t>ピリ辛とり野菜ストレート鍋スープ</t>
  </si>
  <si>
    <t>とり野菜みそ胡椒鍋スープ</t>
  </si>
  <si>
    <t>鍋キューブ生姜みそ鍋8個入パウチ</t>
  </si>
  <si>
    <t>カレー鍋つゆ</t>
  </si>
  <si>
    <t>おでんつゆストレートタイプ</t>
  </si>
  <si>
    <t>豚みそちゃんこ鍋スープ</t>
  </si>
  <si>
    <t>豆乳鍋</t>
  </si>
  <si>
    <t>益荒雄　ちゃんこ鍋つゆ鶏塩ゆず</t>
  </si>
  <si>
    <t>益荒雄　ちゃんこ鍋つゆえりも昆布</t>
  </si>
  <si>
    <t>益荒雄　ちゃんこ鍋つゆみそ</t>
  </si>
  <si>
    <t>ストレート赤から激辛夏鍋スープ</t>
  </si>
  <si>
    <t>キムチ鍋スープ　ストレート</t>
  </si>
  <si>
    <t>ストレートごまみそ豆乳鍋スープ</t>
  </si>
  <si>
    <t>ストレートとんこつ味噌鍋スープ</t>
  </si>
  <si>
    <t>ストレートみそキムチ鍋スープ</t>
  </si>
  <si>
    <t>赤から鍋スープ3番</t>
  </si>
  <si>
    <t>赤から鍋スープ1番</t>
  </si>
  <si>
    <t>赤から鍋スープ5番</t>
  </si>
  <si>
    <t>みぞれ寄せ鍋ストレート</t>
  </si>
  <si>
    <t>坦々ごまみそ鍋ストレート</t>
  </si>
  <si>
    <t>しょうが糀鍋　ストレート</t>
  </si>
  <si>
    <t>塩糀鍋つゆ</t>
  </si>
  <si>
    <t>鶏野菜鍋つゆ</t>
  </si>
  <si>
    <t>ストレート担々ごまみそ鍋つゆ</t>
  </si>
  <si>
    <t>うにの豆乳クリーム鍋つゆ</t>
  </si>
  <si>
    <t>ストレートキムチ鍋</t>
  </si>
  <si>
    <t>鬼鍋キムチ鍋</t>
  </si>
  <si>
    <t>鬼鍋地鶏鍋スープ</t>
  </si>
  <si>
    <t>ストレート鬼鍋濃厚焦がし味噌鍋スープ</t>
  </si>
  <si>
    <t>鬼鍋コク旨焦がし醤油鍋スープ</t>
  </si>
  <si>
    <t>鬼鍋濃厚煮干豚骨鍋スープ</t>
  </si>
  <si>
    <t>コク旨熟成味噌鍋スープ</t>
  </si>
  <si>
    <t>ストレートよしもとカレー鍋つゆ</t>
  </si>
  <si>
    <t>ちゃんこ鍋　１８０ｇ</t>
  </si>
  <si>
    <t>キムチ鍋　１８０ｇ</t>
  </si>
  <si>
    <t>ちゃんこ鍋ス-プ</t>
  </si>
  <si>
    <t>たっぷり寄せ鍋スープ</t>
  </si>
  <si>
    <t>ごまみそ鍋スープ</t>
  </si>
  <si>
    <t>麻婆鍋スープ</t>
  </si>
  <si>
    <t>みそとんこつ鍋スープ</t>
  </si>
  <si>
    <t>とり野菜みそ鍋　ごまみそ</t>
  </si>
  <si>
    <t>ちゃんこ鍋つゆ醤油</t>
  </si>
  <si>
    <t>ちゃんこ鍋つゆ塩</t>
  </si>
  <si>
    <t>ちゃんこ鍋つゆ味噌</t>
  </si>
  <si>
    <t>マイルドキムチ鍋の素</t>
  </si>
  <si>
    <t>豆乳キムチ鍋の素</t>
  </si>
  <si>
    <t>キムチ鍋の素　パウチ</t>
  </si>
  <si>
    <t>寄せ鍋の素　パウチ</t>
  </si>
  <si>
    <t>中華風麻辣鍋の素　パウチ</t>
  </si>
  <si>
    <t>もつ鍋の素あっさり醤油</t>
  </si>
  <si>
    <t>もつ鍋の素まろやかみそ</t>
  </si>
  <si>
    <t>担々ごま鍋の素</t>
  </si>
  <si>
    <t>ｺﾗｰｹﾞﾝ鍋の素</t>
  </si>
  <si>
    <t>エバラ　ラーメンスープ鍋の素ちゃんぽん味</t>
  </si>
  <si>
    <t>韓国チゲの素　スンドゥブチゲ</t>
  </si>
  <si>
    <t>韓国チゲの素　ソルロンタン風</t>
  </si>
  <si>
    <t>世界の山ちゃんうま塩とり鍋</t>
  </si>
  <si>
    <t>エバラ　冷製スンドゥブチゲ風</t>
  </si>
  <si>
    <t>エバラ　冷製チョゲタン風</t>
  </si>
  <si>
    <t>辛くないスンドゥブチゲ風</t>
  </si>
  <si>
    <t>小鍋でおかず担々ごま鍋の素</t>
  </si>
  <si>
    <t>小鍋でおかずスンドゥブチゲの素</t>
  </si>
  <si>
    <t>なべしゃぶ柑橘醤油つゆ</t>
  </si>
  <si>
    <t>なべしゃぶ牛だしつゆ</t>
  </si>
  <si>
    <t>100g×2袋入</t>
  </si>
  <si>
    <t>なべしゃぶ鶏がら醤油つゆ</t>
  </si>
  <si>
    <t>エバラ　なべしゃぶ　完熟トマトつゆ　１００ｇ×２袋</t>
  </si>
  <si>
    <t>100GX2ﾌｸﾛ</t>
  </si>
  <si>
    <t>なべしゃぶ焼あごだしつゆ</t>
  </si>
  <si>
    <t>100g×2P</t>
  </si>
  <si>
    <t>焼肉鍋コチュジャン醤油味</t>
  </si>
  <si>
    <t>焼肉鍋うま塩にんにく味</t>
  </si>
  <si>
    <t>なべしゃぶ貝だしつゆ</t>
  </si>
  <si>
    <t>95g×2</t>
  </si>
  <si>
    <t>旨辛チリトマト鍋スープ</t>
  </si>
  <si>
    <t>甘熟トマト鍋</t>
  </si>
  <si>
    <t>トマト坦々鍋スープ</t>
  </si>
  <si>
    <t>完熟トマト仕立ロ－ルキャベツ</t>
  </si>
  <si>
    <t>甘熟トマト鍋鍋用スープ</t>
  </si>
  <si>
    <t>完熟トマト鍋</t>
  </si>
  <si>
    <t>トマトすきやき鍋</t>
  </si>
  <si>
    <t>甘熟トマト鍋　鍋用スープ</t>
  </si>
  <si>
    <t>海鮮スープのトマト鍋　鍋用スープ</t>
  </si>
  <si>
    <t>やさいポタージュ鍋スープ</t>
  </si>
  <si>
    <t>PLUS鍋_国産野菜だしの豆乳鍋ｽｰﾌﾟ</t>
  </si>
  <si>
    <t>152g</t>
  </si>
  <si>
    <t>発酵だし　焙煎ごま鍋つゆ</t>
  </si>
  <si>
    <t>340G</t>
  </si>
  <si>
    <t>発酵だし旨辛肉だし鍋つゆ</t>
  </si>
  <si>
    <t>ｷｯｺｰﾏﾝｼｮｸﾋ</t>
  </si>
  <si>
    <t>発酵だしとろける豆乳鍋つゆ</t>
  </si>
  <si>
    <t>発酵だし海老だし鍋つゆ</t>
  </si>
  <si>
    <t>濃厚豆乳鍋つゆまろやか担々</t>
  </si>
  <si>
    <t>濃厚豆乳鍋つゆ香る鰹だし</t>
  </si>
  <si>
    <t>発酵だし旨辛鶏だし鍋つゆ</t>
  </si>
  <si>
    <t>濃厚白だし豆乳鍋</t>
  </si>
  <si>
    <t>濃厚キムチ豆乳鍋</t>
  </si>
  <si>
    <t>よせ鍋つゆかつおだし醤油</t>
  </si>
  <si>
    <t>よせ鍋つゆ帆立だし塩味</t>
  </si>
  <si>
    <t>醤で肉を炒めるキムチ鍋</t>
  </si>
  <si>
    <t>チーズ豆乳鍋スープ</t>
  </si>
  <si>
    <t>うちのごはん鶏と根菜のうま煮</t>
  </si>
  <si>
    <t>127g</t>
  </si>
  <si>
    <t>塩麹でつくる白湯鍋スープ</t>
  </si>
  <si>
    <t>味チェンジ鍋つゆ　ちゃんこ・白湯</t>
  </si>
  <si>
    <t>味チェンジ鍋つゆ　鶏がら塩・担々</t>
  </si>
  <si>
    <t>豆乳鍋つゆ　まろやか塩</t>
  </si>
  <si>
    <t>豆乳鍋つゆ　ほんのり味噌</t>
  </si>
  <si>
    <t>贅沢だしがおいしい鴨だし鍋つゆ</t>
  </si>
  <si>
    <t>贅沢だしがおいしい　鰹だしよせ鍋つゆ</t>
  </si>
  <si>
    <t>贅沢海老だし鍋つゆ</t>
  </si>
  <si>
    <t>鍋パスタ　なめらかクリーム味</t>
  </si>
  <si>
    <t>鍋パスタ　うまみのトマト味</t>
  </si>
  <si>
    <t>みそラーメンが鍋になりました　鍋スープ＆〆のラーメンセット</t>
  </si>
  <si>
    <t>284g</t>
  </si>
  <si>
    <t>サンヨー食品</t>
  </si>
  <si>
    <t>ｻﾝﾖ-ｼｮｸﾋﾝ</t>
  </si>
  <si>
    <t>塩らーめんが鍋になりました　鍋スープ＆〆のラーメンセット</t>
  </si>
  <si>
    <t>278g</t>
  </si>
  <si>
    <t>宮城かき鍋のつゆ</t>
  </si>
  <si>
    <t>青森せんべい汁のつゆ</t>
  </si>
  <si>
    <t>よせ鍋だし6倍濃縮</t>
  </si>
  <si>
    <t>マルキン</t>
  </si>
  <si>
    <t>大阪うどんすき鍋つゆ</t>
  </si>
  <si>
    <t>徳島ラーメン鍋スープ</t>
  </si>
  <si>
    <t>難波肉吸い鍋つゆ</t>
  </si>
  <si>
    <t>大阪鶴橋辛ジャン鍋つゆ</t>
  </si>
  <si>
    <t>もつ鍋スープ醤油味</t>
  </si>
  <si>
    <t>博多もつ鍋スープみそ味</t>
  </si>
  <si>
    <t>スニドゥブチゲ</t>
  </si>
  <si>
    <t>豆腐チゲスープ</t>
  </si>
  <si>
    <t>じゃがいもと豚肉煮込み鍋スープ</t>
  </si>
  <si>
    <t>博多とんこつラーメン鍋スーフ</t>
  </si>
  <si>
    <t>ちゃんぽん鍋</t>
  </si>
  <si>
    <t>うまかあごだし鍋つゆ</t>
  </si>
  <si>
    <t>然舎甘酒鍋</t>
  </si>
  <si>
    <t>ニビシ然舎はかた地どりだし塩鍋</t>
  </si>
  <si>
    <t>733g</t>
  </si>
  <si>
    <t>博多とんこつだし</t>
  </si>
  <si>
    <t>タットリタン風鍋スープ</t>
  </si>
  <si>
    <t>スパイシーケイジャン鍋スープ</t>
  </si>
  <si>
    <t>SOUP食堂スープカレー</t>
  </si>
  <si>
    <t>〆まで美味しい地鶏塩ちゃんこ鍋つゆ</t>
  </si>
  <si>
    <t>〆まで美味しい_博多水炊きスープ</t>
  </si>
  <si>
    <t>〆まで美味しい海鮮だし塩鍋</t>
  </si>
  <si>
    <t>〆まで美味しい濃厚みそ鍋</t>
  </si>
  <si>
    <t>〆まで美味しいとんこつしょうゆ鍋</t>
  </si>
  <si>
    <t>〆まで美味しいＷスープのしお鍋つゆストレート</t>
  </si>
  <si>
    <t>麻婆鍋つゆストレート</t>
  </si>
  <si>
    <t>〆まで美味しい寄せ鍋つゆ</t>
  </si>
  <si>
    <t>キムチ鍋つゆ　ストレート</t>
  </si>
  <si>
    <t>ちゃんこ鍋つゆ_ストレート</t>
  </si>
  <si>
    <t>〆まで美味しいごま豆乳鍋</t>
  </si>
  <si>
    <t>〆まで美味しいスンドゥブ鍋つゆ750g</t>
  </si>
  <si>
    <t>〆まで美味しいごま担々鍋つゆ</t>
  </si>
  <si>
    <t>〆まで美味しい_スンドゥブ鍋つゆ</t>
  </si>
  <si>
    <t>寄せ鍋つゆストレート</t>
  </si>
  <si>
    <t>キムチ鍋つゆストレート</t>
  </si>
  <si>
    <t>ちゃんこ鍋つゆストレート</t>
  </si>
  <si>
    <t>ちゃんぽん鍋つゆ　ストレート</t>
  </si>
  <si>
    <t>とんこつしょうゆ鍋ストレート</t>
  </si>
  <si>
    <t>とんこつみそストレート</t>
  </si>
  <si>
    <t>とんこつ塩ストレート</t>
  </si>
  <si>
    <t>うまみそ鍋ストレート赤べえ</t>
  </si>
  <si>
    <t>鶏がらしお鍋ストレート白べえ</t>
  </si>
  <si>
    <t>とんこつしょうゆ鍋つゆ</t>
  </si>
  <si>
    <t>とりだんご鍋ストレート</t>
  </si>
  <si>
    <t>〆まで美味しいキムチ鍋つゆ</t>
  </si>
  <si>
    <t>〆まで美味しい濃厚鶏白湯鍋つゆ</t>
  </si>
  <si>
    <t>〆まで美味しい蟹風味チゲスープ　ストレート</t>
  </si>
  <si>
    <t>〆まで美味しい　和風とんこつ鍋つゆ</t>
  </si>
  <si>
    <t>〆まで美味しい　うま辛みそ鍋つゆ</t>
  </si>
  <si>
    <t>〆まで美味しい地鶏味噌ちゃんこ鍋つゆ</t>
  </si>
  <si>
    <t>〆まで美味しいすき焼き鍋つゆ</t>
  </si>
  <si>
    <t>焙煎ごま鍋つゆ　ストレート</t>
  </si>
  <si>
    <t>〆まで美味しい焼あごだし鍋つゆ</t>
  </si>
  <si>
    <t>〆まで美味しい鶏だし生姜鍋つゆストレート</t>
  </si>
  <si>
    <t>ＮＡＢＥ　ＴＨＥ　ＰＲＥＭＩＵＭ濃旨キムチ鍋</t>
  </si>
  <si>
    <t>ＮＡＢＥ　ＴＨＥ　ＰＲＥＭＩＵＭ焙煎ごま豆乳鍋</t>
  </si>
  <si>
    <t>〆まで美味しいチーズで仕上げるポトフ鍋</t>
  </si>
  <si>
    <t>〆まで美味しいミネストローネ鍋スープST</t>
  </si>
  <si>
    <t>ふたりPREMIUM旨辛キムチ鍋</t>
  </si>
  <si>
    <t>ふたりPREMIUM焙煎ごま豆乳鍋</t>
  </si>
  <si>
    <t>ミツカン　ふたりＰＲＥＭＩＵＭ鯛だし寄せ鍋５００ｇ</t>
  </si>
  <si>
    <t>おふたりさま旨辛キムチ鍋</t>
  </si>
  <si>
    <t>おふたりさま焙煎ごま豆乳鍋</t>
  </si>
  <si>
    <t>〆まで美味しい炒めにんにく醤油鍋つゆストレート</t>
  </si>
  <si>
    <t>〆まで美味しいエスニックしゃぶベトナムフォー</t>
  </si>
  <si>
    <t>旨鶏しお辛鍋つゆ</t>
  </si>
  <si>
    <t>濃厚とんこつ辛鍋つゆ</t>
  </si>
  <si>
    <t>W味噌辛鍋つゆ</t>
  </si>
  <si>
    <t>辛屋濃厚とんこつ鍋つゆ</t>
  </si>
  <si>
    <t>〆まで美味しいごま豆乳鍋つゆ赤</t>
  </si>
  <si>
    <t>辛屋やみつき醤油鍋つゆ</t>
  </si>
  <si>
    <t>辛屋ダブル味噌鍋つゆ</t>
  </si>
  <si>
    <t>〆まで美味しいまろみそ鍋つゆ</t>
  </si>
  <si>
    <t>爆食野菜マシマシニンニク醤油鍋スープ</t>
  </si>
  <si>
    <t>爆食野菜マシマシニンニク味噌鍋スープ</t>
  </si>
  <si>
    <t>〆まで美味しい蛤のマリニエール風チーズストレート</t>
  </si>
  <si>
    <t>〆まで美味しい北海道産ほたてと蛤の貝だし鍋つゆ</t>
  </si>
  <si>
    <t>〆まで美味しい　すきしゃぶつゆ</t>
  </si>
  <si>
    <t>スープしゃぶ極みだしストレート</t>
  </si>
  <si>
    <t>キムチ鍋スープ（３倍濃縮）</t>
  </si>
  <si>
    <t>カレー鍋スープ</t>
  </si>
  <si>
    <t>夏のカレー鍋</t>
  </si>
  <si>
    <t>鍋ぶん_カレー鍋スープ</t>
  </si>
  <si>
    <t>鍋ぶん_豆乳鍋スープ</t>
  </si>
  <si>
    <t>鍋ぶん_坦々鍋スープ</t>
  </si>
  <si>
    <t>赤カレー鍋スパイシー</t>
  </si>
  <si>
    <t>トマト鍋</t>
  </si>
  <si>
    <t>キレイを食べるコラーゲン鍋</t>
  </si>
  <si>
    <t>海ぶん鍋ぶんカレー鍋</t>
  </si>
  <si>
    <t>坦々鍋スープ</t>
  </si>
  <si>
    <t>麻辣火鍋の素</t>
  </si>
  <si>
    <t>銀座篝監修鶏白湯Nabeスープ</t>
  </si>
  <si>
    <t>リコピンリッチトマト鍋スープ</t>
  </si>
  <si>
    <t>〆にもこだわるしじみだし寄せ鍋つゆ</t>
  </si>
  <si>
    <t>３食</t>
  </si>
  <si>
    <t>ﾏﾙﾃﾝｼｮｳﾕ</t>
  </si>
  <si>
    <t>てんぷらつゆ2倍</t>
  </si>
  <si>
    <t>〆にもこだわる阿波尾鳥ちゃんこ鍋つゆ</t>
  </si>
  <si>
    <t>４食</t>
  </si>
  <si>
    <t>〆にもこだわる鯛だし寄せ鍋つゆ</t>
  </si>
  <si>
    <t>マルテン　湯豆腐つゆ</t>
  </si>
  <si>
    <t>鍋つゆの素だし塩仕立て</t>
  </si>
  <si>
    <t>鍋つゆの素旨みそ仕立て</t>
  </si>
  <si>
    <t>鍋つゆの素しょうゆ仕立て</t>
  </si>
  <si>
    <t>だしが世界を旨くする　こくみ醤油鍋スープ120ml</t>
  </si>
  <si>
    <t>だしが世界を旨くするうまから味噌鍋スープ120ml</t>
  </si>
  <si>
    <t>冷え知らずさんの生姜豆乳鍋スープ</t>
  </si>
  <si>
    <t>２９．５ｇ</t>
  </si>
  <si>
    <t>冷え知らずさんの生姜バターチキン</t>
  </si>
  <si>
    <t>１９．４ｇ</t>
  </si>
  <si>
    <t>ﾏﾝﾌﾟｸｿｳﾒﾝﾂﾕﾔｷﾆｸｼｮｳﾕ</t>
  </si>
  <si>
    <t>ﾏﾝﾌﾟｸｿｳﾒﾝﾂﾏﾛﾔｶﾀﾝﾀﾝ</t>
  </si>
  <si>
    <t>ﾅﾊﾞﾗﾆｴﾝ</t>
  </si>
  <si>
    <t>ﾏﾝﾌﾟｸｿｳﾒﾝﾂﾕｺｸｶﾚｰ</t>
  </si>
  <si>
    <t>永谷園ふかひれコラーゲン鍋</t>
  </si>
  <si>
    <t>Ｎカレー鍋_和風</t>
  </si>
  <si>
    <t>427g</t>
  </si>
  <si>
    <t>Ｎカレー鍋_洋風クリーミー</t>
  </si>
  <si>
    <t>ｶﾚｰ鍋つゆ_寄せ鍋風</t>
  </si>
  <si>
    <t>425g</t>
  </si>
  <si>
    <t>カレー鍋つゆちゃんこ風</t>
  </si>
  <si>
    <t>カレー鍋つゆピリカラ仕立</t>
  </si>
  <si>
    <t>うまかっちゃんとんこつ鍋つゆ</t>
  </si>
  <si>
    <t>うまかっちゃんとんこつ鍋つゆピリ辛仕立て</t>
  </si>
  <si>
    <t>うまかっちゃん　とんこつ鍋つゆ</t>
  </si>
  <si>
    <t>うまかっちゃん　とんこつ鍋つゆ　こくみそ仕立て</t>
  </si>
  <si>
    <t>子どもがよろこぶカレー鍋つゆ</t>
  </si>
  <si>
    <t>大人が楽しむカレー鍋つゆ</t>
  </si>
  <si>
    <t>もつ鍋のたれしょうゆ味</t>
  </si>
  <si>
    <t>もつ鍋味噌味</t>
  </si>
  <si>
    <t>ちゃんこ大関みそ味</t>
  </si>
  <si>
    <t>ちゃんこ大関</t>
  </si>
  <si>
    <t>地獄鍋つゆ</t>
  </si>
  <si>
    <t>富士甚米こうじ白湯鍋つゆ</t>
  </si>
  <si>
    <t>味噌キムチ鍋</t>
  </si>
  <si>
    <t>742g</t>
  </si>
  <si>
    <t>フジジン　富士味</t>
  </si>
  <si>
    <t>醤油ちゃんこ鍋</t>
  </si>
  <si>
    <t>味噌ちゃんこ鍋</t>
  </si>
  <si>
    <t>もつ鍋トマト味</t>
  </si>
  <si>
    <t>餃子鍋スープ</t>
  </si>
  <si>
    <t>しょうが鍋スープ</t>
  </si>
  <si>
    <t>キムチ鍋ストレ－ト</t>
  </si>
  <si>
    <t>シャキうまもやし鍋</t>
  </si>
  <si>
    <t>塩こうじ鍋</t>
  </si>
  <si>
    <t>ユドウフツユ</t>
  </si>
  <si>
    <t>冷や奴つゆ</t>
  </si>
  <si>
    <t>柚子しおちゃんこ鍋つゆ</t>
  </si>
  <si>
    <t>鴨南蛮鍋つゆ</t>
  </si>
  <si>
    <t>3ｐ</t>
  </si>
  <si>
    <t>地鶏白湯鍋つゆ</t>
  </si>
  <si>
    <t>和牛だし鍋つゆ</t>
  </si>
  <si>
    <t>サッポロみそ鍋つゆ</t>
  </si>
  <si>
    <t>白湯しお鍋つゆ</t>
  </si>
  <si>
    <t>ガラ炊きみそ鍋つゆ</t>
  </si>
  <si>
    <t>ガラ炊きしょうゆ鍋つゆ</t>
  </si>
  <si>
    <t>チゲなべつゆ3倍濃縮</t>
  </si>
  <si>
    <t>スープカレー鍋つゆ</t>
  </si>
  <si>
    <t>札幌仕込濃厚鶏だししょうゆ鍋つゆ</t>
  </si>
  <si>
    <t>札幌仕込濃厚豚がらみそ鍋つゆ</t>
  </si>
  <si>
    <t>北海道石狩鍋つゆ</t>
  </si>
  <si>
    <t>北海道味噌バター鍋つゆ</t>
  </si>
  <si>
    <t>北海道花咲蟹だし醤油鍋つゆ</t>
  </si>
  <si>
    <t>北海道甘えびだし味噌鍋つゆ</t>
  </si>
  <si>
    <t>ごま担担鍋つゆ</t>
  </si>
  <si>
    <t>北海道ほたてバターしょうゆ鍋つゆ</t>
  </si>
  <si>
    <t>北海道しじみだししお鍋つゆ</t>
  </si>
  <si>
    <t>北海道あわびだししょうゆ鍋つゆ</t>
  </si>
  <si>
    <t>GARAKUのカレー鍋つゆ</t>
  </si>
  <si>
    <t>北海道ふぐだし豆乳仕立て鍋つゆ</t>
  </si>
  <si>
    <t>オーホット</t>
  </si>
  <si>
    <t>富士食品工業</t>
  </si>
  <si>
    <t>ﾌｼﾞｼｮｸﾋﾝ</t>
  </si>
  <si>
    <t>棒棒鶏ごまだれ</t>
  </si>
  <si>
    <t>棒棒鶏ねぎしょうゆ</t>
  </si>
  <si>
    <t>きのこづくし鍋スープ</t>
  </si>
  <si>
    <t>ブルドックソース</t>
  </si>
  <si>
    <t>ﾌﾞﾙﾄﾞｯｸ</t>
  </si>
  <si>
    <t>ねぎしゃぶ鍋スープ</t>
  </si>
  <si>
    <t>ブルドック　ねぎしゃぶ鍋スープ</t>
  </si>
  <si>
    <t>ブルドック　きのこづくし鍋スープ</t>
  </si>
  <si>
    <t>ブルドック_ニラ鍋スープ</t>
  </si>
  <si>
    <t>ちゃんこスープ醤油</t>
  </si>
  <si>
    <t>ちゃんこスープみそ</t>
  </si>
  <si>
    <t>キムチ鍋スープみそ</t>
  </si>
  <si>
    <t>味噌ちゃんこ鍋つゆ</t>
  </si>
  <si>
    <t>焙煎ごま鍋つゆ</t>
  </si>
  <si>
    <t>濃厚みそのキムチ鍋つゆ</t>
  </si>
  <si>
    <t>比内地鶏スープ（塩ちゃんこ）</t>
  </si>
  <si>
    <t>700　ｇ</t>
  </si>
  <si>
    <t>比内地鶏スープ（たまり醤油）</t>
  </si>
  <si>
    <t>比内地鶏スープ寄せ鍋</t>
  </si>
  <si>
    <t>比内地鶏スープ濃縮タイプ</t>
  </si>
  <si>
    <t>ミルク鍋の素</t>
  </si>
  <si>
    <t>天草海鮮鍋の素</t>
  </si>
  <si>
    <t>もつ鍋の素</t>
  </si>
  <si>
    <t>148g</t>
  </si>
  <si>
    <t>トマトにゃべ</t>
  </si>
  <si>
    <t>2袋</t>
  </si>
  <si>
    <t>ﾏﾙﾀﾞｲ</t>
  </si>
  <si>
    <t>ＣＵＰＰＯＵチゲ鍋つゆの素</t>
  </si>
  <si>
    <t>ﾏﾙﾀﾞｲｼｮｸﾋﾝ</t>
  </si>
  <si>
    <t>ＣＵＰＰＯＵ寄せ鍋つゆの素</t>
  </si>
  <si>
    <t>火鍋の素　麻辣スープ</t>
  </si>
  <si>
    <t>火鍋の素　鶏清湯スープ</t>
  </si>
  <si>
    <t>もつ鍋専用スープ４００ｇ</t>
  </si>
  <si>
    <t>鍋横丁寄せ鍋</t>
  </si>
  <si>
    <t>ﾒｲｼﾞｾｲｶ</t>
  </si>
  <si>
    <t>鍋横丁もつ鍋</t>
  </si>
  <si>
    <t>横綱地鶏だしちゃんこ鍋スープ醤油</t>
  </si>
  <si>
    <t>横綱地鶏だしちゃんこ鍋スープ味噌（モランボン）</t>
  </si>
  <si>
    <t>750　ｇ</t>
  </si>
  <si>
    <t>ビストロ厨房鶏肉のトマト煮用</t>
  </si>
  <si>
    <t>もつ鍋スープ醤油（モランボン）</t>
  </si>
  <si>
    <t>もつ鍋スープ味噌</t>
  </si>
  <si>
    <t>ごま味噌チゲ鍋スープ（モランボン）</t>
  </si>
  <si>
    <t>ねぎ塩鍋スープ（モランボン）</t>
  </si>
  <si>
    <t>720　パック</t>
  </si>
  <si>
    <t>豆乳鍋スープ（モランボン）</t>
  </si>
  <si>
    <t>トマト鍋スープ</t>
  </si>
  <si>
    <t>カルボナーラ鍋スープ（モランボン）</t>
  </si>
  <si>
    <t>ビストロポトフスープ（モランボン）</t>
  </si>
  <si>
    <t>横綱地鶏だしちゃんこ鍋スープ塩味（モランボン）</t>
  </si>
  <si>
    <t>豚スンドゥブチゲ用スープ</t>
  </si>
  <si>
    <t>旨だし仕込みごま豆乳鍋スープ</t>
  </si>
  <si>
    <t>豚しゃぶのためのごまぽんず</t>
  </si>
  <si>
    <t>290　ｇ</t>
  </si>
  <si>
    <t>とんこつ醤油鍋つゆ</t>
  </si>
  <si>
    <t>サムゲタン用スープ３３０ｇ</t>
  </si>
  <si>
    <t>330　ｇ</t>
  </si>
  <si>
    <t>ＰＲＥＭＩＵＭＮＡＢＥ　キムチチゲ１８０ｇ</t>
  </si>
  <si>
    <t>180　ｇ</t>
  </si>
  <si>
    <t>ＰＲＥＭＩＵＭＮＡＢＥ地鶏だしちゃんこ鍋１８０</t>
  </si>
  <si>
    <t>ＰＲＥＭＩＵＭモツ鍋</t>
  </si>
  <si>
    <t>166　ｇ</t>
  </si>
  <si>
    <t>豚しゃぶ鍋用スープ</t>
  </si>
  <si>
    <t>白湯ミルフィーユ鍋用スープ</t>
  </si>
  <si>
    <t>コク旨スープがからむ　ごま担ー鍋スープ７５０ｇ</t>
  </si>
  <si>
    <t>やみつき旨辛鍋用スープ</t>
  </si>
  <si>
    <t>韓の食菜ユッケジャン用スープ</t>
  </si>
  <si>
    <t>至福のゆず醤油鍋スープ</t>
  </si>
  <si>
    <t>あごだし肉うどん鍋用スープ７５０ｇ</t>
  </si>
  <si>
    <t>韓の食菜ソルロンタン用スープ</t>
  </si>
  <si>
    <t>330　パック</t>
  </si>
  <si>
    <t>コク旨スープがからむ悪魔の肉鍋用スープ</t>
  </si>
  <si>
    <t>牛テール白湯鍋用スープ</t>
  </si>
  <si>
    <t>モランボン</t>
  </si>
  <si>
    <t>熟成濃厚キムチチゲ用スープ（マイルド）</t>
  </si>
  <si>
    <t>熟成濃厚キムチチゲ用スープ</t>
  </si>
  <si>
    <t>コク旨スープがからむ魅惑の丸鶏清湯鍋用スープ</t>
  </si>
  <si>
    <t>コク旨スープがからむふわとろプルコギ鍋用スープ</t>
  </si>
  <si>
    <t>コク旨スープがからむ完熟濃厚トマト鍋用スープ</t>
  </si>
  <si>
    <t>コク旨スープがからむバターチキンカレー鍋用スープ</t>
  </si>
  <si>
    <t>濃厚焦がし醤油鍋用スープ</t>
  </si>
  <si>
    <t>鬼食う肉鍋用スープ</t>
  </si>
  <si>
    <t>コク旨スープがからむ躍動の生姜味噌鍋</t>
  </si>
  <si>
    <t>菜の匠きのこ鍋用スープ</t>
  </si>
  <si>
    <t>もやし坦ー鍋用スープ</t>
  </si>
  <si>
    <t>菜の匠　白菜鍋用スープ</t>
  </si>
  <si>
    <t>とんこつキムチチゲ用スープ</t>
  </si>
  <si>
    <t>チーズキムチチゲ用スープ</t>
  </si>
  <si>
    <t>菜の匠　きゃべつ鍋スープ</t>
  </si>
  <si>
    <t>ねぎ鍋スープの素（モランボン）</t>
  </si>
  <si>
    <t>菜の匠　みぞれ大根鍋用スープ</t>
  </si>
  <si>
    <t>菜の匠　ほうれん草鍋用スープ</t>
  </si>
  <si>
    <t>菜の匠　大根鍋用スープ</t>
  </si>
  <si>
    <t>菜の匠　白菜キムチチゲ用スープ</t>
  </si>
  <si>
    <t>菜の匠　もやし鍋スープ</t>
  </si>
  <si>
    <t>トマトミネストローネスープ</t>
  </si>
  <si>
    <t>じゃがいもポトフスープ</t>
  </si>
  <si>
    <t>きのこチャウダースープ</t>
  </si>
  <si>
    <t>菜の匠　白菜鍋用スープコク醤油味</t>
  </si>
  <si>
    <t>煮込みラーメン鍋セット</t>
  </si>
  <si>
    <t>かぼちゃポタージュスープ</t>
  </si>
  <si>
    <t>菜の匠　もやし鍋スープ　中華醤油味</t>
  </si>
  <si>
    <t>やさいがおいしいキムチチゲ用スープ７５０ｇ</t>
  </si>
  <si>
    <t>やさいがおいしい鍋用　しょうゆ味</t>
  </si>
  <si>
    <t>やさいがおいしい鍋用　ごまみそ味</t>
  </si>
  <si>
    <t>もやしタンメン鍋スープ</t>
  </si>
  <si>
    <t>キノコ鍋スープごま豆乳</t>
  </si>
  <si>
    <t>根菜けんちん鍋用</t>
  </si>
  <si>
    <t>白菜鍋用やみつきごま油味</t>
  </si>
  <si>
    <t>菜の匠キムチチゲ鍋スープ</t>
  </si>
  <si>
    <t>ごろごろ野菜で作るスープカレー用スープ</t>
  </si>
  <si>
    <t>菜の匠ねぎ南蛮鍋用スープ</t>
  </si>
  <si>
    <t>糀レモン鍋用スープ</t>
  </si>
  <si>
    <t>バター醤油味きのこ鍋つゆ</t>
  </si>
  <si>
    <t>キムチチゲ用スープ</t>
  </si>
  <si>
    <t>テンジャンチゲ用スープ</t>
  </si>
  <si>
    <t>糀にんにく鍋スープ</t>
  </si>
  <si>
    <t>香味油鍋用スープ鶏がら醤油味</t>
  </si>
  <si>
    <t>糀トマト鍋用スープ</t>
  </si>
  <si>
    <t>春雨で楽しむ鶏白湯鍋の素</t>
  </si>
  <si>
    <t>春雨でたのしむ　キムチ鍋の素</t>
  </si>
  <si>
    <t>250G</t>
  </si>
  <si>
    <t>春雨でたのしむまろやか味噌鍋の素</t>
  </si>
  <si>
    <t>鍋麺の素　ごま担々味</t>
  </si>
  <si>
    <t>冷や汁の素ごま味噌味</t>
  </si>
  <si>
    <t>冷や汁の素あごだし味</t>
  </si>
  <si>
    <t>ﾏﾙﾐﾔｼｮｸﾋﾝｺ</t>
  </si>
  <si>
    <t>生姜鍋の素</t>
  </si>
  <si>
    <t>かきの土手鍋</t>
  </si>
  <si>
    <t>だし小鍋かき醤油鍋つゆ</t>
  </si>
  <si>
    <t>トマトを使った鍋の素</t>
  </si>
  <si>
    <t>辛みそを使った鍋の素</t>
  </si>
  <si>
    <t>おでんつゆ</t>
  </si>
  <si>
    <t>80ml</t>
  </si>
  <si>
    <t>博多もつ鍋スープ</t>
  </si>
  <si>
    <t>700ml</t>
  </si>
  <si>
    <t>博多よせ鍋スープ</t>
  </si>
  <si>
    <t>もつ鍋スープみそ</t>
  </si>
  <si>
    <t>博多水炊きスープ鶏旨仕立て</t>
  </si>
  <si>
    <t>博多もつ鍋スープ醤油味</t>
  </si>
  <si>
    <t>レモン鍋スープ</t>
  </si>
  <si>
    <t>ごま柚子こしょう鍋スープ</t>
  </si>
  <si>
    <t>とろっとろっ寄せ鍋つゆ</t>
  </si>
  <si>
    <t>博多炊き餃子鍋スープ</t>
  </si>
  <si>
    <t>盛田_鴨だし鍋つゆ_ストレート</t>
  </si>
  <si>
    <t>盛田　国産紅ずわい蟹だしうま鍋つゆ　７５０ｇ</t>
  </si>
  <si>
    <t>八丁みそ鍋つゆストレート</t>
  </si>
  <si>
    <t>鶏鰹つゆ　２倍濃縮</t>
  </si>
  <si>
    <t>博多もつ鍋スープこくうま醤油</t>
  </si>
  <si>
    <t>博多もつ鍋スープ濃厚みそ</t>
  </si>
  <si>
    <t>糀鍋スープ</t>
  </si>
  <si>
    <t>糀鍋スープ麻辣</t>
  </si>
  <si>
    <t>水炊きスープ</t>
  </si>
  <si>
    <t>ﾄﾘｾﾞﾝ</t>
  </si>
  <si>
    <t>塩麹鍋つゆ</t>
  </si>
  <si>
    <t>濃厚　煮干とんこつ鍋つゆ</t>
  </si>
  <si>
    <t>海老塩鍋つゆ</t>
  </si>
  <si>
    <t>昆布の力　よせ鍋　醤油</t>
  </si>
  <si>
    <t>匠鍋白みそ肉鍋つゆ</t>
  </si>
  <si>
    <t>極鍋昆布だし鍋つゆ醤油</t>
  </si>
  <si>
    <t>匠鍋金ごま塩だし肉鍋つゆ</t>
  </si>
  <si>
    <t>匠鍋トリュフ香るチーズ肉鍋つゆパウチ</t>
  </si>
  <si>
    <t>匠鍋　クリーミー豆乳肉鍋つゆ　甘酒仕立て　７５０ｇ</t>
  </si>
  <si>
    <t>ご飯がススムキムチ鍋つゆパウチ</t>
  </si>
  <si>
    <t>焦がし醤油肉鍋つゆ</t>
  </si>
  <si>
    <t>うま豚鍋つゆ焦がし醤油</t>
  </si>
  <si>
    <t>うま牛鍋つゆ金ごま塩だし</t>
  </si>
  <si>
    <t>うま鶏鍋つゆ濃厚白みそ</t>
  </si>
  <si>
    <t>うま肉鍋つゆにごり鰹だし</t>
  </si>
  <si>
    <t>王道の寄せ鍋昆布だし鍋つゆ醤油</t>
  </si>
  <si>
    <t>王道の寄せ鍋鶏だし鍋つゆ塩味</t>
  </si>
  <si>
    <t>王道の寄せ鍋魚介だし鍋つゆ</t>
  </si>
  <si>
    <t>ごろっとガーリック鍋スープ</t>
  </si>
  <si>
    <t>シャキシャキ食感生姜鍋つゆ</t>
  </si>
  <si>
    <t>粒々まみれる創作麻婆鍋つゆ</t>
  </si>
  <si>
    <t>ウェイユー</t>
  </si>
  <si>
    <t>山永味噌</t>
  </si>
  <si>
    <t>ﾕｳｷ</t>
  </si>
  <si>
    <t>塩もつ鍋スープ</t>
  </si>
  <si>
    <t>白味噌仕立てのよせ鍋つゆ</t>
  </si>
  <si>
    <t>豚しゃぶ野菜鍋つゆ</t>
  </si>
  <si>
    <t>軍鶏系地鶏だし塩鍋つゆ</t>
  </si>
  <si>
    <t>鰹節屋のだし　寄せ鍋つゆ</t>
  </si>
  <si>
    <t>ヤマキ　地鶏だし生姜ちゃんこ鍋つゆ</t>
  </si>
  <si>
    <t>焦がしにんにくもつ鍋つゆ750ｇ</t>
  </si>
  <si>
    <t>軍鶏系地鶏だし水炊きスープ</t>
  </si>
  <si>
    <t>黒もつ鍋つゆ</t>
  </si>
  <si>
    <t>韓福善のキムチチゲの素</t>
  </si>
  <si>
    <t>石垣の塩　塩ちゃんこ鍋つゆ</t>
  </si>
  <si>
    <t>濃厚みそ　もつ鍋つゆ</t>
  </si>
  <si>
    <t>鰹節屋のだし　寄せ鍋つゆ400g</t>
  </si>
  <si>
    <t>石垣の塩　塩ちゃんこ鍋つゆ400g</t>
  </si>
  <si>
    <t>減塩鍋つゆ400g</t>
  </si>
  <si>
    <t>真鯛のだし塩鍋つゆ700ｇ</t>
  </si>
  <si>
    <t>鶏旨だしギョーザ鍋つゆ750ｇ</t>
  </si>
  <si>
    <t>生姜白湯鍋つゆ</t>
  </si>
  <si>
    <t>豚しゃぶ野菜鍋つゆ豆乳仕立て</t>
  </si>
  <si>
    <t>だし粉が入ったキムチ鍋つゆ</t>
  </si>
  <si>
    <t>こくだし味噌鍋つゆ</t>
  </si>
  <si>
    <t>うどん寄せ鍋つゆ</t>
  </si>
  <si>
    <t>豚しゃぶ野菜鍋つゆ　旨辛仕立て</t>
  </si>
  <si>
    <t>黒豚だし醤油鍋</t>
  </si>
  <si>
    <t>鰹荒節の奥深いだし寄せ鍋つゆ</t>
  </si>
  <si>
    <t>豚しゃぶ野菜鍋つゆ真鯛ゆず</t>
  </si>
  <si>
    <t>地鶏だし塩鍋つゆ</t>
  </si>
  <si>
    <t>豚しゃぶ野菜鍋つゆすき焼き仕立て</t>
  </si>
  <si>
    <t>焦がしにんにくもつ鍋つゆ</t>
  </si>
  <si>
    <t>豚しゃぶ野菜鍋つゆはまぐり</t>
  </si>
  <si>
    <t>豚しゃぶ野菜鍋つゆ3種のごま</t>
  </si>
  <si>
    <t>西郷鍋つゆ黒豚だし醤油</t>
  </si>
  <si>
    <t>高杉晋作鍋つゆ真鯛だし塩</t>
  </si>
  <si>
    <t>龍馬鍋つゆ地鶏だし塩</t>
  </si>
  <si>
    <t>おダシ屋のダシしょうゆ</t>
  </si>
  <si>
    <t>地鶏だし塩ちゃんこ鍋つゆ</t>
  </si>
  <si>
    <t>特撰天つゆｽﾄﾚ-ﾄ30</t>
  </si>
  <si>
    <t>博多風水炊きスープ</t>
  </si>
  <si>
    <t>キムチ鍋マイルド</t>
  </si>
  <si>
    <t>韓福善味噌キムチ鍋つゆ</t>
  </si>
  <si>
    <t>鰹とコンブの寄せ鍋つゆ</t>
  </si>
  <si>
    <t>鰹と昆布のよせ鍋つゆ</t>
  </si>
  <si>
    <t>ヤマキ真鯛と柚子風味お四国鍋つゆ700g</t>
  </si>
  <si>
    <t>700G</t>
  </si>
  <si>
    <t>ヤマキ阿波尾鶏と醤油風味お四国鍋つゆ700g</t>
  </si>
  <si>
    <t>かにすき鍋つゆ</t>
  </si>
  <si>
    <t>ヤマキ瀬戸内鍋つゆ片口鰯うま塩</t>
  </si>
  <si>
    <t>ヤマキ瀬戸内鍋つゆ牡蠣と米味噌</t>
  </si>
  <si>
    <t>もつ鍋つゆしょうゆ味</t>
  </si>
  <si>
    <t>もつ鍋つゆみそ味</t>
  </si>
  <si>
    <t>ババネロ鍋つゆ</t>
  </si>
  <si>
    <t>中華坦々鍋つゆ</t>
  </si>
  <si>
    <t>地鶏だしちゃんこ鍋つゆ</t>
  </si>
  <si>
    <t>名古屋コーチン　しお鍋つゆ　</t>
  </si>
  <si>
    <t>三重の真鯛　寄せ鍋つゆ　</t>
  </si>
  <si>
    <t>豆腐チゲ鍋</t>
  </si>
  <si>
    <t>理研ビタミン</t>
  </si>
  <si>
    <t>ﾘｹﾝﾋﾞﾀﾐﾝ</t>
  </si>
  <si>
    <t>和風鶏だし鍋</t>
  </si>
  <si>
    <t>塩とんこつ鍋</t>
  </si>
  <si>
    <t>青森海鮮だし寄せ鍋しょうゆ</t>
  </si>
  <si>
    <t>青森海鮮だし寄せ鍋しお</t>
  </si>
  <si>
    <t>青森海鮮だし寄せ鍋こく味噌味</t>
  </si>
  <si>
    <t>名古屋コーチン鶏だし塩鍋スープ</t>
  </si>
  <si>
    <t>６００ｇ</t>
  </si>
  <si>
    <t>ｻﾝﾜ</t>
  </si>
  <si>
    <t>名古屋コーチン鶏だし味噌鍋スープ</t>
  </si>
  <si>
    <t>直源金沢おでんつゆ瓶300ml</t>
  </si>
  <si>
    <t>ポトフスープ</t>
  </si>
  <si>
    <t>チャンコヤサイナベスープ</t>
  </si>
  <si>
    <t>白菜キムチ鍋つゆ</t>
  </si>
  <si>
    <t>白菜しょうゆ鍋つゆ</t>
  </si>
  <si>
    <t>ねぎ濃厚味噌鍋つゆ</t>
  </si>
  <si>
    <t>もやしちゃんぽん鍋つゆ</t>
  </si>
  <si>
    <t>いも炊きのたれ</t>
  </si>
  <si>
    <t>キャベツ旨塩鍋つゆ</t>
  </si>
  <si>
    <t>きのこ豆乳鍋つゆ</t>
  </si>
  <si>
    <t>白菜塩とんこつ鍋つゆ</t>
  </si>
  <si>
    <t>鹿児島豚しゃぶつゆ</t>
  </si>
  <si>
    <t>日本食研</t>
  </si>
  <si>
    <t>ﾆﾎﾝｼｮｸｹﾝ</t>
  </si>
  <si>
    <t>キムチ鍋スープ　７２０ｇ</t>
  </si>
  <si>
    <t>ﾆﾎﾝｼｮｯｹﾝ</t>
  </si>
  <si>
    <t>ソーセージとベーコンのポトフスープ食研</t>
  </si>
  <si>
    <t>清流四万十生姜鍋つゆ</t>
  </si>
  <si>
    <t>ﾆﾎﾝｼｮｷｳｹﾝ</t>
  </si>
  <si>
    <t>もつ鍋スープ醤油味（食研）</t>
  </si>
  <si>
    <t>もつ鍋スープみそ味食研</t>
  </si>
  <si>
    <t>両国豚塩ちゃんこ鍋つゆ</t>
  </si>
  <si>
    <t>両国鶏醤油ちゃんこ鍋つゆ</t>
  </si>
  <si>
    <t>ちゃんこ鍋スープ塩味（食研）</t>
  </si>
  <si>
    <t>ちゃんこ鍋スープ醤油食研</t>
  </si>
  <si>
    <t>コク深　豆乳鍋の素２００ｇ</t>
  </si>
  <si>
    <t>200　ｇ</t>
  </si>
  <si>
    <t>コク深　キムチ鍋の素２００ｇ</t>
  </si>
  <si>
    <t>サラダユ　ママポット</t>
  </si>
  <si>
    <t>1650g</t>
  </si>
  <si>
    <t>日華油脂</t>
  </si>
  <si>
    <t>ﾆｯｶ</t>
  </si>
  <si>
    <t>ユズコシヨウ　アカ</t>
  </si>
  <si>
    <t>野菜をいっぱい食べる鍋　コク味噌</t>
  </si>
  <si>
    <t>野菜をいっぱい食べる鍋　塩</t>
  </si>
  <si>
    <t>野菜をいっぱい食べる鍋　キムチ</t>
  </si>
  <si>
    <t>もつ鍋スープ醤油（ダイショー）</t>
  </si>
  <si>
    <t>もつ鍋スープ味噌（ダイショー）</t>
  </si>
  <si>
    <t>両国チャンコスープ（ダイショー）</t>
  </si>
  <si>
    <t>野菜をいっぱい食べる鍋あっさり醤油</t>
  </si>
  <si>
    <t>野菜をいっぱい食べる鍋ピリッと醤油</t>
  </si>
  <si>
    <t>野菜をいっぱい食べる鍋コク味噌</t>
  </si>
  <si>
    <t>野菜をいっぱい食べる鍋あっさり塩味</t>
  </si>
  <si>
    <t>野菜をいっぱい食べる鍋コク旨キムチ</t>
  </si>
  <si>
    <t>野菜をいっぱい食べる鍋豆乳鍋スープ</t>
  </si>
  <si>
    <t>ぱぱっと逸品スープカレーベース</t>
  </si>
  <si>
    <t>ミネストローネスープ</t>
  </si>
  <si>
    <t>野菜をいっぱい食べるスープ　チャウダースープ</t>
  </si>
  <si>
    <t>野菜をいっぱい食べる鍋味噌キムチ</t>
  </si>
  <si>
    <t>野菜をいっぱい食べる鍋ポトフスープ</t>
  </si>
  <si>
    <t>あっさり鶏だんご鍋スープ</t>
  </si>
  <si>
    <t>野菜をいっぱい食べるカレー鍋スープ</t>
  </si>
  <si>
    <t>野菜をいっぱい食べる鍋トマトチーズ鍋スープの素</t>
  </si>
  <si>
    <t>野菜をいっぱい食べる鍋　ごま豆乳鍋スープ</t>
  </si>
  <si>
    <t>野菜をいっぱい食べる鍋　じゃがバター鍋</t>
  </si>
  <si>
    <t>野菜をいっぱい食べる　もやし鍋スープ</t>
  </si>
  <si>
    <t>赤いスンドゥブチゲ用スープ</t>
  </si>
  <si>
    <t>白いスンドゥブチゲ用スープ</t>
  </si>
  <si>
    <t>ごま油とねぎの風味香る塩鍋スープ（ダイショー）</t>
  </si>
  <si>
    <t>チーズ鍋スープ（ダイショー）</t>
  </si>
  <si>
    <t>鶏南蛮鍋スープ</t>
  </si>
  <si>
    <t>ひき肉でおいしいごま味噌スープスープ</t>
  </si>
  <si>
    <t>野菜をいっぱい食べる鍋あっさり醤油味</t>
  </si>
  <si>
    <t>野菜をいっぱい食べる鍋まろやか旨塩</t>
  </si>
  <si>
    <t>野菜をいっぱい食べる鍋コク旨味噌</t>
  </si>
  <si>
    <t>野菜をいっぱい食べる鍋白菜鍋スープ</t>
  </si>
  <si>
    <t>野菜をいっぱい食べる鍋キャベツ鍋スープ</t>
  </si>
  <si>
    <t>豚うま鍋スープ</t>
  </si>
  <si>
    <t>角切りトマトで冷製トマトスープ</t>
  </si>
  <si>
    <t>角切りアボカドで冷製じゃがいもスープの素</t>
  </si>
  <si>
    <t>地鶏だし鍋スープ</t>
  </si>
  <si>
    <t>豚だし鍋スープ</t>
  </si>
  <si>
    <t>かぼちゃクリームスープの素</t>
  </si>
  <si>
    <t>トマトクリームスープの素</t>
  </si>
  <si>
    <t>しめじとエリンギのきのこ鍋スープ</t>
  </si>
  <si>
    <t>野菜をいっぱい食べる鍋里芋と大根の根菜鍋スープ</t>
  </si>
  <si>
    <t>野菜をいっぱい食べる鍋豆苗と水菜と青菜鍋スープ</t>
  </si>
  <si>
    <t>キムチ鍋スープＲ（ダイショー）</t>
  </si>
  <si>
    <t>味噌キムチ鍋スープＲ（タイショー）</t>
  </si>
  <si>
    <t>ちゃんこ鍋スープ醤油Ｒ（ダイショー）</t>
  </si>
  <si>
    <t>ちゃんこ鍋スープ味噌Ｒ（ダイショー）</t>
  </si>
  <si>
    <t>野菜をいっぱい食べるキムチ鍋</t>
  </si>
  <si>
    <t>野菜をいっぱい食べる味噌キムチ鍋</t>
  </si>
  <si>
    <t>野菜をいっぱい食べるあっさり醤油鍋</t>
  </si>
  <si>
    <t>野菜をいっぱい食べるまろやか旨塩鍋</t>
  </si>
  <si>
    <t>野菜をいっぱい食べるこく旨味噌鍋</t>
  </si>
  <si>
    <t>担ー肉鍋スープ（ダイショー）</t>
  </si>
  <si>
    <t>野菜をいっぱい食べるもやし坦ー鍋</t>
  </si>
  <si>
    <t>博多もつ鍋スープ　しお味</t>
  </si>
  <si>
    <t>ごくベジ　野菜豆乳スープ</t>
  </si>
  <si>
    <t>野菜をいっぱい食べる鍋　きのこ鍋スープ</t>
  </si>
  <si>
    <t>野菜をいっぱい食べる鍋　ねぎ鍋スープ</t>
  </si>
  <si>
    <t>野菜をいっぱい食べるスープボルシチ</t>
  </si>
  <si>
    <t>味噌キムチスープ</t>
  </si>
  <si>
    <t>キムチ鍋スープ辛口</t>
  </si>
  <si>
    <t>旨から赤鍋スープ</t>
  </si>
  <si>
    <t>参鶏湯サムゲタン用スープ</t>
  </si>
  <si>
    <t>ごくベジ１０種類の国産野菜だし鍋スープ</t>
  </si>
  <si>
    <t>野菜をいっぱい食べる鍋とんこつ醤油味</t>
  </si>
  <si>
    <t>野菜をいっぱい食べる鍋仙台せり鍋</t>
  </si>
  <si>
    <t>野菜をいっぱい食べる鍋ごま豆乳鍋スープ</t>
  </si>
  <si>
    <t>カラムーチョ鍋スープ　中辛</t>
  </si>
  <si>
    <t>５８０ｇ</t>
  </si>
  <si>
    <t>カラムーチョ鍋スープ　辛口</t>
  </si>
  <si>
    <t>玉ねぎスープ</t>
  </si>
  <si>
    <t>300袋入</t>
  </si>
  <si>
    <t>きのこスープ</t>
  </si>
  <si>
    <t>300　ｇ</t>
  </si>
  <si>
    <t>博多もつ鍋スープ辛みそ味</t>
  </si>
  <si>
    <t>クアトロ鍋スープ</t>
  </si>
  <si>
    <t>地鶏だし仕立て塩鍋スープ</t>
  </si>
  <si>
    <t>地鶏だしちゃんこ鍋スープ　醤油</t>
  </si>
  <si>
    <t>地鶏だしちゃんこ鍋スープ　味噌</t>
  </si>
  <si>
    <t>野菜をいっぱい食べる鍋クリーム仕立て</t>
  </si>
  <si>
    <t>750袋入</t>
  </si>
  <si>
    <t>ぱぱっと鍋ダシ醤油＆鶏だし</t>
  </si>
  <si>
    <t>120　袋</t>
  </si>
  <si>
    <t>大根おでんスープの素</t>
  </si>
  <si>
    <t>うにくしゃぶ鍋用スープ</t>
  </si>
  <si>
    <t>カラムーチョ鍋スープ_ホットチリ味</t>
  </si>
  <si>
    <t>カラムーチョ鍋スープ_ホットチリ味（辛さ5倍）</t>
  </si>
  <si>
    <t>麹しゃぶ鍋用スープ</t>
  </si>
  <si>
    <t>柑橘とり鍋スープ</t>
  </si>
  <si>
    <t>しゃぶ鍋スープ柑橘あごだし</t>
  </si>
  <si>
    <t>しゃぶ鍋スープ鶏ガラツナ</t>
  </si>
  <si>
    <t>野菜をいっぱい食べる鍋じゃが鍋スープ</t>
  </si>
  <si>
    <t>トマトチーズ鍋</t>
  </si>
  <si>
    <t>ゆずしゃぶ鍋用スープ</t>
  </si>
  <si>
    <t>野菜巻きしゃぶ鍋S香味塩ごま</t>
  </si>
  <si>
    <t>やみつき豚鍋スープ生姜とんこつみそ</t>
  </si>
  <si>
    <t>野菜いっぱい焼あごだし鍋スープ</t>
  </si>
  <si>
    <t>ダイショー　野菜いっぱいキャベツ鍋スープ</t>
  </si>
  <si>
    <t>野菜いっぱい鶏だし醤油鍋スープ</t>
  </si>
  <si>
    <t>野菜をいっぱい焦がし風味噌鍋</t>
  </si>
  <si>
    <t>野菜をいっぱいとんこつ醤油鍋</t>
  </si>
  <si>
    <t>野菜いっぱいもやし担々鍋</t>
  </si>
  <si>
    <t>ソムリエ野菜をいっぱいミネストローネ</t>
  </si>
  <si>
    <t>ソムリエ野菜をいっぱいポトフ</t>
  </si>
  <si>
    <t>いとしの鶏鍋スープ鶏野菜ポタージュ仕立て</t>
  </si>
  <si>
    <t>野菜をいっぱいしゃぶ鍋おかかこんぶ醤油</t>
  </si>
  <si>
    <t>野菜をいっぱいしゃぶ鍋ゆず焼きあご塩</t>
  </si>
  <si>
    <t>ときめきの豚鍋スープ牛だし醤油仕立て</t>
  </si>
  <si>
    <t>チリトマト鍋スープ</t>
  </si>
  <si>
    <t>明太クリーム鍋スープ</t>
  </si>
  <si>
    <t>しゃぶ鍋スープ</t>
  </si>
  <si>
    <t>野菜をいっぱいきのこ鍋</t>
  </si>
  <si>
    <t>野菜をいっぱいもやし鍋スープ</t>
  </si>
  <si>
    <t>劇映画孤独のグルメしゃぶしゃぶ鍋スープ</t>
  </si>
  <si>
    <t>孤独のグルメしゃぶしゃぶ鍋スープ</t>
  </si>
  <si>
    <t>博多もつ鍋スープ味噌とんこつ味にんにく激マシ</t>
  </si>
  <si>
    <t>博多もつ鍋スープ醤油とんこつ味にんにく激マシ</t>
  </si>
  <si>
    <t>山形風いも煮つゆ</t>
  </si>
  <si>
    <t>スタミナ源たれ塩鍋つゆ</t>
  </si>
  <si>
    <t>スタミナ源キムチ鍋つゆ</t>
  </si>
  <si>
    <t>スタミナ源味噌鍋つゆ</t>
  </si>
  <si>
    <t>スタミナ源鶏だし鍋つゆ</t>
  </si>
  <si>
    <t>スタミナ源みそキムチ鍋つゆ</t>
  </si>
  <si>
    <t>さくら鍋</t>
  </si>
  <si>
    <t>大地の〇鶏だしもつ鍋スープ</t>
  </si>
  <si>
    <t>大地の〇鶏だし豆乳鍋スープ</t>
  </si>
  <si>
    <t>大地の〇鶏だしちゃんこ鍋スープ</t>
  </si>
  <si>
    <t>塩レモン鍋の素</t>
  </si>
  <si>
    <t>冨貴食研</t>
  </si>
  <si>
    <t>ﾌｷｼｮｯｹﾝ</t>
  </si>
  <si>
    <t>広島れもん鍋のもと</t>
  </si>
  <si>
    <t>かも鍋スープ</t>
  </si>
  <si>
    <t>牛もつ鍋スープ</t>
  </si>
  <si>
    <t>味覇（ウェイパァー）鍋つゆ</t>
  </si>
  <si>
    <t>７４０ｇ</t>
  </si>
  <si>
    <t>廣記商行</t>
  </si>
  <si>
    <t>ｺｳｷｼｮｳｺｳ</t>
  </si>
  <si>
    <t>桃宝食品キムチ鍋つゆ</t>
  </si>
  <si>
    <t>城山ちゃんこ_味噌</t>
  </si>
  <si>
    <t>ｼﾞｮｳﾔﾏ</t>
  </si>
  <si>
    <t>あごだしごま鍋</t>
  </si>
  <si>
    <t>あごだし旨辛鍋</t>
  </si>
  <si>
    <t>あごだし博多とんこつ鍋</t>
  </si>
  <si>
    <t>わだ屋おいしい鍋だし</t>
  </si>
  <si>
    <t>塩ちゃんこ</t>
  </si>
  <si>
    <t>醤油ちゃんこ</t>
  </si>
  <si>
    <t>比内地鶏　鶏ガラちゃんこ鍋</t>
  </si>
  <si>
    <t>酒粕みそ鍋つゆ</t>
  </si>
  <si>
    <t>721ml</t>
  </si>
  <si>
    <t>UZ</t>
  </si>
  <si>
    <t>極みのとり鍋つゆ</t>
  </si>
  <si>
    <t>浅利佐助　比内地鶏スープ</t>
  </si>
  <si>
    <t>キッコーナ</t>
  </si>
  <si>
    <t>ｷｯｺｰﾅ</t>
  </si>
  <si>
    <t>シキソアカ</t>
  </si>
  <si>
    <t>シキソキ</t>
  </si>
  <si>
    <t>シキソミドリ</t>
  </si>
  <si>
    <t>鶏ちゃんこ鍋スープ</t>
  </si>
  <si>
    <t>もつ鍋みそ味</t>
  </si>
  <si>
    <t>もつ鍋しょうゆ味</t>
  </si>
  <si>
    <t>キムチ鍋</t>
  </si>
  <si>
    <t>鴨・鶏鍋</t>
  </si>
  <si>
    <t>味噌豚骨鍋</t>
  </si>
  <si>
    <t>大蒜にんにく旨辛鍋</t>
  </si>
  <si>
    <t>和だし白湯鍋</t>
  </si>
  <si>
    <t>博多バリうま豚骨鍋</t>
  </si>
  <si>
    <t>元祖唐々本舗　鍋の素　辛さ１番</t>
  </si>
  <si>
    <t>田靡製麺</t>
  </si>
  <si>
    <t>ﾀﾅﾋﾞｷ</t>
  </si>
  <si>
    <t>元祖唐々本舗　鍋の素　辛さ３番</t>
  </si>
  <si>
    <t>甘酒寄せ鍋</t>
  </si>
  <si>
    <t>松屋栄食品本舗</t>
  </si>
  <si>
    <t>ﾏﾂﾔｻｶｴ</t>
  </si>
  <si>
    <t>四川麻婆鍋スープ</t>
  </si>
  <si>
    <t>鍋つゆ1番</t>
  </si>
  <si>
    <t>山一商事</t>
  </si>
  <si>
    <t>ﾔﾏｲﾁｼｮｳｼﾞ</t>
  </si>
  <si>
    <t>ちゃんこ鍋のタレ</t>
  </si>
  <si>
    <t>しびれ王_しびれる四川火鍋</t>
  </si>
  <si>
    <t>183ｇ</t>
  </si>
  <si>
    <t>アライドコーポレーション</t>
  </si>
  <si>
    <t>ｱﾗｲﾄﾞ</t>
  </si>
  <si>
    <t>トウガラシチュウアラ</t>
  </si>
  <si>
    <t>ｼﾓﾀﾞﾔ</t>
  </si>
  <si>
    <t>ユズイリトウガラシ</t>
  </si>
  <si>
    <t>トウガラシチュウアラツメカエ</t>
  </si>
  <si>
    <t>ツメカエヨウチョウリアジツキシオコショ</t>
  </si>
  <si>
    <t>クロコショウツメカエ</t>
  </si>
  <si>
    <t>ツメカエヨウシチミトウガラシ</t>
  </si>
  <si>
    <t>トウガラシワギリ</t>
  </si>
  <si>
    <t>イチミトウガラシ</t>
  </si>
  <si>
    <t>チェルサヌスケッパー</t>
  </si>
  <si>
    <t>モンテ物産</t>
  </si>
  <si>
    <t>ﾓﾝﾃ</t>
  </si>
  <si>
    <t>ブイヤベース</t>
  </si>
  <si>
    <t>チョイスジャパン</t>
  </si>
  <si>
    <t>ﾁｮｲｽｼﾞｬﾊﾟﾝ</t>
  </si>
  <si>
    <t>田川ホルモン鍋のたれ</t>
  </si>
  <si>
    <t>333g</t>
  </si>
  <si>
    <t>ＫＯＹＡ</t>
  </si>
  <si>
    <t>koya</t>
  </si>
  <si>
    <t>ピリ辛とり野菜みそ</t>
  </si>
  <si>
    <t>担々ごまとり野菜みそ</t>
  </si>
  <si>
    <t>宮城せり鍋のつゆ</t>
  </si>
  <si>
    <t>秋田きりたんぽ鍋のつゆ</t>
  </si>
  <si>
    <t>岩手ひっつみ鍋のつゆ</t>
  </si>
  <si>
    <t>山形芋煮鍋のつゆ</t>
  </si>
  <si>
    <t>福島伊達鶏鍋のつゆ</t>
  </si>
  <si>
    <t>仙台味噌鍋のつゆ</t>
  </si>
  <si>
    <t>鍋THEWORLDトリュフ香るマンハッタンクラムチャウダー</t>
  </si>
  <si>
    <t>鍋THEWORLDオマール海老の海賊ブイヤベース</t>
  </si>
  <si>
    <t>鍋THEWORLD発酵唐辛子のユッケジャン</t>
  </si>
  <si>
    <t>ちゃんこ鍋　醤油味</t>
  </si>
  <si>
    <t>720ML</t>
  </si>
  <si>
    <t>ちゃんこ味噌ストレート鍋つゆ</t>
  </si>
  <si>
    <t>北海道万能根昆布だし</t>
  </si>
  <si>
    <t>だし薫る醤油寄せ鍋つゆ</t>
  </si>
  <si>
    <t>だし薫る味噌ちゃんこ鍋つゆ</t>
  </si>
  <si>
    <t>城山チャンコ鍋スープ醤油味</t>
  </si>
  <si>
    <t>もつ鍋ストレートスープ醤油</t>
  </si>
  <si>
    <t>やまやコミュニケーションズ</t>
  </si>
  <si>
    <t>ﾔﾏﾔ</t>
  </si>
  <si>
    <t>荻屋ケイちゃん鍋スープみそ味</t>
  </si>
  <si>
    <t>ﾊｷﾞﾔﾁｷﾝｾﾝﾀ</t>
  </si>
  <si>
    <t>MR青木のもつ鍋スープ</t>
  </si>
  <si>
    <t>ﾐｽﾀｰｱｵｷ</t>
  </si>
  <si>
    <t>スタミナ源酸辣湯鍋つゆ</t>
  </si>
  <si>
    <t>ｶﾐｷﾀﾉｳｻﾝｶｺ</t>
  </si>
  <si>
    <t>ゆず鍋すーぷごま</t>
  </si>
  <si>
    <t>馬路村農業協同組合</t>
  </si>
  <si>
    <t>ｳﾏｼﾞﾑﾗ</t>
  </si>
  <si>
    <t>ゆず鍋すーぷかつお</t>
  </si>
  <si>
    <t>ゆず鍋すーぷしお</t>
  </si>
  <si>
    <t>ゆず鍋すーぷゆずこしょう</t>
  </si>
  <si>
    <t>キムチチゲ辛口オルニチン</t>
  </si>
  <si>
    <t>叙々苑</t>
  </si>
  <si>
    <t>ｼﾞｮｼﾞｮｴﾝ</t>
  </si>
  <si>
    <t>キムチチゲ甘口オルニチン入り</t>
  </si>
  <si>
    <t>あごだし寄せ鍋</t>
  </si>
  <si>
    <t>あごだし水炊き</t>
  </si>
  <si>
    <t>きのこのうま鍋胡麻味噌</t>
  </si>
  <si>
    <t>あごだし塩寄せ鍋</t>
  </si>
  <si>
    <t>８００ｇ</t>
  </si>
  <si>
    <t>あごだし寄せ鍋味噌</t>
  </si>
  <si>
    <t>あごだし寄せ鍋　味噌</t>
  </si>
  <si>
    <t>あごだし海鮮寄せ鍋醤油</t>
  </si>
  <si>
    <t>あごだし海鮮寄せ鍋味噌</t>
  </si>
  <si>
    <t>あごだし博多水炊き</t>
  </si>
  <si>
    <t>もやしのうま鍋</t>
  </si>
  <si>
    <t>あごだし豆乳鍋</t>
  </si>
  <si>
    <t>最後までまるで搾りたて香るゆず塩</t>
  </si>
  <si>
    <t>あごだし鍋寄せ鍋</t>
  </si>
  <si>
    <t>あごだし鍋豆乳鍋</t>
  </si>
  <si>
    <t>あごだし鍋博多水炊き</t>
  </si>
  <si>
    <t>あごだし鍋旨辛鍋</t>
  </si>
  <si>
    <t>あごだし鍋博多とんこつ鍋</t>
  </si>
  <si>
    <t>だし香る旨辛スパイス鍋キット</t>
  </si>
  <si>
    <t>51.8g</t>
  </si>
  <si>
    <t>はくさいのうま鍋</t>
  </si>
  <si>
    <t>キャベツのうま鍋</t>
  </si>
  <si>
    <t>きのこのうま鍋</t>
  </si>
  <si>
    <t>博多もつ鍋つゆ醤油</t>
  </si>
  <si>
    <t>博多もつ鍋つゆ味噌</t>
  </si>
  <si>
    <t>あごだし九州ちゃんこ鍋　鶏塩</t>
  </si>
  <si>
    <t>浅利佐助　福寿　比内地鶏スープ　ペット　３００ｍｌ</t>
  </si>
  <si>
    <t>ゆず鍋</t>
  </si>
  <si>
    <t>比内地鶏つゆ５倍濃縮</t>
  </si>
  <si>
    <t>比内地鶏ガラスープ</t>
  </si>
  <si>
    <t>肉吸い千とせの鍋つゆ</t>
  </si>
  <si>
    <t>ﾁﾄｾ</t>
  </si>
  <si>
    <t>比内地鶏ストレートスープ</t>
  </si>
  <si>
    <t>ぴょんぴょん舎発酵熟成チゲスープキムチ味</t>
  </si>
  <si>
    <t>中原商店</t>
  </si>
  <si>
    <t>ﾅｶﾊﾗｼｮｳﾃﾝ</t>
  </si>
  <si>
    <t>ぴょんぴょん舎チゲスープ薬念みそ味</t>
  </si>
  <si>
    <t>ぴょんぴょん舎チゲスープうま塩牛白湯味</t>
  </si>
  <si>
    <t>8番らーめん監修塩鍋スープ</t>
  </si>
  <si>
    <t>ｶﾅｶﾝ</t>
  </si>
  <si>
    <t>桝元鍋</t>
  </si>
  <si>
    <t>カンショク</t>
  </si>
  <si>
    <t>ﾏｽﾓﾄ</t>
  </si>
  <si>
    <t>リンガーハットのちゃんぽん鍋スープ</t>
  </si>
  <si>
    <t>リンガーハット</t>
  </si>
  <si>
    <t>ﾘﾝｶﾞｰﾌｰｽﾞ</t>
  </si>
  <si>
    <t>リンガーハットの鍋スープピリカラとんこつ味</t>
  </si>
  <si>
    <t>リンガーハットの鍋スープ味噌バター味</t>
  </si>
  <si>
    <t>味仙台湾ラーメン鍋スープ</t>
  </si>
  <si>
    <t>ＦＣＰ</t>
  </si>
  <si>
    <t>ﾒﾝﾉｼﾐｽﾞ</t>
  </si>
  <si>
    <t>とむら旨みそ鍋つゆ</t>
  </si>
  <si>
    <t>元祖もつ鍋楽天地秘伝の醤油味ストレートスープ</t>
  </si>
  <si>
    <t>楽天地</t>
  </si>
  <si>
    <t>ﾗｸﾃﾝﾁ</t>
  </si>
  <si>
    <t>赤からかに風味鍋</t>
  </si>
  <si>
    <t>ちゃんこ霧島監修ちゃんこ鍋の素</t>
  </si>
  <si>
    <t>一刻魁堂台湾らーめん鍋</t>
  </si>
  <si>
    <t>赤から鍋スープ15倍</t>
  </si>
  <si>
    <t>ストレート赤から鍋スープ15番</t>
  </si>
  <si>
    <t>黒から鍋スープ</t>
  </si>
  <si>
    <t>ストレート赤から海老みそ鍋スープ</t>
  </si>
  <si>
    <t>白から鍋スープ</t>
  </si>
  <si>
    <t>ストレート赤からカレー鍋スープ</t>
  </si>
  <si>
    <t>ストレート赤からトマト鍋スープ</t>
  </si>
  <si>
    <t>ストレート赤から塩レモン鍋スープ</t>
  </si>
  <si>
    <t>ストレート赤から麻婆鍋スープ</t>
  </si>
  <si>
    <t>ストレート赤から担々鍋スープ</t>
  </si>
  <si>
    <t>赤からカレー鍋スープ</t>
  </si>
  <si>
    <t>赤からトマトチーズ鍋スープ</t>
  </si>
  <si>
    <t>赤から塩レモン鍋スープ</t>
  </si>
  <si>
    <t>赤から激辛鍋スープ</t>
  </si>
  <si>
    <t>いそのかづお札幌ブラック鍋スープ</t>
  </si>
  <si>
    <t>ちゃんこ霧島監修ちゃんこ鍋スープ</t>
  </si>
  <si>
    <t>藤一番監修鍋スープ</t>
  </si>
  <si>
    <t>博多一双鍋スープ</t>
  </si>
  <si>
    <t>麺家いろは監修富山ブラック鍋</t>
  </si>
  <si>
    <t>まつやとり野菜みそ鍋スープ</t>
  </si>
  <si>
    <t>まつやとり野菜みそ胡椒鍋スープ</t>
  </si>
  <si>
    <t>横綱監修鍋スープ豚骨醤油味</t>
  </si>
  <si>
    <t>若鯱家監修カレー鍋スープ</t>
  </si>
  <si>
    <t>世界の山ちゃんうま味噌とり鍋</t>
  </si>
  <si>
    <t>和風とんこつ鍋つゆ</t>
  </si>
  <si>
    <t>味噌煮込み鍋つゆ</t>
  </si>
  <si>
    <t>豆乳とんこつ鍋つゆ</t>
  </si>
  <si>
    <t>寿がきや　和風とんこつ鍋つゆ　７５０ｇ</t>
  </si>
  <si>
    <t>寿がきや　八丁味噌　みそ煮込鍋つゆ　７５０ｇ</t>
  </si>
  <si>
    <t>岐阜タンメン塩タンメン鍋つゆ</t>
  </si>
  <si>
    <t>ふくろう監修辛みそ鍋つゆ</t>
  </si>
  <si>
    <t>SUGAKIYA和風とんこつ鍋つゆ</t>
  </si>
  <si>
    <t>富山ブラック鍋つゆ</t>
  </si>
  <si>
    <t>ウエスト監修うどんだし寄せ鍋</t>
  </si>
  <si>
    <t>とみ田監修濃厚豚骨魚介鍋つゆ</t>
  </si>
  <si>
    <t>けやき監修札幌味噌鍋つゆ</t>
  </si>
  <si>
    <t>職人一丸家系総本山吉村家横浜豚骨醤油鍋つゆ</t>
  </si>
  <si>
    <t>とみ田監修ラーメン鍋豚にんにく</t>
  </si>
  <si>
    <t>けやき監修ラーメン鍋辛旨味噌</t>
  </si>
  <si>
    <t>山頭火とんこつ塩鍋スープ</t>
  </si>
  <si>
    <t>海ぶん鍋ぶん監修　坦々鍋スープ</t>
  </si>
  <si>
    <t>山頭火監修とんこつ塩味鍋スープ</t>
  </si>
  <si>
    <t>山頭火辛みそ鍋スープ</t>
  </si>
  <si>
    <t>山頭火監修　あわせ味鍋スープ　</t>
  </si>
  <si>
    <t>五ノ神製作所監修　鯛塩鍋スープ　７００ｇ</t>
  </si>
  <si>
    <t>ﾆﾂｽｲ</t>
  </si>
  <si>
    <t>銀座篝監修トマト鶏白湯Nabeスープ</t>
  </si>
  <si>
    <t>奥芝商店監修えびだし鍋つゆ</t>
  </si>
  <si>
    <t>博多もつ鍋やま中もつ鍋ｽｰﾌﾟ醤油味</t>
  </si>
  <si>
    <t>博多もつ鍋やま中もつ鍋スープ醤油味</t>
  </si>
  <si>
    <t>盛田YUZUSCO鍋つゆ600g</t>
  </si>
  <si>
    <t>三和の名古屋コーチン塩にんにく地鶏だし鍋S600g</t>
  </si>
  <si>
    <t>さんわ名古屋コーチン塩地鶏鍋スープ600g</t>
  </si>
  <si>
    <t>さんわ名古屋コーチン味噌地鶏鍋スープ600g</t>
  </si>
  <si>
    <t>ココ壱番屋カレースープの素</t>
  </si>
  <si>
    <t>ＣｏＣｏ壱番屋監修カレー鍋スープ</t>
  </si>
  <si>
    <t>ＣｏＣｏ壱番屋監修チーズカレー鍋スープ</t>
  </si>
  <si>
    <t>ココ壱番屋スープカレー用スープ</t>
  </si>
  <si>
    <t>一風堂博多とんこつ赤丸新味</t>
  </si>
  <si>
    <t>麺屋武蔵だし醤油味</t>
  </si>
  <si>
    <t>名店監修鍋すみれ札幌濃厚みそ味</t>
  </si>
  <si>
    <t>名店監修鍋天下一品京都鶏白湯味</t>
  </si>
  <si>
    <t>なだ万監修　鶏だしごま鍋用セット</t>
  </si>
  <si>
    <t>113g</t>
  </si>
  <si>
    <t>なだ万監修　西京みそ鍋用セット</t>
  </si>
  <si>
    <t>名店監修鍋一風堂ごま担々風極からか</t>
  </si>
  <si>
    <t>名店監修鍋一風堂博多とんこつ赤丸新味</t>
  </si>
  <si>
    <t>名店監修鍋飯田商店鶏だし醤油味</t>
  </si>
  <si>
    <t>名店監修鍋天下一品赤ん鶏白湯味</t>
  </si>
  <si>
    <t>リュウジ監修至高のキムチ鍋スープ</t>
  </si>
  <si>
    <t>リュウジ監修至高の鶏山椒鍋スープ</t>
  </si>
  <si>
    <t>名店監修鍋坂内淡麗旨だし仕立て</t>
  </si>
  <si>
    <t>博多華味鳥とり火鍋</t>
  </si>
  <si>
    <t>118.2g</t>
  </si>
  <si>
    <t>華味鳥水炊きスープ</t>
  </si>
  <si>
    <t>750　ｍｌ</t>
  </si>
  <si>
    <t>華味鳥寄せ鍋スープ</t>
  </si>
  <si>
    <t>華味鳥もつ鍋スープ</t>
  </si>
  <si>
    <t>博多華味鳥水たきスープ</t>
  </si>
  <si>
    <t>博多華味鳥　寄せ鍋スープ</t>
  </si>
  <si>
    <t>ﾊｶﾀﾊﾅﾐﾄﾞﾘ</t>
  </si>
  <si>
    <t>博多華味鳥もつ鍋スープ</t>
  </si>
  <si>
    <t>博多華味鳥キムチ鍋スープ</t>
  </si>
  <si>
    <t>博多華味鳥しょうが鍋スープ</t>
  </si>
  <si>
    <t>博多華味鳥寄せ鍋スープ</t>
  </si>
  <si>
    <t>博多華味鳥もつ鍋スープ鶏だし</t>
  </si>
  <si>
    <t>博多華味鳥もつ鍋スープ旨辛味噌</t>
  </si>
  <si>
    <t>賛否両論　白みそとり白湯</t>
  </si>
  <si>
    <t>賛否両論　赤みそ鯛だし鍋</t>
  </si>
  <si>
    <t>たむらカレー鍋</t>
  </si>
  <si>
    <t>炭火焼肉たむらのキムチ鍋スープ</t>
  </si>
  <si>
    <t>らーめん信玄監修コク味噌鍋つゆ</t>
  </si>
  <si>
    <t>シュレン国分</t>
  </si>
  <si>
    <t>ﾕﾅｲﾃｯﾄﾞﾌｰｽ</t>
  </si>
  <si>
    <t>四川麻辣鍋スープ</t>
  </si>
  <si>
    <t>がブリチキン監修鶏白湯鍋スープ</t>
  </si>
  <si>
    <t>酢</t>
  </si>
  <si>
    <t>料理用酢</t>
  </si>
  <si>
    <t>小容量（～150ml）</t>
  </si>
  <si>
    <t>ビネガー</t>
  </si>
  <si>
    <t>ビストロスパイシービネガー</t>
  </si>
  <si>
    <t>かに酢瓶</t>
  </si>
  <si>
    <t>橋詰食品工業</t>
  </si>
  <si>
    <t>白ワインビネガー</t>
  </si>
  <si>
    <t>フルーツビネガー　芳醇白ぶどう酢とグレープフルーツ酢</t>
  </si>
  <si>
    <t>１５０ｍｌ</t>
  </si>
  <si>
    <t>フルーツビネガー　芳醇りんご酢とレモン酢</t>
  </si>
  <si>
    <t>フルーツビネガー　大麦黒酢とバルサミコ酢</t>
  </si>
  <si>
    <t>バルサミコ</t>
  </si>
  <si>
    <t>バルサミコ酢</t>
  </si>
  <si>
    <t>内堀醸造</t>
  </si>
  <si>
    <t>ｳﾁﾎﾞﾘ</t>
  </si>
  <si>
    <t>生酢</t>
  </si>
  <si>
    <t>にっぽんゆず果汁100%</t>
  </si>
  <si>
    <t>たで酢</t>
  </si>
  <si>
    <t>福泉産業</t>
  </si>
  <si>
    <t>ﾌｸｲｽﾞﾐ</t>
  </si>
  <si>
    <t>かに酢</t>
  </si>
  <si>
    <t>横井醸造工業</t>
  </si>
  <si>
    <t>ﾖｺｲｼﾞｮｳｿﾞｳ</t>
  </si>
  <si>
    <t>中容量（151ml～500ml）</t>
  </si>
  <si>
    <t>サラダビネガー</t>
  </si>
  <si>
    <t>ポンティバルサミコ酢</t>
  </si>
  <si>
    <t>明治屋</t>
  </si>
  <si>
    <t>ﾒｲｼﾞﾔ</t>
  </si>
  <si>
    <t>インターフレッシュ</t>
  </si>
  <si>
    <t>ｲﾝﾀｰﾌﾚｯｼｭ</t>
  </si>
  <si>
    <t>スパイスビネガー</t>
  </si>
  <si>
    <t>DATU_PUTI</t>
  </si>
  <si>
    <t>ﾀﾞﾄﾌﾟﾃｨ</t>
  </si>
  <si>
    <t>Pinakurat</t>
  </si>
  <si>
    <t>ﾋﾟﾅｸﾗｯﾄ</t>
  </si>
  <si>
    <t>バルサミコビネガー</t>
  </si>
  <si>
    <t>イタリアンテ　バルサミコ酢ソース</t>
  </si>
  <si>
    <t>三杯酢</t>
  </si>
  <si>
    <t>すし自慢瓶</t>
  </si>
  <si>
    <t>一梅酢</t>
  </si>
  <si>
    <t>ｲﾁｳﾒｽ</t>
  </si>
  <si>
    <t>Ａグロソリ　ワインヴィネガー白</t>
  </si>
  <si>
    <t>ﾓﾝﾃﾌﾞｯｻﾝ</t>
  </si>
  <si>
    <t>Ａグロソリ　ワインヴィネガー赤</t>
  </si>
  <si>
    <t>Ａグロソリ　アチェート・バルサミコ</t>
  </si>
  <si>
    <t>有機アップルビネガー</t>
  </si>
  <si>
    <t>250ｍｌ</t>
  </si>
  <si>
    <t>ｱﾙﾁｪﾈﾛ</t>
  </si>
  <si>
    <t>有機バルサミコビネガー</t>
  </si>
  <si>
    <t>有機ホワイトバルサミコビネガー</t>
  </si>
  <si>
    <t>タマノイ酢</t>
  </si>
  <si>
    <t>ﾀﾏﾉｲｽ</t>
  </si>
  <si>
    <t>アチェトバルサミコスプレーボトル</t>
  </si>
  <si>
    <t>ｾｼﾞｮｳｲｼｲ</t>
  </si>
  <si>
    <t>アチェトバルサミコ３年熟成　赤ラベル</t>
  </si>
  <si>
    <t>アチェトバルサミコ５年熟成　白ラベル</t>
  </si>
  <si>
    <t>アチェトバルサミコ3リーフ</t>
  </si>
  <si>
    <t>サントリーホールディングス</t>
  </si>
  <si>
    <t>アチェトバルサミコ　１リーフ</t>
  </si>
  <si>
    <t>MAILLE赤ワインビネガー</t>
  </si>
  <si>
    <t>ｴｽﾋﾞ-ｼﾖｸﾋﾝ</t>
  </si>
  <si>
    <t>MAILLE白ワインビネガー</t>
  </si>
  <si>
    <t>飯尾醸造　純米富士酢</t>
  </si>
  <si>
    <t>飯尾醸造</t>
  </si>
  <si>
    <t>ｲｲｵｼﾞｮｳｿﾞｳ</t>
  </si>
  <si>
    <t>純米富士酢</t>
  </si>
  <si>
    <t>合鴨米米酢</t>
  </si>
  <si>
    <t>有機米酢</t>
  </si>
  <si>
    <t>金沢大地</t>
  </si>
  <si>
    <t>ｶﾅｻﾞﾜﾀﾞｲﾁ</t>
  </si>
  <si>
    <t>穀物酢</t>
  </si>
  <si>
    <t>米酢</t>
  </si>
  <si>
    <t>ﾋﾉﾃﾞｾｲﾌﾝ</t>
  </si>
  <si>
    <t>ｷﾝｸﾞｼﾞｮｳｿﾞ</t>
  </si>
  <si>
    <t>桜印百年酢</t>
  </si>
  <si>
    <t>ジュンマイス１００</t>
  </si>
  <si>
    <t>穀物酢ペット</t>
  </si>
  <si>
    <t>純米酢</t>
  </si>
  <si>
    <t>ﾐﾂｶﾝ_お米で作った純なお酢_300ML</t>
  </si>
  <si>
    <t>お米で作った純なお酢</t>
  </si>
  <si>
    <t>純玄米酢</t>
  </si>
  <si>
    <t>特濃酢</t>
  </si>
  <si>
    <t>5倍酢</t>
  </si>
  <si>
    <t>醸造酢</t>
  </si>
  <si>
    <t>ジョウゾウス</t>
  </si>
  <si>
    <t>三倍酢</t>
  </si>
  <si>
    <t>農産加工調味酢赤酢</t>
  </si>
  <si>
    <t>ふじもと醤油</t>
  </si>
  <si>
    <t>ﾌｼﾞﾓﾄ</t>
  </si>
  <si>
    <t>京あまり米酢</t>
  </si>
  <si>
    <t>うま酢</t>
  </si>
  <si>
    <t>大関食品</t>
  </si>
  <si>
    <t>ｵｵｾﾞｷｼｮｸﾋﾝ</t>
  </si>
  <si>
    <t>内堀__美濃__特選玄米酢</t>
  </si>
  <si>
    <t>内堀__美濃__純米酢</t>
  </si>
  <si>
    <t>内堀　酢</t>
  </si>
  <si>
    <t>本造り米酢</t>
  </si>
  <si>
    <t>内堀醸造　美濃特選だし酢360ＭＬ</t>
  </si>
  <si>
    <t>ｳﾘﾎﾞﾘｼﾞｮｳｿ</t>
  </si>
  <si>
    <t>英彦山生穀物酢</t>
  </si>
  <si>
    <t>英彦山生米酢</t>
  </si>
  <si>
    <t>山吹酢</t>
  </si>
  <si>
    <t>ヤマブキ</t>
  </si>
  <si>
    <t>ﾔﾏﾌﾞｷ</t>
  </si>
  <si>
    <t>チェリー酢</t>
  </si>
  <si>
    <t>酢の素</t>
  </si>
  <si>
    <t>水野醤油店</t>
  </si>
  <si>
    <t>ﾐｽﾞﾉｼｮｳﾕﾃﾝ</t>
  </si>
  <si>
    <t>大容量（501ml～1000ml）</t>
  </si>
  <si>
    <t>ホワイトビネガー</t>
  </si>
  <si>
    <t>ﾀﾞﾂﾌﾟﾁ</t>
  </si>
  <si>
    <t>米酢瓶</t>
  </si>
  <si>
    <t>レッドビネガー</t>
  </si>
  <si>
    <t>ﾍﾞﾙﾓﾝﾄ</t>
  </si>
  <si>
    <t>赤梅酢</t>
  </si>
  <si>
    <t>愛媛たいき農業協同組合</t>
  </si>
  <si>
    <t>ｷﾝｸﾞ</t>
  </si>
  <si>
    <t>穀物酢　</t>
  </si>
  <si>
    <t>タマノイ　米酢</t>
  </si>
  <si>
    <t>純米酢金封</t>
  </si>
  <si>
    <t>三ツ判山吹</t>
  </si>
  <si>
    <t>マルハマ食品ヤマキンゴールド酢1l</t>
  </si>
  <si>
    <t>マルハマ食品</t>
  </si>
  <si>
    <t>ﾏﾙﾊﾏｼｮｸﾋﾝ</t>
  </si>
  <si>
    <t>マルカン酢</t>
  </si>
  <si>
    <t>ﾏﾙｶﾝｽ</t>
  </si>
  <si>
    <t>ヤマキン米酢</t>
  </si>
  <si>
    <t>ヤマキン</t>
  </si>
  <si>
    <t>ﾔﾏｷﾝ</t>
  </si>
  <si>
    <t>やわらか酸味の米酢</t>
  </si>
  <si>
    <t>やわらか酸味の穀物酢</t>
  </si>
  <si>
    <t>吟醸瓶</t>
  </si>
  <si>
    <t>神崎屋</t>
  </si>
  <si>
    <t>ｶﾝｻﾞｷﾔ</t>
  </si>
  <si>
    <t>九重酢</t>
  </si>
  <si>
    <t>九重雜賀</t>
  </si>
  <si>
    <t>ｺｺﾉｴｻﾞﾂｶﾞ</t>
  </si>
  <si>
    <t>マンネン酢</t>
  </si>
  <si>
    <t>ﾊﾞﾝﾈﾝｽ</t>
  </si>
  <si>
    <t>中橋造酢</t>
  </si>
  <si>
    <t>ﾅｶﾊｼｼﾞｮｳｽﾞ</t>
  </si>
  <si>
    <t>吟醸仁尾酢</t>
  </si>
  <si>
    <t>１０００Ｇ</t>
  </si>
  <si>
    <t>バルサミコクリーム</t>
  </si>
  <si>
    <t>ﾃｰﾌﾞﾙﾋﾞﾈｶﾞｰ玉ねぎと大麦黒酢</t>
  </si>
  <si>
    <t>210ML</t>
  </si>
  <si>
    <t>ﾃｰﾌﾞﾙﾋﾞﾈｶﾞｰ玉ねぎと五穀酢</t>
  </si>
  <si>
    <t>さっぱり酢しょうゆ</t>
  </si>
  <si>
    <t>かけて便利南蛮酢</t>
  </si>
  <si>
    <t>５００ＭＬ</t>
  </si>
  <si>
    <t>タルタルソース</t>
  </si>
  <si>
    <t>SSK</t>
  </si>
  <si>
    <t>白梅酢</t>
  </si>
  <si>
    <t>1000cc</t>
  </si>
  <si>
    <t>黒酢</t>
  </si>
  <si>
    <t>20L</t>
  </si>
  <si>
    <t>りんご酢ＢＩＢ</t>
  </si>
  <si>
    <t>20Ｌ</t>
  </si>
  <si>
    <t>あごだし入りだし酢</t>
  </si>
  <si>
    <t>４袋</t>
  </si>
  <si>
    <t>ピクルスの酢</t>
  </si>
  <si>
    <t>ｵﾀﾌｸ</t>
  </si>
  <si>
    <t>黒酢入りらっきょう酢</t>
  </si>
  <si>
    <t>７００ｍｌ</t>
  </si>
  <si>
    <t>ｸﾛｽｵﾝ</t>
  </si>
  <si>
    <t>ピリ辛らっきょう酢</t>
  </si>
  <si>
    <t>まろやか旨酢タレ</t>
  </si>
  <si>
    <t>400ＭＬ</t>
  </si>
  <si>
    <t>ﾏﾂｱｲ</t>
  </si>
  <si>
    <t>１Ｋｇ</t>
  </si>
  <si>
    <t>ｺｺﾅｯﾂｵｲﾙ</t>
  </si>
  <si>
    <t>ﾁﾌﾞｷﾞｽ</t>
  </si>
  <si>
    <t>ヘルシー米酢</t>
  </si>
  <si>
    <t>ヘルシー穀物酢</t>
  </si>
  <si>
    <t>穀物酢家庭用ペット</t>
  </si>
  <si>
    <t>マルハマ食品ヤマキン酢金</t>
  </si>
  <si>
    <t>酢　ゴールド</t>
  </si>
  <si>
    <t>酢　金印</t>
  </si>
  <si>
    <t>はちみつ入りゴールド酢</t>
  </si>
  <si>
    <t>酢_金印</t>
  </si>
  <si>
    <t>酢1.8?PET</t>
  </si>
  <si>
    <t>福山酢醸造</t>
  </si>
  <si>
    <t>ﾌｸﾔﾏｽ</t>
  </si>
  <si>
    <t>上酢</t>
  </si>
  <si>
    <t>カネフト仁尾酢瓶</t>
  </si>
  <si>
    <t>料理用酢（簡便）</t>
  </si>
  <si>
    <t>すし</t>
  </si>
  <si>
    <t>おとなのすし酢</t>
  </si>
  <si>
    <t>汎用</t>
  </si>
  <si>
    <t>まろやか仕立て食卓のお酢</t>
  </si>
  <si>
    <t>酢のもの酢土佐酢</t>
  </si>
  <si>
    <t>アマズ</t>
  </si>
  <si>
    <t>やさしいお酢</t>
  </si>
  <si>
    <t>宗田節が香る土佐酢</t>
  </si>
  <si>
    <t>土佐清水食品</t>
  </si>
  <si>
    <t>ﾄｻｼﾐｽﾞ</t>
  </si>
  <si>
    <t>かけて巻くだけ手巻きずし</t>
  </si>
  <si>
    <t>大森屋</t>
  </si>
  <si>
    <t>すっしー　ピンク</t>
  </si>
  <si>
    <t>38g</t>
  </si>
  <si>
    <t>カンタン酢パウダー</t>
  </si>
  <si>
    <t>昆布だし入り甘酢</t>
  </si>
  <si>
    <t>蟹酢</t>
  </si>
  <si>
    <t>横井　ふりかけ酢　１５０ｍｌ</t>
  </si>
  <si>
    <t>かに酢　150ml</t>
  </si>
  <si>
    <t>横井醸造工業　赤酢　１５０ｍｌ</t>
  </si>
  <si>
    <t>飯尾醸造　富士すし酢</t>
  </si>
  <si>
    <t>特級すし酢米酢白菊仕立て</t>
  </si>
  <si>
    <t>特級すし酢赤酢醸美仕立て</t>
  </si>
  <si>
    <t>すし酢昆布だし入</t>
  </si>
  <si>
    <t>ダイエットタマノイ</t>
  </si>
  <si>
    <t>減塩すし酢昆布だし入</t>
  </si>
  <si>
    <t>ﾀﾏﾉｲ</t>
  </si>
  <si>
    <t>すし酢</t>
  </si>
  <si>
    <t>かけるすし酢</t>
  </si>
  <si>
    <t>すし酢あまくち</t>
  </si>
  <si>
    <t>すし酢あまくち青</t>
  </si>
  <si>
    <t>すし酢昆布だし</t>
  </si>
  <si>
    <t>寿司酢</t>
  </si>
  <si>
    <t>すし酢　関西風</t>
  </si>
  <si>
    <t>馬路村農協馬路ずしの素瓶360ml</t>
  </si>
  <si>
    <t>京風すし酢</t>
  </si>
  <si>
    <t>美濃特選すし酢</t>
  </si>
  <si>
    <t>すし酢祭りばやし</t>
  </si>
  <si>
    <t>ビネガ-スタイルアップルビネガー＆レモン</t>
  </si>
  <si>
    <t>いいこと酢</t>
  </si>
  <si>
    <t>いいこと酢ケチャップタイプ</t>
  </si>
  <si>
    <t>いいこと酢ソースタイプ</t>
  </si>
  <si>
    <t>ビネガースタイル白ワインビネガー＆ハーブ１９０ｍｌ</t>
  </si>
  <si>
    <t>190ML</t>
  </si>
  <si>
    <t>べんりなお酢</t>
  </si>
  <si>
    <t>カンタン酢2本セット</t>
  </si>
  <si>
    <t>七福　カニ酢　１８０ｍｌ</t>
  </si>
  <si>
    <t>七福</t>
  </si>
  <si>
    <t>スシスプレミアムハーフ</t>
  </si>
  <si>
    <t>千鳥酢　瓶</t>
  </si>
  <si>
    <t>村山造酢</t>
  </si>
  <si>
    <t>ﾑﾗﾔﾏｿﾞｳｽ</t>
  </si>
  <si>
    <t>マルキン黒麹もろみ酢プレーン</t>
  </si>
  <si>
    <t>マルキン黒麹もろみ酢低糖</t>
  </si>
  <si>
    <t>野菜漬けるかける生活酢</t>
  </si>
  <si>
    <t>まろやか旨い酢</t>
  </si>
  <si>
    <t>熟味酢</t>
  </si>
  <si>
    <t>旬野菜甘酢漬けの素</t>
  </si>
  <si>
    <t>南蛮漬の素</t>
  </si>
  <si>
    <t>南蛮漬けの素</t>
  </si>
  <si>
    <t>カルパッチョ用ソース</t>
  </si>
  <si>
    <t>ピクルスの素</t>
  </si>
  <si>
    <t>カンタンいろいろ使えま酢</t>
  </si>
  <si>
    <t>カンタン酢</t>
  </si>
  <si>
    <t>かけるカンタン酢</t>
  </si>
  <si>
    <t>カンタン酢レモン</t>
  </si>
  <si>
    <t>カンタン酢たっぷりたまねぎ</t>
  </si>
  <si>
    <t>カンタン黒酢</t>
  </si>
  <si>
    <t>お肉をおいしくするお酢</t>
  </si>
  <si>
    <t>おだしのおいしいまろやか酢</t>
  </si>
  <si>
    <t>まろやか酢</t>
  </si>
  <si>
    <t>カンタン酢トマト</t>
  </si>
  <si>
    <t>カンタン酢彩りやさい</t>
  </si>
  <si>
    <t>250ML</t>
  </si>
  <si>
    <t>カンタン酢　黒酢たまねぎ</t>
  </si>
  <si>
    <t>カンタン酢まろやか和風だし</t>
  </si>
  <si>
    <t>カンタン純米酢</t>
  </si>
  <si>
    <t>サラダをおいしく食べる</t>
  </si>
  <si>
    <t>サラダをおいしく酢サッパ</t>
  </si>
  <si>
    <t>サラダおいしくまろやかトマ</t>
  </si>
  <si>
    <t>オイルとかける酢りんご酢＆レモン</t>
  </si>
  <si>
    <t>オイルとかける酢白ぶどう酢＆ハーブ</t>
  </si>
  <si>
    <t>ビネガーシェフたっぷりたまねぎ</t>
  </si>
  <si>
    <t>２５０ｍｌ</t>
  </si>
  <si>
    <t>ビネガーシェフクリーミーエッグ</t>
  </si>
  <si>
    <t>２４５ｍｌ</t>
  </si>
  <si>
    <t>ビネガーシェフ　こくうまトマト</t>
  </si>
  <si>
    <t>ビネガーシェフ　和風オニオン</t>
  </si>
  <si>
    <t>土佐酢</t>
  </si>
  <si>
    <t>酢のもの黒酢</t>
  </si>
  <si>
    <t>酢のもの土佐酢</t>
  </si>
  <si>
    <t>これ一本できまりま酢</t>
  </si>
  <si>
    <t>２００ｍｌ瓶</t>
  </si>
  <si>
    <t>カンタンべんり酢</t>
  </si>
  <si>
    <t>プラス糀　糀の酢</t>
  </si>
  <si>
    <t>梅酢</t>
  </si>
  <si>
    <t>おまかせ酢</t>
  </si>
  <si>
    <t>近藤　むすめ酢</t>
  </si>
  <si>
    <t>近藤造酢</t>
  </si>
  <si>
    <t>ｺﾝﾄﾞｳ</t>
  </si>
  <si>
    <t>ビネガーシェフ　ごま辛酢</t>
  </si>
  <si>
    <t>1060ml</t>
  </si>
  <si>
    <t>なんにでも使える酢</t>
  </si>
  <si>
    <t>久保醸造</t>
  </si>
  <si>
    <t>ｸﾎﾞ</t>
  </si>
  <si>
    <t>生姜梅酢</t>
  </si>
  <si>
    <t>人参梅酢</t>
  </si>
  <si>
    <t>飯尾醸造　富士ピクル酢</t>
  </si>
  <si>
    <t>南蛮漬の酢</t>
  </si>
  <si>
    <t>なますの酢</t>
  </si>
  <si>
    <t>赤寿し酢</t>
  </si>
  <si>
    <t>寿し酢</t>
  </si>
  <si>
    <t>らっきょう酢</t>
  </si>
  <si>
    <t>千枚漬けの酢</t>
  </si>
  <si>
    <t>たちまちうまい酢</t>
  </si>
  <si>
    <t>新しょうがの甘酢</t>
  </si>
  <si>
    <t>かけるだけで酢</t>
  </si>
  <si>
    <t>美濃三年酢</t>
  </si>
  <si>
    <t>そのまんま酢の物</t>
  </si>
  <si>
    <t>尾道造酢</t>
  </si>
  <si>
    <t>ｵﾉﾐﾁｿﾞｳｽ</t>
  </si>
  <si>
    <t>濃厚酢</t>
  </si>
  <si>
    <t>カクマン</t>
  </si>
  <si>
    <t>ｶｸﾏﾝ</t>
  </si>
  <si>
    <t>カンタン便利なお手軽酢</t>
  </si>
  <si>
    <t>つんとしないお酢</t>
  </si>
  <si>
    <t>国産玄米使用純玄米黒酢</t>
  </si>
  <si>
    <t>だしのきいたまろやかなお酢</t>
  </si>
  <si>
    <t>マルヤ　魔法です</t>
  </si>
  <si>
    <t>近藤酢店すし酢900ml</t>
  </si>
  <si>
    <t>900ML</t>
  </si>
  <si>
    <t>近藤酢店</t>
  </si>
  <si>
    <t>ヤマキンすし酢</t>
  </si>
  <si>
    <t>うずまき酢</t>
  </si>
  <si>
    <t>ｳｽﾞﾏｷ</t>
  </si>
  <si>
    <t>ええあんばい酢</t>
  </si>
  <si>
    <t>ﾅｶﾉｼﾞｮｳｿﾞｳ</t>
  </si>
  <si>
    <t>延命酢</t>
  </si>
  <si>
    <t>ﾏﾙﾔｽ</t>
  </si>
  <si>
    <t>かんたん酢2本セット</t>
  </si>
  <si>
    <t>らっきょう酢2個セット</t>
  </si>
  <si>
    <t>便利なお酢</t>
  </si>
  <si>
    <t>サワードリンク酢</t>
  </si>
  <si>
    <t>カンタンリンゴ酢</t>
  </si>
  <si>
    <t>ラッキョス</t>
  </si>
  <si>
    <t>らっきょ酢</t>
  </si>
  <si>
    <t>ｽｷﾞｶﾜ</t>
  </si>
  <si>
    <t>美味酢</t>
  </si>
  <si>
    <t>庄分酢</t>
  </si>
  <si>
    <t>ｼﾖｳﾌﾞﾝｽ</t>
  </si>
  <si>
    <t>赤シソ搾り　720ml</t>
  </si>
  <si>
    <t>720ml_</t>
  </si>
  <si>
    <t>東海農産</t>
  </si>
  <si>
    <t>ﾄｳｶｲﾉｳｻﾝｶﾌ</t>
  </si>
  <si>
    <t>かぶら酢</t>
  </si>
  <si>
    <t>らっきょ酢瓶</t>
  </si>
  <si>
    <t>らっきょう酢チャック付</t>
  </si>
  <si>
    <t>昆布だしはちみつ入りらっきょう酢</t>
  </si>
  <si>
    <t>ｲｶﾞﾀｼｮｳﾕ</t>
  </si>
  <si>
    <t>らっきょ酢　1.8L</t>
  </si>
  <si>
    <t>ｺﾀﾞﾏ</t>
  </si>
  <si>
    <t>そのまんま酢</t>
  </si>
  <si>
    <t>らっきょう酢2本セット</t>
  </si>
  <si>
    <t>金杯酢</t>
  </si>
  <si>
    <t>1200ml</t>
  </si>
  <si>
    <t>謹製らっきょう酢</t>
  </si>
  <si>
    <t>すず</t>
  </si>
  <si>
    <t>飲用酢</t>
  </si>
  <si>
    <t>健康系タイプ飲料</t>
  </si>
  <si>
    <t>希釈</t>
  </si>
  <si>
    <t>バーモント</t>
  </si>
  <si>
    <t>酢１．８ＭＫ</t>
  </si>
  <si>
    <t>はちみつレモンＢｘ５０</t>
  </si>
  <si>
    <t>りんご酢　ハチミツ入り</t>
  </si>
  <si>
    <t>蜂蜜黒酢</t>
  </si>
  <si>
    <t>くだもの酢ブルーベリー酢</t>
  </si>
  <si>
    <t>くだもの酢ザクロ酢</t>
  </si>
  <si>
    <t>くだもの酢桃の酢</t>
  </si>
  <si>
    <t>くだもの酢ゆず酢はちみつ</t>
  </si>
  <si>
    <t>柚子酢</t>
  </si>
  <si>
    <t>レモンの酢</t>
  </si>
  <si>
    <t>信商事　SEMPIO黒酢　ブルーベリー</t>
  </si>
  <si>
    <t>信商事</t>
  </si>
  <si>
    <t>SEMPIO黒酢ザクロ</t>
  </si>
  <si>
    <t>ｼﾝｼｮｳｼﾞ</t>
  </si>
  <si>
    <t>SEMPIO黒酢しょうが</t>
  </si>
  <si>
    <t>スプレッソ　ふじりんご×黒酢</t>
  </si>
  <si>
    <t>片岡物産</t>
  </si>
  <si>
    <t>ｶﾀｵｶﾌﾞｯｻﾝ</t>
  </si>
  <si>
    <t>スプレッソ　ブルーベリー×黒酢</t>
  </si>
  <si>
    <t>スプレッソ　南高梅×黒酢</t>
  </si>
  <si>
    <t>飲むはちみつ＆黒酢</t>
  </si>
  <si>
    <t>はちみつりんご酢</t>
  </si>
  <si>
    <t>ﾃｰﾌﾞﾙﾋﾞﾈｶﾞｰにんじんとﾚﾓﾝ酢</t>
  </si>
  <si>
    <t>梅酢飲料</t>
  </si>
  <si>
    <t>黒酢バーモントドリンク</t>
  </si>
  <si>
    <t>五穀黒酢飲料</t>
  </si>
  <si>
    <t>琉球もろみ酢</t>
  </si>
  <si>
    <t>125ml</t>
  </si>
  <si>
    <t>スーパー黒酢ドリンク</t>
  </si>
  <si>
    <t>はちみつ黒酢ダイエット濃縮タイプ</t>
  </si>
  <si>
    <t>はちみつりんご酢ダイエット濃縮</t>
  </si>
  <si>
    <t>黒酢バーモンド</t>
  </si>
  <si>
    <t>はちみつうめダイエット濃縮タイプ</t>
  </si>
  <si>
    <t>純トマト酢</t>
  </si>
  <si>
    <t>黒酢ゆず</t>
  </si>
  <si>
    <t>すっきりりんご酢</t>
  </si>
  <si>
    <t>飲むハーブ酢　ローズヒップ　瓶３００ｍｌ</t>
  </si>
  <si>
    <t>飲むハーブ酢ジンジャー＆Ｌ　瓶３００ｍｌ</t>
  </si>
  <si>
    <t>飲むハーブ酢　カモミール＆ライチ</t>
  </si>
  <si>
    <t>カラダ酢アセロラ</t>
  </si>
  <si>
    <t>カラダ酢_マンゴーミックス</t>
  </si>
  <si>
    <t>カラダ酢レモン＆グレープフルーツ</t>
  </si>
  <si>
    <t>ざくろ黒酢</t>
  </si>
  <si>
    <t>ゆずはちみつ黒酢</t>
  </si>
  <si>
    <t>りんごはちみつ黒酢</t>
  </si>
  <si>
    <t>はちみつりんご酢ダイエット</t>
  </si>
  <si>
    <t>ブルーベリー黒酢</t>
  </si>
  <si>
    <t>梅はちみつ黒酢</t>
  </si>
  <si>
    <t>シードルビネガードリンク</t>
  </si>
  <si>
    <t>うめ黒酢</t>
  </si>
  <si>
    <t>りんご黒酢</t>
  </si>
  <si>
    <t>アサイー黒酢</t>
  </si>
  <si>
    <t>まろやかりんご酢　アセロラ</t>
  </si>
  <si>
    <t>まろやかりんご酢はちみつりんご</t>
  </si>
  <si>
    <t>まろやかりんご酢　ローズヒップ＆カシス</t>
  </si>
  <si>
    <t>はちみつしょうが黒酢</t>
  </si>
  <si>
    <t>レモン黒酢</t>
  </si>
  <si>
    <t>ヨーグルト黒酢</t>
  </si>
  <si>
    <t>りんご黒酢はちみつ</t>
  </si>
  <si>
    <t>砂糖無添加ソルティライチ黒酢</t>
  </si>
  <si>
    <t>砂糖無添加シャインマスカット黒酢</t>
  </si>
  <si>
    <t>砂糖無添加_マンゴー杏仁黒酢</t>
  </si>
  <si>
    <t>砂糖無添加3種のベリー黒酢</t>
  </si>
  <si>
    <t>砂糖無添加シチリアンレモネード黒酢</t>
  </si>
  <si>
    <t>砂糖無添加北海道メロン黒酢</t>
  </si>
  <si>
    <t>炭酸割り専用りんご酢アップル味</t>
  </si>
  <si>
    <t>炭酸割り専用りんご酢ザクロ味</t>
  </si>
  <si>
    <t>炭酸割り専用りんご酢レモン味</t>
  </si>
  <si>
    <t>GABA100睡活ビネガー</t>
  </si>
  <si>
    <t>GABA100肌弾ビネガー</t>
  </si>
  <si>
    <t>マンゴー黒酢</t>
  </si>
  <si>
    <t>マスカット黒酢ドリンク</t>
  </si>
  <si>
    <t>ダイエット黒酢ドリンク　ブルーベリー</t>
  </si>
  <si>
    <t>ダイエット黒酢ドリンク　ゴールデンキウイ</t>
  </si>
  <si>
    <t>ダイエット黒酢ドリンク　アセロラ</t>
  </si>
  <si>
    <t>ダイエット黒酢ドリンク　ゆず</t>
  </si>
  <si>
    <t>ダイエット黒酢ドリンク　ローズヒップ</t>
  </si>
  <si>
    <t>ダイエット黒酢ハローキティリンゴ</t>
  </si>
  <si>
    <t>ダイエット黒酢ヨーグルト味</t>
  </si>
  <si>
    <t>ダイエット黒酢ブルーベリーヨーグルト味</t>
  </si>
  <si>
    <t>ヤマモリ　ＧＡＢＡでリラックスりんご酢　３６０ｍｌ</t>
  </si>
  <si>
    <t>乳酸菌黒酢　ヨーグルト味　糖質＆カロリーハーフ</t>
  </si>
  <si>
    <t>リンゴクロス　ライトタイプ</t>
  </si>
  <si>
    <t>坂元醸造</t>
  </si>
  <si>
    <t>ｻｶﾓﾄ</t>
  </si>
  <si>
    <t>坂元の黒酢とりんご</t>
  </si>
  <si>
    <t>カネショウ　りんご酢　ハチミツ入　瓶５００ｍｌ</t>
  </si>
  <si>
    <t>カネショウ</t>
  </si>
  <si>
    <t>ｶﾈｼｮｳ</t>
  </si>
  <si>
    <t>ぶどうとブルーベリーの酢</t>
  </si>
  <si>
    <t>バナナ黒酢</t>
  </si>
  <si>
    <t>しそ黒酢</t>
  </si>
  <si>
    <t>玄米黒酢</t>
  </si>
  <si>
    <t>黒酢とりんご</t>
  </si>
  <si>
    <t>ビネガードリンク　カシス</t>
  </si>
  <si>
    <t>キユーピー醸造</t>
  </si>
  <si>
    <t>ビネガードリンク　まろやかぶどう味</t>
  </si>
  <si>
    <t>ビネガードリンクピーチ</t>
  </si>
  <si>
    <t>ｷｭｰﾋﾟｰｼﾞｮｳ</t>
  </si>
  <si>
    <t>ビネガードリンク　グレープフルーツ</t>
  </si>
  <si>
    <t>ビネガードリンク　りんご酢・黒酢</t>
  </si>
  <si>
    <t>ストレート</t>
  </si>
  <si>
    <t>マインズ　黒酢ドリンク×3本セット</t>
  </si>
  <si>
    <t>毎日レモン＆りんご酢</t>
  </si>
  <si>
    <t>レモンの酢ダイエットストレート</t>
  </si>
  <si>
    <t>ｽﾌﾟﾚｯｿ　ふじりんご</t>
  </si>
  <si>
    <t>ｽﾌﾟﾚｯｿ　ブルーベリー</t>
  </si>
  <si>
    <t>フルーティス日向夏</t>
  </si>
  <si>
    <t>フルーティスレモネード</t>
  </si>
  <si>
    <t>飲むハーブ酢　ローズヒップ＆カシス　スト</t>
  </si>
  <si>
    <t>飲むハーブ酢　ジンジャー＆レモン　ストレ</t>
  </si>
  <si>
    <t>はちみつリンゴ酢ダイエット</t>
  </si>
  <si>
    <t>はちみつぶどう酢</t>
  </si>
  <si>
    <t>さらっとぶどう酢ストレート</t>
  </si>
  <si>
    <t>ダイエットバーモント</t>
  </si>
  <si>
    <t>バーモントストレート</t>
  </si>
  <si>
    <t>さらっとトマト酢ダイエット</t>
  </si>
  <si>
    <t>マインズ黒酢ドリンク</t>
  </si>
  <si>
    <t>マインズりんご酢ドリンク</t>
  </si>
  <si>
    <t>ブルーベリー黒酢カロリーゼロ</t>
  </si>
  <si>
    <t>りんご黒酢カロリーゼロ</t>
  </si>
  <si>
    <t>シードルビネガードリンク　ストレート</t>
  </si>
  <si>
    <t>ヨーグルト黒酢ストレート</t>
  </si>
  <si>
    <t>梅はちみつ黒酢ストレート</t>
  </si>
  <si>
    <t>ブルーベリー黒酢ダイエット</t>
  </si>
  <si>
    <t>りんごはちみつ黒酢ダイエット</t>
  </si>
  <si>
    <t>ブルーベリー黒酢ダイエット　ストレート</t>
  </si>
  <si>
    <t>りんご黒酢ダイエット　ストレート</t>
  </si>
  <si>
    <t>ざくろ黒酢ダイエット　ストレート</t>
  </si>
  <si>
    <t>ブルーベリー黒酢ストレート</t>
  </si>
  <si>
    <t>りんご黒酢ストレート</t>
  </si>
  <si>
    <t>ざくろ黒酢ストレート</t>
  </si>
  <si>
    <t>アサイー黒酢　ストレート</t>
  </si>
  <si>
    <t>1000ML</t>
  </si>
  <si>
    <t>まろやかりんご酢　アセロラ　ストレート</t>
  </si>
  <si>
    <t>まろやかりんご酢はちみつりんごストレート</t>
  </si>
  <si>
    <t>はちみつしょうが黒酢　ストレート</t>
  </si>
  <si>
    <t>レモン黒酢　ストレート</t>
  </si>
  <si>
    <t>レモンの酢ストレート</t>
  </si>
  <si>
    <t>果実タイプ飲料</t>
  </si>
  <si>
    <t>美酢3本セット</t>
  </si>
  <si>
    <t>プチジェル美酢ざくろ900ml2本セット</t>
  </si>
  <si>
    <t>プチジェル美酢ざくろ900ml3本セット</t>
  </si>
  <si>
    <t>ざくろ酢2個セット</t>
  </si>
  <si>
    <t>800ml×2P</t>
  </si>
  <si>
    <t>ﾀﾞｲﾄﾞｳ</t>
  </si>
  <si>
    <t>ブルーベリー酢2個セット</t>
  </si>
  <si>
    <t>美酢レモン・ざくろお試しセット</t>
  </si>
  <si>
    <t>青森県産りんごはちみつ酢</t>
  </si>
  <si>
    <t>梅薫醸造</t>
  </si>
  <si>
    <t>ﾊﾞｲｸﾝ</t>
  </si>
  <si>
    <t>福岡あまおういちご酢</t>
  </si>
  <si>
    <t>福岡あまおう酢</t>
  </si>
  <si>
    <t>ﾊﾞｲｸﾝｼﾞｮｳ</t>
  </si>
  <si>
    <t>ザクロ酢</t>
  </si>
  <si>
    <t>青森りんご酢</t>
  </si>
  <si>
    <t>岡山シャインマスカット酢</t>
  </si>
  <si>
    <t>瀬戸内レモン酢</t>
  </si>
  <si>
    <t>瀬戸内レモン酢5倍</t>
  </si>
  <si>
    <t>健翔</t>
  </si>
  <si>
    <t>ｹﾝｼｮｳ</t>
  </si>
  <si>
    <t>ザクロ酢5倍希釈</t>
  </si>
  <si>
    <t>福岡あまおういちご酢5倍希釈</t>
  </si>
  <si>
    <t>青森県産りんご酢5倍希釈</t>
  </si>
  <si>
    <t>ざくろ酢</t>
  </si>
  <si>
    <t>大同</t>
  </si>
  <si>
    <t>もも酢</t>
  </si>
  <si>
    <t>パイナップル酢</t>
  </si>
  <si>
    <t>ブルーベリー酢</t>
  </si>
  <si>
    <t>フルビカル　ざくろ</t>
  </si>
  <si>
    <t>フルビカル　もも</t>
  </si>
  <si>
    <t>フルビカル　パイナップル</t>
  </si>
  <si>
    <t>フルビカル　ブルーベリー</t>
  </si>
  <si>
    <t>フルビカル　マスカット</t>
  </si>
  <si>
    <t>ホンチョレモンライム</t>
  </si>
  <si>
    <t>瀬戸内レモン＆りんご酢</t>
  </si>
  <si>
    <t>BRAGGオーガニックアップルサイダービネガー</t>
  </si>
  <si>
    <t>946ml</t>
  </si>
  <si>
    <t>こと京野菜</t>
  </si>
  <si>
    <t>ｺﾌﾟﾗｽ</t>
  </si>
  <si>
    <t>473ml</t>
  </si>
  <si>
    <t>美酢プラスざくろ</t>
  </si>
  <si>
    <t>美酢プラスマンゴー</t>
  </si>
  <si>
    <t>美酢ﾌﾟﾗｽブルーベリー</t>
  </si>
  <si>
    <t>美酢プラスうめ</t>
  </si>
  <si>
    <t>美酢プラスりんご</t>
  </si>
  <si>
    <t>美酢太陽のシトラス</t>
  </si>
  <si>
    <t>美酢アセロラ</t>
  </si>
  <si>
    <t>美酢キウイ</t>
  </si>
  <si>
    <t>ｼｰｼﾞｪｰﾌｰｽﾞ</t>
  </si>
  <si>
    <t>ゆずドリンク</t>
  </si>
  <si>
    <t>飲む黒酢スウィーティー</t>
  </si>
  <si>
    <t>蜂蜜柚子酢4倍希釈</t>
  </si>
  <si>
    <t>フルーティスピンクグレープフルーツ</t>
  </si>
  <si>
    <t>シャインマスカットとりんご酢</t>
  </si>
  <si>
    <t>フルーティスリッチマンゴーピーチ</t>
  </si>
  <si>
    <t>フルーティスクリアシトラス</t>
  </si>
  <si>
    <t>フルーティスざくろラズベリー</t>
  </si>
  <si>
    <t>フルーティスシャルドネ</t>
  </si>
  <si>
    <t>フルーティスピーチライチ</t>
  </si>
  <si>
    <t>飲む黒酢ふじりんご</t>
  </si>
  <si>
    <t>炭酸割り専用ビネガーザクロ味</t>
  </si>
  <si>
    <t>炭酸割り専用ビネガーレモン味</t>
  </si>
  <si>
    <t>炭酸割り専用ビネガーアップル味</t>
  </si>
  <si>
    <t>炭酸割り専用ビネガークラフトジンジャー味</t>
  </si>
  <si>
    <t>アロエヨーグルト味黒酢</t>
  </si>
  <si>
    <t>愛媛いよかん黒酢</t>
  </si>
  <si>
    <t>甘熟王パイン黒酢</t>
  </si>
  <si>
    <t>甘熟王バナナ黒酢</t>
  </si>
  <si>
    <t>甘熟王フルーツミックス黒酢</t>
  </si>
  <si>
    <t>ビネグイットまろやかりんご酢ドリンク6倍濃縮タイプ</t>
  </si>
  <si>
    <t>ビネグイットはちみつ黒酢ドリンク6倍濃縮タイプ</t>
  </si>
  <si>
    <t>ビネグイットりんご酢マンゴーミックス6倍濃縮タイプ</t>
  </si>
  <si>
    <t>ビネグイット黒酢ぶどう＆ベリーミックス</t>
  </si>
  <si>
    <t>ビネグイット黒酢ざくろミックス6倍濃縮タイプ</t>
  </si>
  <si>
    <t>ビネグイットりんご酢ローズヒップ＆カシス</t>
  </si>
  <si>
    <t>ビネグイットりんご酢ピンクグレープフルーツ6倍濃縮タイプ</t>
  </si>
  <si>
    <t>ビネグイットりんご酢白桃ミックス6倍濃縮タイプ</t>
  </si>
  <si>
    <t>ビネグイットヨーグルト黒酢ドリンク6倍濃縮タイプ</t>
  </si>
  <si>
    <t>りんご酢瓶</t>
  </si>
  <si>
    <t>りんご酢</t>
  </si>
  <si>
    <t>サガ・ビネガー</t>
  </si>
  <si>
    <t>ｻｶﾞﾋﾞﾈｶﾞｰ</t>
  </si>
  <si>
    <t>内堀醸造フルーツビネガーりんご</t>
  </si>
  <si>
    <t>内堀醸造　フルーツビネガーぶとうとブルーベリー　３６０ｍｌ</t>
  </si>
  <si>
    <t>内堀醸造　フルーツビネガーざくろ　３６０ｍｌ</t>
  </si>
  <si>
    <t>内堀醸造　フルーツビネガーレモンライムの酢　360ｍｌ</t>
  </si>
  <si>
    <t>内堀醸造　フルーツビネガートロピカルフルーツ　３６０ｍｌ</t>
  </si>
  <si>
    <t>美酢ざくろ</t>
  </si>
  <si>
    <t>美酢　カラマンシー</t>
  </si>
  <si>
    <t>美酢パイナップル</t>
  </si>
  <si>
    <t>美酢マスカット</t>
  </si>
  <si>
    <t>美酢もも</t>
  </si>
  <si>
    <t>美酢カラマンシー</t>
  </si>
  <si>
    <t>美酢いちご</t>
  </si>
  <si>
    <t>美酢みかん</t>
  </si>
  <si>
    <t>美酢レモン</t>
  </si>
  <si>
    <t>美味しく飲めるホンチョ青りんご</t>
  </si>
  <si>
    <t>美味しく飲めるホンチョざくろ</t>
  </si>
  <si>
    <t>美味しく飲めるホンチョいちご＆グレープフルーツ</t>
  </si>
  <si>
    <t>美味しく飲めるホンチョブルーベリー</t>
  </si>
  <si>
    <t>紅酢　ざくろ</t>
  </si>
  <si>
    <t>美酢グレープフルーツ</t>
  </si>
  <si>
    <t>美酢_ざくろ</t>
  </si>
  <si>
    <t>CJ</t>
  </si>
  <si>
    <t>アシストバルール</t>
  </si>
  <si>
    <t>ｱｼﾊﾞﾙ</t>
  </si>
  <si>
    <t>フルーティスピンクグレープフルーツストレート</t>
  </si>
  <si>
    <t>フルーティスリッチ白桃</t>
  </si>
  <si>
    <t>フルーティスざくろラズベリーストレート</t>
  </si>
  <si>
    <t>フルーティスピーチライチストレート</t>
  </si>
  <si>
    <t>フルーティスシャルドネストレート</t>
  </si>
  <si>
    <t>飲用生酢</t>
  </si>
  <si>
    <t>ぶどう酢白</t>
  </si>
  <si>
    <t>アサヤ食品</t>
  </si>
  <si>
    <t>ｱｻﾔｼｮｸﾋﾝ</t>
  </si>
  <si>
    <t>ぶどう酢赤</t>
  </si>
  <si>
    <t>奄美自然食品本舗　かけろま　きび酢</t>
  </si>
  <si>
    <t>奄美自然食本舗</t>
  </si>
  <si>
    <t>ｱﾏﾐｼｾﾞﾝ</t>
  </si>
  <si>
    <t>琉球麹もろみ酢</t>
  </si>
  <si>
    <t>Ｍ・Ｎコーポレーション</t>
  </si>
  <si>
    <t>MN</t>
  </si>
  <si>
    <t>香酢</t>
  </si>
  <si>
    <t>三辰商事</t>
  </si>
  <si>
    <t>ｻﾝｼﾝ</t>
  </si>
  <si>
    <t>黒麹家</t>
  </si>
  <si>
    <t>ｵｷﾅﾜ</t>
  </si>
  <si>
    <t>黒_米酢</t>
  </si>
  <si>
    <t>クロズ</t>
  </si>
  <si>
    <t>琉球もろみ酢プレーンペット</t>
  </si>
  <si>
    <t>琉球もろみ酢５００</t>
  </si>
  <si>
    <t>黒酢100</t>
  </si>
  <si>
    <t>甘熟黒酢</t>
  </si>
  <si>
    <t>280ml</t>
  </si>
  <si>
    <t>純玄米黒酢</t>
  </si>
  <si>
    <t>ブランカ黒酢</t>
  </si>
  <si>
    <t>鹿児島の黒酢</t>
  </si>
  <si>
    <t>ヤマキンゴールド酢</t>
  </si>
  <si>
    <t>ミヅホ</t>
  </si>
  <si>
    <t>ﾐｼﾞﾎ</t>
  </si>
  <si>
    <t>天然梅酢</t>
  </si>
  <si>
    <t>浅井食品</t>
  </si>
  <si>
    <t>ｱｻｲｼｮｸﾋﾝ</t>
  </si>
  <si>
    <t>純ゲンマイ酢</t>
  </si>
  <si>
    <t>臨醐山黒酢</t>
  </si>
  <si>
    <t>純米黒酢</t>
  </si>
  <si>
    <t>健康医学社</t>
  </si>
  <si>
    <t>ｹﾝｺｳｲｶﾞｸｼｬ</t>
  </si>
  <si>
    <t>チェリー　酢</t>
  </si>
  <si>
    <t>チェリー食品</t>
  </si>
  <si>
    <t>ﾁｪ-ﾘ-ｼｮｸﾋﾝ</t>
  </si>
  <si>
    <t>福山玄米黒酢</t>
  </si>
  <si>
    <t>薩摩の黒酢</t>
  </si>
  <si>
    <t>手軽に黒酢瓶</t>
  </si>
  <si>
    <t>ﾏﾝﾈﾝｽ</t>
  </si>
  <si>
    <t>甘熟純リンゴ酢</t>
  </si>
  <si>
    <t>純リンゴ酢2個セット</t>
  </si>
  <si>
    <t>甘熟りんご酢</t>
  </si>
  <si>
    <t>純りんご酢</t>
  </si>
  <si>
    <t>すっきりりんご酢ストレート</t>
  </si>
  <si>
    <t>リンゴ酢</t>
  </si>
  <si>
    <t>業務用アップルビネガー</t>
  </si>
  <si>
    <t>内堀美濃有機純りんご酢</t>
  </si>
  <si>
    <t>ﾚﾓﾝ果汁</t>
  </si>
  <si>
    <t>小容量（～200ml）</t>
  </si>
  <si>
    <t>レモンひとふり</t>
  </si>
  <si>
    <t>レモン果汁100%</t>
  </si>
  <si>
    <t>つぶつぶレモン</t>
  </si>
  <si>
    <t>日本ゆずレモン</t>
  </si>
  <si>
    <t>ｷﾀｶﾞﾜﾑﾗﾕｽﾞ</t>
  </si>
  <si>
    <t>ライム果汁</t>
  </si>
  <si>
    <t>レモンオーガニック</t>
  </si>
  <si>
    <t>サンキスト１００％レモン</t>
  </si>
  <si>
    <t>サンキスト　１００％レモン</t>
  </si>
  <si>
    <t>食卓レモン</t>
  </si>
  <si>
    <t>70ml</t>
  </si>
  <si>
    <t>ポッカレモン100</t>
  </si>
  <si>
    <t>ポッカレモン１００</t>
  </si>
  <si>
    <t>ポッカレモン</t>
  </si>
  <si>
    <t>ポッカレモン有機シチリア産ストレート果汁瓶</t>
  </si>
  <si>
    <t>ポッカレモン卓上レモン</t>
  </si>
  <si>
    <t>光武製菓</t>
  </si>
  <si>
    <t>14g</t>
  </si>
  <si>
    <t>レモン果汁</t>
  </si>
  <si>
    <t>レモン果汁20%</t>
  </si>
  <si>
    <t>瀬戸内レモン100%</t>
  </si>
  <si>
    <t>レモスコ</t>
  </si>
  <si>
    <t>レモスコRED</t>
  </si>
  <si>
    <t>国産レモン汁</t>
  </si>
  <si>
    <t>ハグルマ</t>
  </si>
  <si>
    <t>ﾊｸﾞﾙﾏ</t>
  </si>
  <si>
    <t>ＮＥＷ１００レモン</t>
  </si>
  <si>
    <t>ポッカレモンＰＲＥＭＩＵＭ</t>
  </si>
  <si>
    <t>すだち100%</t>
  </si>
  <si>
    <t>有機レモン果汁100%</t>
  </si>
  <si>
    <t>ケンコーオーガニック・フーズ</t>
  </si>
  <si>
    <t>ｹﾝｺ-</t>
  </si>
  <si>
    <t>中容量（201ml～500ml）</t>
  </si>
  <si>
    <t>ポッカレモン1003個セット</t>
  </si>
  <si>
    <t>ポッカレモン1002個セット</t>
  </si>
  <si>
    <t>ポッカレモン1002個入セット</t>
  </si>
  <si>
    <t>まるごと搾ったシークワーサー</t>
  </si>
  <si>
    <t>沖縄海星物産</t>
  </si>
  <si>
    <t>ｵｷﾅﾜｶｲｾｲ</t>
  </si>
  <si>
    <t>レモン果汁ストレートタイプ</t>
  </si>
  <si>
    <t>レモン果汁100%濃縮還元</t>
  </si>
  <si>
    <t>ポッカレモン有機２種セット</t>
  </si>
  <si>
    <t>100%レモン瓶</t>
  </si>
  <si>
    <t>ポッカ１００レモン</t>
  </si>
  <si>
    <t>大容量（501ml～）</t>
  </si>
  <si>
    <t>京風割烹白だし酢</t>
  </si>
  <si>
    <t>だしおいしい簡単べんり酢</t>
  </si>
  <si>
    <t>濃密レモン果汁100%</t>
  </si>
  <si>
    <t>レモン果汁２０％　(業務用)（イタリア産）</t>
  </si>
  <si>
    <t>濃縮還元レモン果汁100%</t>
  </si>
  <si>
    <t>ニューポッカレモン</t>
  </si>
  <si>
    <t>ニューポッカレモンＮ</t>
  </si>
  <si>
    <t>ポン酢</t>
  </si>
  <si>
    <t>味ぽん</t>
  </si>
  <si>
    <t>味ぽん　ミニパック</t>
  </si>
  <si>
    <t>5ml×8</t>
  </si>
  <si>
    <t>味ぽん　黒酢仕上げ</t>
  </si>
  <si>
    <t>博多れよかぽん</t>
  </si>
  <si>
    <t>ｻﾓﾝｼﾞ</t>
  </si>
  <si>
    <t>味ぽんfor宇都宮餃子</t>
  </si>
  <si>
    <t>味ぽんMILD</t>
  </si>
  <si>
    <t>190ｍｌ</t>
  </si>
  <si>
    <t>極上ぽん酢</t>
  </si>
  <si>
    <t>185ml</t>
  </si>
  <si>
    <t>寺岡家のレモンぽんず</t>
  </si>
  <si>
    <t>寺岡有機醸造</t>
  </si>
  <si>
    <t>ﾃﾗｵｶﾕｳｷ</t>
  </si>
  <si>
    <t>香るぽん酢</t>
  </si>
  <si>
    <t>中容量（201ml～600ml）</t>
  </si>
  <si>
    <t>じゃばらぽん酢</t>
  </si>
  <si>
    <t>じゃばらいず北山</t>
  </si>
  <si>
    <t>ｷﾀﾔﾏﾑﾗ</t>
  </si>
  <si>
    <t>男気ポン酢</t>
  </si>
  <si>
    <t>ｽﾏｲﾙﾌﾟﾚｽ</t>
  </si>
  <si>
    <t>高知産直七ゆずポン酢</t>
  </si>
  <si>
    <t>塩こうじれもんぽん酢</t>
  </si>
  <si>
    <t>大東食研</t>
  </si>
  <si>
    <t>ﾀﾞｲﾄｳｼｮｸｹﾝ</t>
  </si>
  <si>
    <t>富士屋甚兵衛豊乃香ぽん酢</t>
  </si>
  <si>
    <t>静岡産ぽんず</t>
  </si>
  <si>
    <t>味ぽんず</t>
  </si>
  <si>
    <t>みとポン酢</t>
  </si>
  <si>
    <t>みと</t>
  </si>
  <si>
    <t>ｶﾌﾞｼｷｶｲｼｬﾐ</t>
  </si>
  <si>
    <t>あっさりまろやかうまいぽん酢</t>
  </si>
  <si>
    <t>出汁香るゆずぽん酢</t>
  </si>
  <si>
    <t>ポン酢　うらら香　瓶</t>
  </si>
  <si>
    <t>こばし</t>
  </si>
  <si>
    <t>ｺﾊﾞｼ</t>
  </si>
  <si>
    <t>薩摩ぽん酢</t>
  </si>
  <si>
    <t>日の出糖質オフ・減塩だしぽんず</t>
  </si>
  <si>
    <t>味付けぽん酢</t>
  </si>
  <si>
    <t>味付ぽん酢</t>
  </si>
  <si>
    <t>昆布ぽん酢</t>
  </si>
  <si>
    <t>シマヤ_昆布ポン酢</t>
  </si>
  <si>
    <t>味付けぽん酢かつお昆布だし</t>
  </si>
  <si>
    <t>味付けぽん酢昆布だし</t>
  </si>
  <si>
    <t>美味ポン酢</t>
  </si>
  <si>
    <t>減塩ゆずぽん酢</t>
  </si>
  <si>
    <t>きずぽんず</t>
  </si>
  <si>
    <t>減塩だしぽん酢</t>
  </si>
  <si>
    <t>カケポンズ</t>
  </si>
  <si>
    <t>地獄ぽん酢</t>
  </si>
  <si>
    <t>生ぽん酢</t>
  </si>
  <si>
    <t>福泉味付ぽんず</t>
  </si>
  <si>
    <t>九州柑橘ぽん酢</t>
  </si>
  <si>
    <t>昆布ぽん酢スーパーマイルド</t>
  </si>
  <si>
    <t>昆布ぽん酢パック</t>
  </si>
  <si>
    <t>昆布ぽん酢スーパーマイルドパック</t>
  </si>
  <si>
    <t>旨味ぽん酢</t>
  </si>
  <si>
    <t>下総ぽん酢醤油</t>
  </si>
  <si>
    <t>ちば醤油</t>
  </si>
  <si>
    <t>ﾁﾊﾞｼｮｳﾕ</t>
  </si>
  <si>
    <t>はぼまい昆布ぽんず</t>
  </si>
  <si>
    <t>歯舞漁業協同組合</t>
  </si>
  <si>
    <t>ﾊﾎﾞﾏｲJF</t>
  </si>
  <si>
    <t>ぽん酢醤油</t>
  </si>
  <si>
    <t>300ＭＬ</t>
  </si>
  <si>
    <t>マツフジ</t>
  </si>
  <si>
    <t>ﾏﾂﾌｼﾞ</t>
  </si>
  <si>
    <t>かぐらの里　ゆずポン酢</t>
  </si>
  <si>
    <t>かぐらの里</t>
  </si>
  <si>
    <t>ｶｸﾞﾗｻﾄ</t>
  </si>
  <si>
    <t>京　ぽん</t>
  </si>
  <si>
    <t>味の王</t>
  </si>
  <si>
    <t>ｱｼﾞﾉｵｳ</t>
  </si>
  <si>
    <t>京ぽん</t>
  </si>
  <si>
    <t>ゆず黒酢ぽん酢</t>
  </si>
  <si>
    <t>伊賀越昆布一本新姫ぽんず500ml</t>
  </si>
  <si>
    <t>伊賀越昆布一本新姫白ぽんず480ml</t>
  </si>
  <si>
    <t>480ML</t>
  </si>
  <si>
    <t>白ぽん酢</t>
  </si>
  <si>
    <t>ヤマカノ旨塩ぽん酢塩分25%カット</t>
  </si>
  <si>
    <t>275ml</t>
  </si>
  <si>
    <t>ヤマカノ気仙沼ゆず物語ぽん酢醤油</t>
  </si>
  <si>
    <t>岩手健民のぽん酢</t>
  </si>
  <si>
    <t>浅沼醤油店</t>
  </si>
  <si>
    <t>ｱｻﾇﾏｼｮｳﾕﾃﾝ</t>
  </si>
  <si>
    <t>大容量（601ml～1000ml）</t>
  </si>
  <si>
    <t>味ぽん2本セット</t>
  </si>
  <si>
    <t>味ぽん3本セット</t>
  </si>
  <si>
    <t>味ぽん_4本セット</t>
  </si>
  <si>
    <t>4本セット</t>
  </si>
  <si>
    <t>マツオこんぶのぽん酢200ml</t>
  </si>
  <si>
    <t>味ポン酢</t>
  </si>
  <si>
    <t>味ポン</t>
  </si>
  <si>
    <t>味付けポン酢</t>
  </si>
  <si>
    <t>ミツカンぽん酢１．８Ｌ</t>
  </si>
  <si>
    <t>天然蔵のぽんず</t>
  </si>
  <si>
    <t>ｲｶﾞｺｼ</t>
  </si>
  <si>
    <t>濃厚果汁</t>
  </si>
  <si>
    <t>ゆず</t>
  </si>
  <si>
    <t>香りの蔵</t>
  </si>
  <si>
    <t>かおりの蔵丸搾りゆず</t>
  </si>
  <si>
    <t>ゆずぽん</t>
  </si>
  <si>
    <t>ゆず鮮</t>
  </si>
  <si>
    <t>ゆずぽん酢おろし</t>
  </si>
  <si>
    <t>高知産ゆず果汁</t>
  </si>
  <si>
    <t>ﾐﾂｶﾝ_ぽんｼﾞｭﾚ_香りゆず</t>
  </si>
  <si>
    <t>かおりの蔵彩りゆず</t>
  </si>
  <si>
    <t>のっけてジュレ　柚子ポン酢</t>
  </si>
  <si>
    <t>ぽん酢醤油ゆず</t>
  </si>
  <si>
    <t>ゆずしぼり無塩</t>
  </si>
  <si>
    <t>90ml</t>
  </si>
  <si>
    <t>九州酢柿酢で造った柚子ぽん酢</t>
  </si>
  <si>
    <t>ｷｭｳｼｭｳｽ</t>
  </si>
  <si>
    <t>かぐらの里　ゆずまるごと搾り</t>
  </si>
  <si>
    <t>１８０ｍｌ</t>
  </si>
  <si>
    <t>寺岡家のゆずぽん酢</t>
  </si>
  <si>
    <t>実生白ぽんず</t>
  </si>
  <si>
    <t>カネトシ</t>
  </si>
  <si>
    <t>ﾐｷﾌｰｽﾞ</t>
  </si>
  <si>
    <t>すだち</t>
  </si>
  <si>
    <t>すだち果汁</t>
  </si>
  <si>
    <t>105ml</t>
  </si>
  <si>
    <t>徳島産すだち果汁</t>
  </si>
  <si>
    <t>カボ酢鮮</t>
  </si>
  <si>
    <t>ヴェルデ　ピーナッツホイップ</t>
  </si>
  <si>
    <t>カスタードホイップ</t>
  </si>
  <si>
    <t>ｳﾞｪﾙﾃﾞ</t>
  </si>
  <si>
    <t>ジュンスイハチミツ</t>
  </si>
  <si>
    <t>カボ酢果汁</t>
  </si>
  <si>
    <t>大分千歳村農産加工</t>
  </si>
  <si>
    <t>ｵｵｲﾀﾁﾄｾﾑﾗ</t>
  </si>
  <si>
    <t>噂のどろぽん</t>
  </si>
  <si>
    <t>ｼﾞｬﾊﾞﾗｲｽﾞｷ</t>
  </si>
  <si>
    <t>日高産だし昆布</t>
  </si>
  <si>
    <t>かけて味わうぽん酢</t>
  </si>
  <si>
    <t>レモンでぽん酢でさっぱりと</t>
  </si>
  <si>
    <t>サンビシ　はま寿司まろやかぽんず　２００ｍｌ</t>
  </si>
  <si>
    <t>かおりの蔵味わい柑橘</t>
  </si>
  <si>
    <t>お好みぽん酢</t>
  </si>
  <si>
    <t>ローヤルゼリーイリレンゲハチミツ</t>
  </si>
  <si>
    <t>日本蜂蜜</t>
  </si>
  <si>
    <t>ﾚﾝｹﾞｼﾞﾙｼ</t>
  </si>
  <si>
    <t>ローヤルゼリーイリアカシアハチミツ</t>
  </si>
  <si>
    <t>のっけてジュレ_ポン酢</t>
  </si>
  <si>
    <t>手絞りかぼ酢</t>
  </si>
  <si>
    <t>レイシャブドレッシングゴマ</t>
  </si>
  <si>
    <t>かぼす果汁100%</t>
  </si>
  <si>
    <t>145ml</t>
  </si>
  <si>
    <t>レモンティー</t>
  </si>
  <si>
    <t>名糖産業</t>
  </si>
  <si>
    <t>ﾒｲﾄｳｻﾝｷﾞｮｳ</t>
  </si>
  <si>
    <t>ビューレモンＣ５００</t>
  </si>
  <si>
    <t>鮮度の一滴味わいぽん酢</t>
  </si>
  <si>
    <t>昆布ぽん酢ジュレ</t>
  </si>
  <si>
    <t>鮮度の一滴かんきつ味わいぽん酢</t>
  </si>
  <si>
    <t>鮮度の一滴　かんきつ味わいぽん酢</t>
  </si>
  <si>
    <t>テーブル昆布ぽん酢</t>
  </si>
  <si>
    <t>とり天のたれポン酢</t>
  </si>
  <si>
    <t>デリカフーズ大塚</t>
  </si>
  <si>
    <t>ﾃﾞﾘｶﾌｰｽﾞ</t>
  </si>
  <si>
    <t>お好みマヨネーズ</t>
  </si>
  <si>
    <t>お好みフーズ</t>
  </si>
  <si>
    <t>まる柚</t>
  </si>
  <si>
    <t>川中醤油瀬戸内柑橘ぽん酢ペット200ml</t>
  </si>
  <si>
    <t>ミルメークコーヒー</t>
  </si>
  <si>
    <t>8g×8</t>
  </si>
  <si>
    <t>大島食品工業</t>
  </si>
  <si>
    <t>ｵｵｼﾏｼｮｸﾋﾝ</t>
  </si>
  <si>
    <t>ミルメークココア</t>
  </si>
  <si>
    <t>かぼす</t>
  </si>
  <si>
    <t>博多柚ぽん酢</t>
  </si>
  <si>
    <t>老松醤油松岡本家</t>
  </si>
  <si>
    <t>ｵｲﾏﾂｼｮｳﾕ</t>
  </si>
  <si>
    <t>馬路村ポン酢しょうゆゆずの村2個セット</t>
  </si>
  <si>
    <t>さめうらフーズ吉野川柚子のぽん酢360ml</t>
  </si>
  <si>
    <t>さめうらフーズ</t>
  </si>
  <si>
    <t>ｻﾒｳﾗ</t>
  </si>
  <si>
    <t>ゆずぽん酢</t>
  </si>
  <si>
    <t>直七ぽんず</t>
  </si>
  <si>
    <t>直七の里</t>
  </si>
  <si>
    <t>ﾅｵｼﾁﾉｻﾄ</t>
  </si>
  <si>
    <t>ゆずづくしかけるぽん酢</t>
  </si>
  <si>
    <t>ゆずづくしゆず胡椒塩ぽん酢</t>
  </si>
  <si>
    <t>高知県産直七ポン酢</t>
  </si>
  <si>
    <t>ゆずづくし</t>
  </si>
  <si>
    <t>柚子ぽん酢</t>
  </si>
  <si>
    <t>ｿｳｼｮｸｺｳﾎﾞｳ</t>
  </si>
  <si>
    <t>高級ぽんずゆず</t>
  </si>
  <si>
    <t>キッコーマン　ゆずの香り　ゆずか</t>
  </si>
  <si>
    <t>果汁ぽんず_ゆずか</t>
  </si>
  <si>
    <t>しぼりたて生ぽんず</t>
  </si>
  <si>
    <t>紀州の香　ゆずぽんず</t>
  </si>
  <si>
    <t>然舎きずぽんず</t>
  </si>
  <si>
    <t>ポンズ香りの蔵ゆず</t>
  </si>
  <si>
    <t>かおりの蔵ゆずぽん酢</t>
  </si>
  <si>
    <t>ゆずの蔵ぽん酢</t>
  </si>
  <si>
    <t>かおりの蔵丸絞りゆず</t>
  </si>
  <si>
    <t>かおりの蔵芳醇まろやか仕立て</t>
  </si>
  <si>
    <t>かおりの蔵　まろやか</t>
  </si>
  <si>
    <t>天翔ゆずぽん酢</t>
  </si>
  <si>
    <t>本ゆず仕込　生しぼりぽん酢</t>
  </si>
  <si>
    <t>３６０ｍｌ瓶</t>
  </si>
  <si>
    <t>まろやかぽんず</t>
  </si>
  <si>
    <t>料亭ゆずポン酢</t>
  </si>
  <si>
    <t>料亭の味　ゆずぽん酢</t>
  </si>
  <si>
    <t>ゆずぽんず</t>
  </si>
  <si>
    <t>ゆず入りぽん酢</t>
  </si>
  <si>
    <t>360ｍｌ</t>
  </si>
  <si>
    <t>まる生ぽん酢</t>
  </si>
  <si>
    <t>鬼のゆずポン酢おろし</t>
  </si>
  <si>
    <t>馬路村ゆずの村ぽん酢しょうゆ</t>
  </si>
  <si>
    <t>馬路村ポン酢しょうゆゆずの村</t>
  </si>
  <si>
    <t>馬路村ぽん酢しょうゆゆず畑</t>
  </si>
  <si>
    <t>ポン酢しょうゆ</t>
  </si>
  <si>
    <t>JAｳﾏｼﾞﾑﾗ</t>
  </si>
  <si>
    <t>ぽん酢しょうゆ馬路村</t>
  </si>
  <si>
    <t>博多華味鳥博多柚子ぽん酢</t>
  </si>
  <si>
    <t>寺岡家の有機ゆずぽんず</t>
  </si>
  <si>
    <t>ポン酢ゆずかつお</t>
  </si>
  <si>
    <t>手造りひろたのぽんずゆず仕立て</t>
  </si>
  <si>
    <t>手造りひろた食品</t>
  </si>
  <si>
    <t>ﾃﾂﾞｸﾘﾋﾛﾀ</t>
  </si>
  <si>
    <t>さわやかぽんず</t>
  </si>
  <si>
    <t>内堀醸造美濃特選味付ぽん酢360ml</t>
  </si>
  <si>
    <t>ゆず醤油かけぽん瓶</t>
  </si>
  <si>
    <t>かけぽん</t>
  </si>
  <si>
    <t>極果汁ぽん酢</t>
  </si>
  <si>
    <t>味匠　ゆずしょうゆ</t>
  </si>
  <si>
    <t>日向夏ぽん酢</t>
  </si>
  <si>
    <t>日本丸天醤油板前手造りポン酢</t>
  </si>
  <si>
    <t>板前手造食品</t>
  </si>
  <si>
    <t>ｲﾀﾏｴｼｭｿﾞｳ</t>
  </si>
  <si>
    <t>果汁ぽんず　すだっち</t>
  </si>
  <si>
    <t>まろや香すだちポン酢</t>
  </si>
  <si>
    <t>ぽん酢旨口すだち</t>
  </si>
  <si>
    <t>かおりの蔵すだち三昧</t>
  </si>
  <si>
    <t>かおりの蔵　すだち三昧</t>
  </si>
  <si>
    <t>すだちぽん</t>
  </si>
  <si>
    <t>すだちぽん酢</t>
  </si>
  <si>
    <t>まるまるすだち果汁ポンズ</t>
  </si>
  <si>
    <t>伊予のまじめなポン酢すだち</t>
  </si>
  <si>
    <t>鬼のすだちポン酢おろし</t>
  </si>
  <si>
    <t>すだちぽん酢醤油</t>
  </si>
  <si>
    <t>手造りひろたのぽんず</t>
  </si>
  <si>
    <t>手造りひろたのお肉のぽんず</t>
  </si>
  <si>
    <t>味付けぽん酢すだち風味</t>
  </si>
  <si>
    <t>旭ぽん酢</t>
  </si>
  <si>
    <t>かぼすぽん酢</t>
  </si>
  <si>
    <t>樋口食品工業</t>
  </si>
  <si>
    <t>ﾋｸﾞﾁ</t>
  </si>
  <si>
    <t>マルビシカボスぽん酢</t>
  </si>
  <si>
    <t>こだわり逸品(ポン酢・ドレッシングセット）</t>
  </si>
  <si>
    <t>量目（200ml×2）（300ml×2）（220ml×1）</t>
  </si>
  <si>
    <t>マルボシフーズ</t>
  </si>
  <si>
    <t>ﾏﾙﾎﾞｼﾌｰｽﾞ</t>
  </si>
  <si>
    <t>能古島甘夏ぽんず</t>
  </si>
  <si>
    <t>昆布ポンズ</t>
  </si>
  <si>
    <t>日向夏ポン酢</t>
  </si>
  <si>
    <t>だしぽん酢</t>
  </si>
  <si>
    <t>果汁三昧味わいぽん酢</t>
  </si>
  <si>
    <t>ｲﾀﾏｴﾃﾂﾞｸﾘ</t>
  </si>
  <si>
    <t>果汁ぽん酢みぞれ</t>
  </si>
  <si>
    <t>紀州じゃばらぽんず</t>
  </si>
  <si>
    <t>２２５ｇ</t>
  </si>
  <si>
    <t>グルテンフリーぽんず</t>
  </si>
  <si>
    <t>白だしぽんず</t>
  </si>
  <si>
    <t>ピリ辛赤いぽんず</t>
  </si>
  <si>
    <t>まろやか三柑橘ぽんず</t>
  </si>
  <si>
    <t>ぽん酢旨口橙</t>
  </si>
  <si>
    <t>シロダシポンズ</t>
  </si>
  <si>
    <t>だいだいかけぽん酢</t>
  </si>
  <si>
    <t>だしまろぽん</t>
  </si>
  <si>
    <t>純絞りかぼ酢ポン酢</t>
  </si>
  <si>
    <t>かおりの蔵　ＰＲＥＭＩＵＭ</t>
  </si>
  <si>
    <t>ピリ辛しゃぶ</t>
  </si>
  <si>
    <t>ちょっぴり甘口黒ゴマ入りポン酢</t>
  </si>
  <si>
    <t>減塩かぼすポン酢</t>
  </si>
  <si>
    <t>だいだいぽん酢</t>
  </si>
  <si>
    <t>減塩かぼすぽん酢</t>
  </si>
  <si>
    <t>ポン酢かぼす</t>
  </si>
  <si>
    <t>高級生ポン酢</t>
  </si>
  <si>
    <t>黒酢ぽん酢</t>
  </si>
  <si>
    <t>キムチ風ポン酢</t>
  </si>
  <si>
    <t>牡蠣だしぽん酢</t>
  </si>
  <si>
    <t>かぼすポン酢</t>
  </si>
  <si>
    <t>かぼすぽん酢MILD</t>
  </si>
  <si>
    <t>カボスぽん酢</t>
  </si>
  <si>
    <t>果汁みたいな味付けぽん酢</t>
  </si>
  <si>
    <t>デコポン火の国ぽん酢</t>
  </si>
  <si>
    <t>ロイヤルミルクティー</t>
  </si>
  <si>
    <t>4袋</t>
  </si>
  <si>
    <t>アジツケポンズ_３６０ＭＬ</t>
  </si>
  <si>
    <t>日田天領水ぽん酢</t>
  </si>
  <si>
    <t>アジツケポンズ　ユカス</t>
  </si>
  <si>
    <t>伊予のまじめなポン酢</t>
  </si>
  <si>
    <t>薩摩ぽんず</t>
  </si>
  <si>
    <t>萩ぽん</t>
  </si>
  <si>
    <t>桑田醤油</t>
  </si>
  <si>
    <t>ｸﾜﾀｼｮｳﾕ</t>
  </si>
  <si>
    <t>湧川商会シークワーサー100%360ml</t>
  </si>
  <si>
    <t>富永貿易</t>
  </si>
  <si>
    <t>ﾜｸｶﾞﾜｼｮｳｶｲ</t>
  </si>
  <si>
    <t>博多華味鳥　博多ぽん酢</t>
  </si>
  <si>
    <t>ﾄﾘｾﾝﾌ-ｽﾞ</t>
  </si>
  <si>
    <t>博多華味鳥博多ぽん酢</t>
  </si>
  <si>
    <t>シークワ-サーぽんず</t>
  </si>
  <si>
    <t>座間味こんぶ</t>
  </si>
  <si>
    <t>ｻﾞﾏﾐｺﾝﾌﾞ</t>
  </si>
  <si>
    <t>川中醤油すだちかぼすぽん酢醤油360ml</t>
  </si>
  <si>
    <t>ｶﾜﾅｶ</t>
  </si>
  <si>
    <t>寺岡家の有機柚香ぽんず</t>
  </si>
  <si>
    <t>ﾃﾗｵｶﾕｳｷｼﾞｮ</t>
  </si>
  <si>
    <t>寺岡家の藻塩レモンぽんず</t>
  </si>
  <si>
    <t>寺岡家のダブルレモンぽんず</t>
  </si>
  <si>
    <t>寺岡家の有機レモンぽんず</t>
  </si>
  <si>
    <t>だいだい味付けぽん酢瓶</t>
  </si>
  <si>
    <t>一番搾り　ぽん酢</t>
  </si>
  <si>
    <t>柚の里ポン酢醤油　５００ｍｌ</t>
  </si>
  <si>
    <t>カツマル醤油醸造</t>
  </si>
  <si>
    <t>ｶﾂﾏﾙ</t>
  </si>
  <si>
    <t>ポンズダイダイ</t>
  </si>
  <si>
    <t>ぽん酢しょうゆ</t>
  </si>
  <si>
    <t>まるごと国産　ぽん酢醤油</t>
  </si>
  <si>
    <t>のこぽん</t>
  </si>
  <si>
    <t>ﾏﾂﾊﾞﾗ</t>
  </si>
  <si>
    <t>あごポン酢</t>
  </si>
  <si>
    <t>ぽん吉</t>
  </si>
  <si>
    <t>味匠　かぼす醤油</t>
  </si>
  <si>
    <t>橙ぽん酢</t>
  </si>
  <si>
    <t>橙ぽんず</t>
  </si>
  <si>
    <t>旭食品　ぶっかけポンズ</t>
  </si>
  <si>
    <t>不知火ポン酢</t>
  </si>
  <si>
    <t>ゆずポン酢</t>
  </si>
  <si>
    <t>国産柑橘果汁入り　味付ぽん酢</t>
  </si>
  <si>
    <t>ダイショーおろし入りぽんず</t>
  </si>
  <si>
    <t>ゆずぽん１．８Ｌ</t>
  </si>
  <si>
    <t>かぼすぽん酢3本セット</t>
  </si>
  <si>
    <t>旭ぽん酢　一升瓶</t>
  </si>
  <si>
    <t>具材フレーバー</t>
  </si>
  <si>
    <t>ごま</t>
  </si>
  <si>
    <t>ごまぽん</t>
  </si>
  <si>
    <t>135ml</t>
  </si>
  <si>
    <t>まろやか金ごまぽんず</t>
  </si>
  <si>
    <t>かぼすの入ったごまポン酢</t>
  </si>
  <si>
    <t>あまくておいしいごまポン酢</t>
  </si>
  <si>
    <t>おろし</t>
  </si>
  <si>
    <t>おろしゆずぽん酢</t>
  </si>
  <si>
    <t>おろしぽん酢</t>
  </si>
  <si>
    <t>塩ぽん酢</t>
  </si>
  <si>
    <t>えごぽん</t>
  </si>
  <si>
    <t>垣崎醤油店</t>
  </si>
  <si>
    <t>ｵｰｻﾝ</t>
  </si>
  <si>
    <t>浜田の海浜守の塩ぽん</t>
  </si>
  <si>
    <t>ﾊﾏﾀﾞﾉｳﾐ</t>
  </si>
  <si>
    <t>白えびのかおり</t>
  </si>
  <si>
    <t>沖縄プレミアム島らっきょうぽん酢</t>
  </si>
  <si>
    <t>GENESIS</t>
  </si>
  <si>
    <t>ゆず胡椒ぽん酢醤油</t>
  </si>
  <si>
    <t>旭食品土佐山村のゆずづくしジュレ180g</t>
  </si>
  <si>
    <t>トマぽん</t>
  </si>
  <si>
    <t>中華春雨の素</t>
  </si>
  <si>
    <t>麻辣ぽん</t>
  </si>
  <si>
    <t>ｼﾞｭﾚ火の国ぽん酢</t>
  </si>
  <si>
    <t>糀ぽん</t>
  </si>
  <si>
    <t>赤獅子ぽん酢</t>
  </si>
  <si>
    <t>青獅子ぽん酢</t>
  </si>
  <si>
    <t>播州屋たまごにかけるぽん酢</t>
  </si>
  <si>
    <t>メイジョーソース</t>
  </si>
  <si>
    <t>ﾒｲｼﾞｮｰｿｰｽ</t>
  </si>
  <si>
    <t>小豆島うまいでしょうがぽん酢</t>
  </si>
  <si>
    <t>ダシぽん</t>
  </si>
  <si>
    <t>柴沼フレッシュボトルポン酢ゆずかつお</t>
  </si>
  <si>
    <t>ごまだれぽん酢</t>
  </si>
  <si>
    <t>香ばしごまぽんず</t>
  </si>
  <si>
    <t>ごまポンズ</t>
  </si>
  <si>
    <t>まろやかごまぽんず</t>
  </si>
  <si>
    <t>皮ごと丸搾りぽんず　富士</t>
  </si>
  <si>
    <t>ごま風味ぽん酢</t>
  </si>
  <si>
    <t>肉たれぽん酢ピリ辛＆ごま坦々</t>
  </si>
  <si>
    <t>たっぷりごまごまポン酢</t>
  </si>
  <si>
    <t>3種のごまポン酢</t>
  </si>
  <si>
    <t>480ml</t>
  </si>
  <si>
    <t>４００ＭＬ</t>
  </si>
  <si>
    <t>ﾔﾏｱ</t>
  </si>
  <si>
    <t>たまねぎ</t>
  </si>
  <si>
    <t>玉葱ﾎﾟﾝ酢</t>
  </si>
  <si>
    <t>淡路産たまねぎどっさりうまいぽん酢</t>
  </si>
  <si>
    <t>ごちぽん_おろし玉ねぎぽん酢</t>
  </si>
  <si>
    <t>たまねぎぽん</t>
  </si>
  <si>
    <t>すりおろしたまねぎぽん酢</t>
  </si>
  <si>
    <t>まろやか玉ねぎぽんず　３６０ｍｌ</t>
  </si>
  <si>
    <t>玉ねぎのベジぽん</t>
  </si>
  <si>
    <t>たっぷりたまねぎポン酢</t>
  </si>
  <si>
    <t>徳島産業　たっぷりたまねぎ黒酢ポン酢　４００ｍｌ</t>
  </si>
  <si>
    <t>燻製薫るたまねぎポン酢</t>
  </si>
  <si>
    <t>赤からたっぷりたまねぎポン酢</t>
  </si>
  <si>
    <t>生シャキたまねぎゆずポン酢</t>
  </si>
  <si>
    <t>アジア食品</t>
  </si>
  <si>
    <t>ｱｼﾞｱｼｮｸﾋﾝ</t>
  </si>
  <si>
    <t>たっぷり玉ねぎポン酢</t>
  </si>
  <si>
    <t>味ポン　おろし</t>
  </si>
  <si>
    <t>味ぽんおろしゆず皮入り</t>
  </si>
  <si>
    <t>ごちぽん_大根おろしぽん酢</t>
  </si>
  <si>
    <t>国産大根のベジぽん</t>
  </si>
  <si>
    <t>フンドーダイ鬼おろしゆずぽん酢　２２０ｍｌ</t>
  </si>
  <si>
    <t>220ML</t>
  </si>
  <si>
    <t>まる生おろしぽん酢</t>
  </si>
  <si>
    <t>まる生Wおろしぽん酢</t>
  </si>
  <si>
    <t>きざみ大根入りおろしポン酢</t>
  </si>
  <si>
    <t>ぽん酢</t>
  </si>
  <si>
    <t>創味聖護院かぶらのもみじおろしぽん酢</t>
  </si>
  <si>
    <t>ぽん酢しょうゆゆず入り</t>
  </si>
  <si>
    <t>ｶｷｻﾞｷｼｮｳﾕ</t>
  </si>
  <si>
    <t>にんにくぽん酢</t>
  </si>
  <si>
    <t>サンプラス</t>
  </si>
  <si>
    <t>ｻﾝﾌﾟﾗｽ</t>
  </si>
  <si>
    <t>あごだしぽん酢</t>
  </si>
  <si>
    <t>160ml</t>
  </si>
  <si>
    <t>古代柱醤油醸造元</t>
  </si>
  <si>
    <t>ﾗｲﾌｻｰﾋﾞｽ</t>
  </si>
  <si>
    <t>にんにくポン酢</t>
  </si>
  <si>
    <t>郡山鈴木食品</t>
  </si>
  <si>
    <t>ｺｵﾘﾔﾏｽｽﾞｷ</t>
  </si>
  <si>
    <t>大亀柚子醤油</t>
  </si>
  <si>
    <t>吉岡醤油</t>
  </si>
  <si>
    <t>ﾖｼｵｶｼｮｳﾕ</t>
  </si>
  <si>
    <t>にん肉ぽん酢</t>
  </si>
  <si>
    <t>ニクポン</t>
  </si>
  <si>
    <t>西友フーズ</t>
  </si>
  <si>
    <t>ｾｲﾕｳﾌｰｽﾞ</t>
  </si>
  <si>
    <t>タケシゲ</t>
  </si>
  <si>
    <t>ﾀｹｼｹﾞ</t>
  </si>
  <si>
    <t>ガッツにんにくぽん酢</t>
  </si>
  <si>
    <t>しょうがぽん酢</t>
  </si>
  <si>
    <t>レモンノポンズ</t>
  </si>
  <si>
    <t>塩ぽんず</t>
  </si>
  <si>
    <t>白鹿塩ぽん酢360ML</t>
  </si>
  <si>
    <t>辰馬本家酒造</t>
  </si>
  <si>
    <t>ﾀﾂｳﾏﾎﾝｹ</t>
  </si>
  <si>
    <t>味ぽん青じそおろし</t>
  </si>
  <si>
    <t>味ぽん　しょうが</t>
  </si>
  <si>
    <t>味ぽんうまピリ</t>
  </si>
  <si>
    <t>ゆずコショウポン酢</t>
  </si>
  <si>
    <t>柚子こしょうぽん酢</t>
  </si>
  <si>
    <t>270ml</t>
  </si>
  <si>
    <t>まろやかぽん酢</t>
  </si>
  <si>
    <t>さっぱりレモンぽん酢</t>
  </si>
  <si>
    <t>梅しそぽん酢</t>
  </si>
  <si>
    <t>青じそぽん酢</t>
  </si>
  <si>
    <t>本気の白だしポン酢</t>
  </si>
  <si>
    <t>おろぽん</t>
  </si>
  <si>
    <t>テス</t>
  </si>
  <si>
    <t>ﾃｽ</t>
  </si>
  <si>
    <t>しょうがどっさりポン酢</t>
  </si>
  <si>
    <t>四国健商</t>
  </si>
  <si>
    <t>ｼｺｸｹﾝｼｮｳ</t>
  </si>
  <si>
    <t>六種の具入り六味ぽんず</t>
  </si>
  <si>
    <t>キムチぽんず</t>
  </si>
  <si>
    <t>旭ぶっかけぽん酢瓶</t>
  </si>
  <si>
    <t>塩レモンぽん酢</t>
  </si>
  <si>
    <t>馬場音一商店</t>
  </si>
  <si>
    <t>ｹｰｱｲ</t>
  </si>
  <si>
    <t>みりん・料理酒</t>
  </si>
  <si>
    <t>みりん</t>
  </si>
  <si>
    <t>みりん風</t>
  </si>
  <si>
    <t>新味料</t>
  </si>
  <si>
    <t>ほんてり</t>
  </si>
  <si>
    <t>新味料醇良</t>
  </si>
  <si>
    <t>新味料カロリーハーフ</t>
  </si>
  <si>
    <t>ほんてり_みりん風調味料</t>
  </si>
  <si>
    <t>ほんてりみりん風調味料</t>
  </si>
  <si>
    <t>福泉新味料</t>
  </si>
  <si>
    <t>福泉_みりん風調味料_500mlﾍﾟｯﾄ</t>
  </si>
  <si>
    <t>みりんタイプ</t>
  </si>
  <si>
    <t>まごころ味みりん</t>
  </si>
  <si>
    <t>味みりん　ペット</t>
  </si>
  <si>
    <t>煮物カンタンみりんタイプ</t>
  </si>
  <si>
    <t>八甲田伏流水　みりんタイプ　</t>
  </si>
  <si>
    <t>あまてり　ペット</t>
  </si>
  <si>
    <t>醇良新味料</t>
  </si>
  <si>
    <t>新味料匠味</t>
  </si>
  <si>
    <t>福泉産業　みりんタイプ醗酵調味料1L</t>
  </si>
  <si>
    <t>発酵みりん</t>
  </si>
  <si>
    <t>醇良みりん風1000ml</t>
  </si>
  <si>
    <t>ﾄﾐﾅｶﾞﾎﾞｳｴｷ</t>
  </si>
  <si>
    <t>味三味みりんタイプ</t>
  </si>
  <si>
    <t>味三味みりんタイプケース</t>
  </si>
  <si>
    <t>1000ml×12P</t>
  </si>
  <si>
    <t>本醸造みりんタイプ</t>
  </si>
  <si>
    <t>醸造みりんタイプ</t>
  </si>
  <si>
    <t>八甲田伏流水みりんタイプ</t>
  </si>
  <si>
    <t>本みりんタイプ</t>
  </si>
  <si>
    <t>こってりん</t>
  </si>
  <si>
    <t>福味</t>
  </si>
  <si>
    <t>本醸造みりん</t>
  </si>
  <si>
    <t>八甲田伏流水仕込みみりんタイプ</t>
  </si>
  <si>
    <t>醇良本みりんタイプ</t>
  </si>
  <si>
    <t>本みりんタイプ　醇良</t>
  </si>
  <si>
    <t>本みりん</t>
  </si>
  <si>
    <t>九重桜本みりん</t>
  </si>
  <si>
    <t>九重味淋</t>
  </si>
  <si>
    <t>ｺｺﾉｴﾐﾘﾝ</t>
  </si>
  <si>
    <t>らくちん本みりんと清酒のうまみだし500mlPET</t>
  </si>
  <si>
    <t>宝酒造</t>
  </si>
  <si>
    <t>ﾀｶﾗｼｭｿﾞｳ</t>
  </si>
  <si>
    <t>有機三州みりん</t>
  </si>
  <si>
    <t>角谷文治郎商店</t>
  </si>
  <si>
    <t>三州三河みりん</t>
  </si>
  <si>
    <t>醗酵調味料みりんタイプ</t>
  </si>
  <si>
    <t>料理酒</t>
  </si>
  <si>
    <t>寿和風天国料理酒</t>
  </si>
  <si>
    <t>1500ｍｌ</t>
  </si>
  <si>
    <t>寿和風天国みりんタイプ</t>
  </si>
  <si>
    <t>純米料理酒</t>
  </si>
  <si>
    <t>料理酒（醸造調味料）</t>
  </si>
  <si>
    <t>リョウリシュ３００</t>
  </si>
  <si>
    <t>日の出　有機純米料理酒</t>
  </si>
  <si>
    <t>クッキングワイン</t>
  </si>
  <si>
    <t>料理酒醇良</t>
  </si>
  <si>
    <t>国産米純米料理酒</t>
  </si>
  <si>
    <t>日の出紹興料理酒</t>
  </si>
  <si>
    <t>清酒風料理酒</t>
  </si>
  <si>
    <t>福泉料理酒</t>
  </si>
  <si>
    <t>福泉_料理酒_ﾍﾟｯﾄ_500ML</t>
  </si>
  <si>
    <t>八甲田伏流水　料理酒</t>
  </si>
  <si>
    <t>日の出クッワイン</t>
  </si>
  <si>
    <t>純米料理酒2個セット</t>
  </si>
  <si>
    <t>ﾐﾂｼｮｳ</t>
  </si>
  <si>
    <t>みりん風調味料</t>
  </si>
  <si>
    <t>料理酒　ペット</t>
  </si>
  <si>
    <t>純米酒</t>
  </si>
  <si>
    <t>日の出料理酒</t>
  </si>
  <si>
    <t>味三味料理酒</t>
  </si>
  <si>
    <t>国産米使用純米料理酒</t>
  </si>
  <si>
    <t>味三味料理酒ケース</t>
  </si>
  <si>
    <t>料理酒醸造調味料</t>
  </si>
  <si>
    <t>料理酒ペットボトル</t>
  </si>
  <si>
    <t>料理酒匠味</t>
  </si>
  <si>
    <t>料理酒ペット</t>
  </si>
  <si>
    <t>八甲田伏流水料理酒</t>
  </si>
  <si>
    <t>料理酒清酒味</t>
  </si>
  <si>
    <t>醇良料理酒</t>
  </si>
  <si>
    <t>サン・フーズ</t>
  </si>
  <si>
    <t>ｻﾝﾌｰｽﾞ</t>
  </si>
  <si>
    <t>本醸造みりんタイプ3個セット</t>
  </si>
  <si>
    <t>1000ml×3P</t>
  </si>
  <si>
    <t>1800ｍｌ</t>
  </si>
  <si>
    <t>日の出</t>
  </si>
  <si>
    <t>お料理酒ハンディ</t>
  </si>
  <si>
    <t>八甲田伏流水仕込み　料理酒</t>
  </si>
  <si>
    <t>料理酒（酒）</t>
  </si>
  <si>
    <t>たれ</t>
  </si>
  <si>
    <t>メニュー限定</t>
  </si>
  <si>
    <t>しゃぶしゃぶ</t>
  </si>
  <si>
    <t>しゃぶしゃぶごまだれ</t>
  </si>
  <si>
    <t>ごましゃぶ</t>
  </si>
  <si>
    <t>金のごまだれ　絹練りごまたれ</t>
  </si>
  <si>
    <t>冷しゃぶドレッシングごまみそ</t>
  </si>
  <si>
    <t>220ml</t>
  </si>
  <si>
    <t>ごまだれ専科_2本セット</t>
  </si>
  <si>
    <t>おいしいごまだれ</t>
  </si>
  <si>
    <t>まろやかごまたれ</t>
  </si>
  <si>
    <t>ごましゃぶのたれ</t>
  </si>
  <si>
    <t>ごまだれ</t>
  </si>
  <si>
    <t>ｲｶﾘｿ-ｽ</t>
  </si>
  <si>
    <t>コクマロヤカ豆乳ごまだれ</t>
  </si>
  <si>
    <t>絹のなめらかごまだれ</t>
  </si>
  <si>
    <t>紀州の香ごまだれ</t>
  </si>
  <si>
    <t>225g</t>
  </si>
  <si>
    <t>ピリ辛胡麻だれ</t>
  </si>
  <si>
    <t>甘辛胡麻だれ</t>
  </si>
  <si>
    <t>田村しゃぶしゃぶのたれごま</t>
  </si>
  <si>
    <t>ソラチ</t>
  </si>
  <si>
    <t>ｿﾗﾁ</t>
  </si>
  <si>
    <t>しゃぶしゃぶのたれ金づくし</t>
  </si>
  <si>
    <t>しゃぶしゃぶのたれ　金づくし</t>
  </si>
  <si>
    <t>ごましゃぶ金ごま仕立て</t>
  </si>
  <si>
    <t>金のごまだれ絹練り</t>
  </si>
  <si>
    <t>金のごまだれ荒挽き</t>
  </si>
  <si>
    <t>金のごまだれ焙煎クリーミ</t>
  </si>
  <si>
    <t>金のごまだれ焙煎ナッツ</t>
  </si>
  <si>
    <t>金のごまだれカロリーハーフ</t>
  </si>
  <si>
    <t>金のごまだれ　ごま豆乳たれ</t>
  </si>
  <si>
    <t>しゃぶしゃぶごまだれアーモンド</t>
  </si>
  <si>
    <t>さっと冷しゃぶ白ごまねぎ塩</t>
  </si>
  <si>
    <t>金ごまだれ</t>
  </si>
  <si>
    <t>275g</t>
  </si>
  <si>
    <t>ピリ辛ごまだれ</t>
  </si>
  <si>
    <t>しゃぶしゃぶたれ　ごましょうゆ</t>
  </si>
  <si>
    <t>ベル　しゃぶしゃぶのたれ　ごましょうゆ　２２０ｇ</t>
  </si>
  <si>
    <t>ﾍﾞﾙ</t>
  </si>
  <si>
    <t>しゃぶしゃぶのたれごまみそ</t>
  </si>
  <si>
    <t>ｳﾝﾄﾞｰｷﾝ</t>
  </si>
  <si>
    <t>（モランボン）冷しゃぶごまだれ</t>
  </si>
  <si>
    <t>しゃぶドレ香ばしナッツごま</t>
  </si>
  <si>
    <t>しゃぶドレガーリック＆バジル</t>
  </si>
  <si>
    <t>ごまだれ専科</t>
  </si>
  <si>
    <t>しゃぶしゃぶのたれリバーシブルごま</t>
  </si>
  <si>
    <t>冷しゃぶ焙煎ごまだれ</t>
  </si>
  <si>
    <t>245　ｇ</t>
  </si>
  <si>
    <t>ニュー豚しゃぶごまだれ</t>
  </si>
  <si>
    <t>235　ｇ</t>
  </si>
  <si>
    <t>冷しゃぶ　焙煎金ごまたれ</t>
  </si>
  <si>
    <t>冷しゃぶ　塩ごま油香味だれ</t>
  </si>
  <si>
    <t>冷しゃぶ　焙煎ごまだれ</t>
  </si>
  <si>
    <t>235g</t>
  </si>
  <si>
    <t>焼きしゃぶの素ごま油香る辛旨だれ</t>
  </si>
  <si>
    <t>人形町今半</t>
  </si>
  <si>
    <t>ｲﾏﾊﾝ</t>
  </si>
  <si>
    <t>今半極上しゃぶしゃぶごま</t>
  </si>
  <si>
    <t>豚しゃぶ焙煎ごまだれ</t>
  </si>
  <si>
    <t>キンリューフーズ</t>
  </si>
  <si>
    <t>ｷﾝﾘｭｰﾌｰｽﾞ</t>
  </si>
  <si>
    <t>料亭_豚しゃぶ_ごまだれ</t>
  </si>
  <si>
    <t>ｷﾝﾘｭｳﾌｰｽﾞ</t>
  </si>
  <si>
    <t>料亭　焙煎ごまたれ</t>
  </si>
  <si>
    <t>木曽路</t>
  </si>
  <si>
    <t>ｷｿｼﾞ</t>
  </si>
  <si>
    <t>ﾁﾖｰｺｰ</t>
  </si>
  <si>
    <t>ぽんず</t>
  </si>
  <si>
    <t>しゃぶしゃぶ　だしぽん酢</t>
  </si>
  <si>
    <t>ポンシヤブ　１５０</t>
  </si>
  <si>
    <t>冷しゃぶドレッシングレモンおろし醤油</t>
  </si>
  <si>
    <t>しゃぶしゃぶのたれ</t>
  </si>
  <si>
    <t>365g</t>
  </si>
  <si>
    <t>おいしいごまだれぽん酢</t>
  </si>
  <si>
    <t>ラムシャブのタレ</t>
  </si>
  <si>
    <t>しゃぶしゃぶのたれ味噌風味</t>
  </si>
  <si>
    <t>しゃぶしゃぶのたれしょうゆ味</t>
  </si>
  <si>
    <t>おろししゃぶしゃぶのたれ</t>
  </si>
  <si>
    <t>田村しゃぶしゃぶのたれぽん酢</t>
  </si>
  <si>
    <t>ぽんしゃぶ</t>
  </si>
  <si>
    <t>みそしゃぶ</t>
  </si>
  <si>
    <t>冷しゃぶドレッシングうま塩にん</t>
  </si>
  <si>
    <t>オロシシャブシャブノタレ</t>
  </si>
  <si>
    <t>しゃぶしゃぶのたれ香味だれ瓶</t>
  </si>
  <si>
    <t>しゃぶしゃぶのたれ北海道の味</t>
  </si>
  <si>
    <t>295ml</t>
  </si>
  <si>
    <t>北海道しゃぶしゃぶのたれ成たれ風味</t>
  </si>
  <si>
    <t>しゃぶしゃぶ用スープ</t>
  </si>
  <si>
    <t>（モランボン）刻み玉ねぎ醤油</t>
  </si>
  <si>
    <t>冷しゃぶノンオイルおろし＆レモン醤油だれ２２０ｇ</t>
  </si>
  <si>
    <t>豚しゃぶ用香味ソース９０ｇ</t>
  </si>
  <si>
    <t>豚しゃぶ用坦ーソース９０ｇ</t>
  </si>
  <si>
    <t>しゃぶドレサラサラ玉ねぎ醤油</t>
  </si>
  <si>
    <t>ポン酢　小袋</t>
  </si>
  <si>
    <t>しゃぶしゃぶのたれリバーシブルポン酢</t>
  </si>
  <si>
    <t>冷しゃぶレモン醤油だれ</t>
  </si>
  <si>
    <t>冷しゃぶ香味玉ねぎ醤油だれ</t>
  </si>
  <si>
    <t>ニュー豚しゃぶぽんず</t>
  </si>
  <si>
    <t>冷しゃぶ　和風玉ねぎ醤油だれ</t>
  </si>
  <si>
    <t>冷しゃぶ　　にんじんと３種の果汁だれ</t>
  </si>
  <si>
    <t>10　本</t>
  </si>
  <si>
    <t>しゃぶしゃぶ　ぽんず</t>
  </si>
  <si>
    <t>195　ｇ</t>
  </si>
  <si>
    <t>冷しゃぶ　玉ねぎ醤油だれ</t>
  </si>
  <si>
    <t>265g</t>
  </si>
  <si>
    <t>焼きしゃぶの素柑橘香る醤油だれ</t>
  </si>
  <si>
    <t>ポン酢（小）３００ｍｌ</t>
  </si>
  <si>
    <t>300　ｍｌ</t>
  </si>
  <si>
    <t>しゃぶしゃぶたれ</t>
  </si>
  <si>
    <t>戸村フーズ</t>
  </si>
  <si>
    <t>ﾄﾑﾗﾌｰｽﾞ</t>
  </si>
  <si>
    <t>人形町今半　しゃぶしゃぶ　ポンス　瓶２００ｍｌ</t>
  </si>
  <si>
    <t>今半極上しゃぶしゃぶポン酢</t>
  </si>
  <si>
    <t>しゃぶしゃぶポンス</t>
  </si>
  <si>
    <t>料亭_豚しゃぶ_ぽんず</t>
  </si>
  <si>
    <t>料亭　香味ぽんずだれ</t>
  </si>
  <si>
    <t>すき焼のたれ</t>
  </si>
  <si>
    <t>380g</t>
  </si>
  <si>
    <t>すき焼のたれW</t>
  </si>
  <si>
    <t>すき焼のたれＥ</t>
  </si>
  <si>
    <t>ペット塩糀入りすき焼きのたれ</t>
  </si>
  <si>
    <t>245g</t>
  </si>
  <si>
    <t>特選すき焼きのたれ</t>
  </si>
  <si>
    <t>すき焼きのたれマイルド</t>
  </si>
  <si>
    <t>すき焼のたれだし仕込み</t>
  </si>
  <si>
    <t>すき焼きわりした</t>
  </si>
  <si>
    <t>すき焼のたれマイルド4本セット</t>
  </si>
  <si>
    <t>すき焼きのたれ2個セット</t>
  </si>
  <si>
    <t>500ml×2P</t>
  </si>
  <si>
    <t>すき焼のたれ東2本セット</t>
  </si>
  <si>
    <t>すき焼のたれ3個セット</t>
  </si>
  <si>
    <t>すき焼きのたれ3本セット</t>
  </si>
  <si>
    <t>わが家はすき焼き屋さん×3本セット</t>
  </si>
  <si>
    <t>鶏すきのたれ</t>
  </si>
  <si>
    <t>吉野家牛すき鍋のたれ</t>
  </si>
  <si>
    <t>475g</t>
  </si>
  <si>
    <t>１００Ｐｉｎｅ</t>
  </si>
  <si>
    <t>ｶﾌｪｼｮｸﾄﾞｳﾚ</t>
  </si>
  <si>
    <t>すき焼のたれマイルド</t>
  </si>
  <si>
    <t>1670g</t>
  </si>
  <si>
    <t>ｴﾊﾞﾗ　すき焼たれﾌﾟﾁｻｲｽﾞ</t>
  </si>
  <si>
    <t>172g_</t>
  </si>
  <si>
    <t>すき焼きのたれマイルドプチサイズ</t>
  </si>
  <si>
    <t>４個</t>
  </si>
  <si>
    <t>すき焼のたれプチサイズ</t>
  </si>
  <si>
    <t>１７２Ｇ</t>
  </si>
  <si>
    <t>わが家はすき焼屋さん熟成仕込割下</t>
  </si>
  <si>
    <t>醤油屋のすきやき</t>
  </si>
  <si>
    <t>醤油屋のすきやきまろやか</t>
  </si>
  <si>
    <t>すき焼きのたれまろやか仕立て</t>
  </si>
  <si>
    <t>香ばしすき焼き</t>
  </si>
  <si>
    <t>316g</t>
  </si>
  <si>
    <t>醤の郷すきやきのたれ</t>
  </si>
  <si>
    <t>1000ｍｌ</t>
  </si>
  <si>
    <t>あっさりすき焼のつゆ</t>
  </si>
  <si>
    <t>４００ｍｌＬＰ</t>
  </si>
  <si>
    <t>あまくておいしいすき焼き割下</t>
  </si>
  <si>
    <t>あまくておいしいすき焼きのたれ</t>
  </si>
  <si>
    <t>お肉屋さんの七つ星すき焼のたれ</t>
  </si>
  <si>
    <t>315g</t>
  </si>
  <si>
    <t>とっておきのすき焼わりした</t>
  </si>
  <si>
    <t>ﾐﾔｼﾞﾏ</t>
  </si>
  <si>
    <t>すきやきのたれ</t>
  </si>
  <si>
    <t>すき焼専科西</t>
  </si>
  <si>
    <t>すき焼専科</t>
  </si>
  <si>
    <t>松阪すき焼きのたれ</t>
  </si>
  <si>
    <t>ワダカン　すき焼きのたれ　ペット　５００ｍｌ</t>
  </si>
  <si>
    <t>すき焼きのタレ５２０ｇ</t>
  </si>
  <si>
    <t>520　ｇ</t>
  </si>
  <si>
    <t>1本</t>
  </si>
  <si>
    <t>すきやきわりした（パーティ）</t>
  </si>
  <si>
    <t>上北　謹醸すき焼きのたれ　３００ｇ</t>
  </si>
  <si>
    <t>塩麹入りすき焼のたれ</t>
  </si>
  <si>
    <t>無添加すき焼きのたれ</t>
  </si>
  <si>
    <t>大阿蘇すき焼きのたれ</t>
  </si>
  <si>
    <t>博多の味すき焼きのたれ　</t>
  </si>
  <si>
    <t>ｼﾞｭｰｷｭｰ</t>
  </si>
  <si>
    <t>おもてなしのすき焼わりした</t>
  </si>
  <si>
    <t>木曽路すき焼き割下</t>
  </si>
  <si>
    <t>富士屋甚兵衛すき焼きわりした</t>
  </si>
  <si>
    <t>松阪丸周すき焼のたれ</t>
  </si>
  <si>
    <t>柿安すきやきわりした</t>
  </si>
  <si>
    <t>博多華味鳥博多すき焼きわりした</t>
  </si>
  <si>
    <t>すき焼き万能タレ</t>
  </si>
  <si>
    <t>ﾄﾑﾗ</t>
  </si>
  <si>
    <t>すき焼きたれ</t>
  </si>
  <si>
    <t>すき焼きわりした無添加</t>
  </si>
  <si>
    <t>今半　特撰　すき焼割下　３６０ｇ</t>
  </si>
  <si>
    <t>すき焼わりしたストレート</t>
  </si>
  <si>
    <t>460g</t>
  </si>
  <si>
    <t>今半　すき焼　３６０ｍｌ</t>
  </si>
  <si>
    <t>今半極上すき焼割下</t>
  </si>
  <si>
    <t>すき焼き割り下</t>
  </si>
  <si>
    <t>ステーキ用</t>
  </si>
  <si>
    <t>しょうゆベース</t>
  </si>
  <si>
    <t>コスモ　北の方から　ステーキソース　１３０ｇ</t>
  </si>
  <si>
    <t>コスモ食品</t>
  </si>
  <si>
    <t>ｺｽﾓｼｮｸﾋﾝ</t>
  </si>
  <si>
    <t>ステーキ御膳和風</t>
  </si>
  <si>
    <t>ステーキしょうゆにんにく風味</t>
  </si>
  <si>
    <t>ステーキ御膳焙煎</t>
  </si>
  <si>
    <t>ステーキソース醤油</t>
  </si>
  <si>
    <t>ステーキソース黒胡椒</t>
  </si>
  <si>
    <t>ステーキソースオニオン</t>
  </si>
  <si>
    <t>ステーキソースガーリック醤油ポーション　３個セット</t>
  </si>
  <si>
    <t>94g</t>
  </si>
  <si>
    <t>桷志田黒酢ステーキソースわさび</t>
  </si>
  <si>
    <t>福山黒酢</t>
  </si>
  <si>
    <t>ﾌｸﾔﾏｸﾛｽﾞ</t>
  </si>
  <si>
    <t>ステーキソース</t>
  </si>
  <si>
    <t>あさくま</t>
  </si>
  <si>
    <t>ｱｻｸﾏ</t>
  </si>
  <si>
    <t>欧風ステーキソース</t>
  </si>
  <si>
    <t>オジカソース工業</t>
  </si>
  <si>
    <t>ｵｼﾞｶｿｰｽ</t>
  </si>
  <si>
    <t>和風ステーキソース</t>
  </si>
  <si>
    <t>いきなりステーキソース　</t>
  </si>
  <si>
    <t>ステーキソースガーリック</t>
  </si>
  <si>
    <t>プチっとステーキにんにく醤油味</t>
  </si>
  <si>
    <t>プチっとステーキ玉ねぎ醤油味</t>
  </si>
  <si>
    <t>ステーキしょうゆ_フォアグラ風味</t>
  </si>
  <si>
    <t>ステーキしょうゆたまねぎ風味</t>
  </si>
  <si>
    <t>1160g</t>
  </si>
  <si>
    <t>1205g</t>
  </si>
  <si>
    <t>ステーキしょうゆオニオン＆ペッパー</t>
  </si>
  <si>
    <t>1110g</t>
  </si>
  <si>
    <t>ステーキしょうゆオニオン＆ガーリック</t>
  </si>
  <si>
    <t>ステーキたまねぎ</t>
  </si>
  <si>
    <t>ステーキにんにく</t>
  </si>
  <si>
    <t>1220g</t>
  </si>
  <si>
    <t>ステーキしょうゆオニオン＆ペッパー1110ｇ</t>
  </si>
  <si>
    <t>ステーキしょうゆトリュフ＆ポルチーニ</t>
  </si>
  <si>
    <t>肉の割烹田村監修ステーキソース</t>
  </si>
  <si>
    <t>ステーキソース５Ｐ</t>
  </si>
  <si>
    <t>レモンステーキのたれ</t>
  </si>
  <si>
    <t>米沢ステーキソース和風</t>
  </si>
  <si>
    <t>マコーミックステーキソースあらびき胡椒味</t>
  </si>
  <si>
    <t>マコーミックステーキソースガーリック</t>
  </si>
  <si>
    <t>晩餐館ステーキソース黒胡椒</t>
  </si>
  <si>
    <t>210　ｇ</t>
  </si>
  <si>
    <t>日本食研ステーキソース</t>
  </si>
  <si>
    <t>ステーキソース醤油ガーリック</t>
  </si>
  <si>
    <t>ステーキソースにんにく醤油</t>
  </si>
  <si>
    <t>きざみ玉ねぎ入りチキンステーキソース</t>
  </si>
  <si>
    <t>ステーキソースガーリック醤油ポーション</t>
  </si>
  <si>
    <t>ステーキソース和風しょうゆ味</t>
  </si>
  <si>
    <t>ステーキソース赤ワインバター</t>
  </si>
  <si>
    <t>シャリアピンステーキソース</t>
  </si>
  <si>
    <t>171g</t>
  </si>
  <si>
    <t>水牛食品</t>
  </si>
  <si>
    <t>ｽｲｷﾞｭｳ</t>
  </si>
  <si>
    <t>鬼オニオンステーキソース</t>
  </si>
  <si>
    <t>中村食肉</t>
  </si>
  <si>
    <t>ﾅｶﾑﾗｼｮｸﾆｸ</t>
  </si>
  <si>
    <t>ステーキスパイス</t>
  </si>
  <si>
    <t>生ステーキソースあらびき胡椒＆ガーリック</t>
  </si>
  <si>
    <t>味研</t>
  </si>
  <si>
    <t>ｱｼﾞｹﾝ</t>
  </si>
  <si>
    <t>生ステーキソースオニオン＆ビネガー</t>
  </si>
  <si>
    <t>ステーキソース　</t>
  </si>
  <si>
    <t>ｶｷﾔｽ</t>
  </si>
  <si>
    <t>レモンステーキソース</t>
  </si>
  <si>
    <t>ステーキ醤油霧里ワイン使用瓶</t>
  </si>
  <si>
    <t>コスモ食品　マサラソース　１３０ｇ</t>
  </si>
  <si>
    <t>今半ステーキあまから醤油</t>
  </si>
  <si>
    <t>ステーキすだち醤油たれ</t>
  </si>
  <si>
    <t>ステーキあまから醤油たれ</t>
  </si>
  <si>
    <t>ステーキソース（和風）</t>
  </si>
  <si>
    <t>220　ｇ</t>
  </si>
  <si>
    <t>ドリームＮＯ．1ステーキソース</t>
  </si>
  <si>
    <t>木戸食品</t>
  </si>
  <si>
    <t>ｷﾄﾞｼｮｸﾋﾝ</t>
  </si>
  <si>
    <t>ステーキソースたまねぎ醤油</t>
  </si>
  <si>
    <t>天神ホルモンステーキソース</t>
  </si>
  <si>
    <t>エスフーズ</t>
  </si>
  <si>
    <t>56ﾌｰｽﾞ</t>
  </si>
  <si>
    <t>大阪ステーキソース</t>
  </si>
  <si>
    <t>オニオンステーキソース</t>
  </si>
  <si>
    <t>ガーリックステーキソース</t>
  </si>
  <si>
    <t>おろしベース</t>
  </si>
  <si>
    <t>ステーキしょうゆあらびきおろし</t>
  </si>
  <si>
    <t>ステーキソース　大根おろし２２５ｇ</t>
  </si>
  <si>
    <t>ステーキソース和風おろし醤油　３個セット</t>
  </si>
  <si>
    <t>ステーキソース大根おろし</t>
  </si>
  <si>
    <t>ステーキしょうゆ和風おろし</t>
  </si>
  <si>
    <t>1130g</t>
  </si>
  <si>
    <t>ステーキ和風おろし1130ｇ</t>
  </si>
  <si>
    <t>マコーミックステーキソース　おろし入</t>
  </si>
  <si>
    <t>晩餐館ステーキソース大根おろし</t>
  </si>
  <si>
    <t>ステーキソースおろしたまねぎ</t>
  </si>
  <si>
    <t>80　ｇ</t>
  </si>
  <si>
    <t>ステーキソースおろし醤油</t>
  </si>
  <si>
    <t>ステーキソース和風おろし醤油＊ポーション</t>
  </si>
  <si>
    <t>94　ｇ</t>
  </si>
  <si>
    <t>専用だれ</t>
  </si>
  <si>
    <t>焼鳥</t>
  </si>
  <si>
    <t>やきとりのたれ</t>
  </si>
  <si>
    <t>鶏ちゃんのたれしょうゆ味</t>
  </si>
  <si>
    <t>やきとりのたれ紙パック</t>
  </si>
  <si>
    <t>室蘭焼鳥のタレ</t>
  </si>
  <si>
    <t>焼鳥専門ぎんねこやきとりのたれ</t>
  </si>
  <si>
    <t>鶏炭火焼きのたれ</t>
  </si>
  <si>
    <t>焼き鳥のたれ</t>
  </si>
  <si>
    <t>ドライブイン鳥うまいたれ</t>
  </si>
  <si>
    <t>やき鳥のたれ　ボトル　530g</t>
  </si>
  <si>
    <t>530g</t>
  </si>
  <si>
    <t>上北農産加工やき鳥のたれ</t>
  </si>
  <si>
    <t>ｵﾀﾌｸ_九州ゆず胡椒だれ　１１００ｇ</t>
  </si>
  <si>
    <t>麺素</t>
  </si>
  <si>
    <t>ﾒﾝｿ</t>
  </si>
  <si>
    <t>鶏焼いて食ったらええやん</t>
  </si>
  <si>
    <t>下津醤油</t>
  </si>
  <si>
    <t>ｼﾓﾂﾞｼｮｳﾕ</t>
  </si>
  <si>
    <t>松阪鶏焼き肉のタレ</t>
  </si>
  <si>
    <t>丸井食品三重工場</t>
  </si>
  <si>
    <t>ﾏﾙｲｼｮｸﾋﾝ</t>
  </si>
  <si>
    <t>とりいちの秘伝のたれ</t>
  </si>
  <si>
    <t>照焼き</t>
  </si>
  <si>
    <t>てりやきのたれ</t>
  </si>
  <si>
    <t>照り焼きのたれ</t>
  </si>
  <si>
    <t>今夜はチキン照り焼</t>
  </si>
  <si>
    <t>テリヤキソース50g×2</t>
  </si>
  <si>
    <t>はちみつてりやきのたれ</t>
  </si>
  <si>
    <t>生姜焼</t>
  </si>
  <si>
    <t>定食屋さんの生姜焼きのたれ</t>
  </si>
  <si>
    <t>生姜焼のたれまろやかみそ</t>
  </si>
  <si>
    <t>吉野家生姜焼のたれ</t>
  </si>
  <si>
    <t>196g</t>
  </si>
  <si>
    <t>玉ねぎたっぷり生姜焼きのたれ</t>
  </si>
  <si>
    <t>Ｍフーズ</t>
  </si>
  <si>
    <t>ｴﾑﾌｰｽﾞ</t>
  </si>
  <si>
    <t>生姜焼きのたれ</t>
  </si>
  <si>
    <t>しょうが焼きたれ</t>
  </si>
  <si>
    <t>超生姜焼のたれ</t>
  </si>
  <si>
    <t>粗おろし生姜たっぷり生姜焼のたれ</t>
  </si>
  <si>
    <t>粗おろしたっぷり生姜焼のたれ</t>
  </si>
  <si>
    <t>お肉なんでもしょうが焼のたれ</t>
  </si>
  <si>
    <t>しょうが焼きのタレ</t>
  </si>
  <si>
    <t>ショウガヤキノタレ</t>
  </si>
  <si>
    <t>甘辛マスタードＢＢＱたれ</t>
  </si>
  <si>
    <t>スタミナ生姜焼のたれ</t>
  </si>
  <si>
    <t>ﾌﾞﾙﾄﾞﾂｸｿ-ｽ</t>
  </si>
  <si>
    <t>しょうが焼きソース（カレンダー）</t>
  </si>
  <si>
    <t>生姜焼きのたれ２２５ｇ</t>
  </si>
  <si>
    <t>今夜はしょうが焼</t>
  </si>
  <si>
    <t>日本食研やわらかしょうが焼のたれ</t>
  </si>
  <si>
    <t>生姜焼のたれR</t>
  </si>
  <si>
    <t>日本食研豚肉しょうが焼のたれ</t>
  </si>
  <si>
    <t>秘伝生姜焼のたれ</t>
  </si>
  <si>
    <t>585g</t>
  </si>
  <si>
    <t>ﾀﾞｲｼｮ-</t>
  </si>
  <si>
    <t>生姜焼の素</t>
  </si>
  <si>
    <t>98g</t>
  </si>
  <si>
    <t>ポークジンジャーの素</t>
  </si>
  <si>
    <t>２１０ｍｌ</t>
  </si>
  <si>
    <t>ｺﾝﾄﾞｳﾂﾞｸﾘｽ</t>
  </si>
  <si>
    <t>なんでもいけるしょうが焼きのタレ</t>
  </si>
  <si>
    <t>Ｍｒ．カンカン</t>
  </si>
  <si>
    <t>Mr.ｶﾝｶﾝ</t>
  </si>
  <si>
    <t>生姜焼のたれ　</t>
  </si>
  <si>
    <t>本気のしょうが焼きのたれ</t>
  </si>
  <si>
    <t>トマトのうまたれ</t>
  </si>
  <si>
    <t>290ｇ</t>
  </si>
  <si>
    <t>あごだしﾃﾘがでるあまいﾀﾚ</t>
  </si>
  <si>
    <t>甘酢あんかけのたれ</t>
  </si>
  <si>
    <t>340ｇ</t>
  </si>
  <si>
    <t>生姜焼きたれ</t>
  </si>
  <si>
    <t>プルコギャン（生姜）</t>
  </si>
  <si>
    <t>生姜焼のたれ</t>
  </si>
  <si>
    <t>丼の素</t>
  </si>
  <si>
    <t>海鮮丼のたれ</t>
  </si>
  <si>
    <t>北國</t>
  </si>
  <si>
    <t>ﾎｯｺｸｼｮｳﾕ</t>
  </si>
  <si>
    <t>豚丼のたれ</t>
  </si>
  <si>
    <t>帯広プロパン</t>
  </si>
  <si>
    <t>ｵﾋﾞﾋﾛ</t>
  </si>
  <si>
    <t>どんぶり喰亭　薄口合せだし</t>
  </si>
  <si>
    <t>どんぶり喰亭　濃口かつおだし</t>
  </si>
  <si>
    <t>牛丼の素</t>
  </si>
  <si>
    <t>豚丼の素</t>
  </si>
  <si>
    <t>どんぶり喰亭　かつ丼の素</t>
  </si>
  <si>
    <t>どんぶり喰亭　親子丼の素</t>
  </si>
  <si>
    <t>プチッとどんぶり　牛丼</t>
  </si>
  <si>
    <t>23g×4</t>
  </si>
  <si>
    <t>プチッとどんぶり　親子丼</t>
  </si>
  <si>
    <t>台湾丼の素</t>
  </si>
  <si>
    <t>60.4g</t>
  </si>
  <si>
    <t>十勝豚丼のたれ</t>
  </si>
  <si>
    <t>1250g</t>
  </si>
  <si>
    <t>豚バラ丼のたれ</t>
  </si>
  <si>
    <t>十勝　豚丼のたれ</t>
  </si>
  <si>
    <t>2300g</t>
  </si>
  <si>
    <t>ソラチ　十勝豚丼のタレ</t>
  </si>
  <si>
    <t>十勝ネギ塩豚丼のたれ</t>
  </si>
  <si>
    <t>十勝豚丼いっぴん監修豚丼のたれ</t>
  </si>
  <si>
    <t>十勝みそ豚丼のたれ</t>
  </si>
  <si>
    <t>ソラチ　十勝ピリ辛豚丼のたれ　瓶　２６５ｇ</t>
  </si>
  <si>
    <t>265G</t>
  </si>
  <si>
    <t>十勝豚丼いっぴん豚丼のたれ</t>
  </si>
  <si>
    <t>北海道のたれ屋牛丼のたれ</t>
  </si>
  <si>
    <t>北海道のたれ屋天丼のたれ</t>
  </si>
  <si>
    <t>天丼のたれ</t>
  </si>
  <si>
    <t>どんぶりの秘密</t>
  </si>
  <si>
    <t>310ml</t>
  </si>
  <si>
    <t>十勝豚丼のタレ</t>
  </si>
  <si>
    <t>牛丼のたれ　１８０ｇ</t>
  </si>
  <si>
    <t>どんぶりのたれ</t>
  </si>
  <si>
    <t>づけ丼のたれ</t>
  </si>
  <si>
    <t>魚の達人海鮮丼のたれ</t>
  </si>
  <si>
    <t>今夜は豚丼</t>
  </si>
  <si>
    <t>三和の純鶏名古屋コーチン親子丼用だし</t>
  </si>
  <si>
    <t>60g×2P</t>
  </si>
  <si>
    <t>豚バラ蒲焼丼のたれ　２１０ｇ</t>
  </si>
  <si>
    <t>牛丼のたれ50g</t>
  </si>
  <si>
    <t>豚スタミナ丼の素焦がしニンニクしょうゆ</t>
  </si>
  <si>
    <t>牛丼のたれ</t>
  </si>
  <si>
    <t>すた丼屋すたみな丼のたれ</t>
  </si>
  <si>
    <t>天ぷら丼のたれ</t>
  </si>
  <si>
    <t>加古川かつめしのたれ</t>
  </si>
  <si>
    <t>ハリマ食品</t>
  </si>
  <si>
    <t>ﾊﾘﾏｼｮｸﾋﾝ</t>
  </si>
  <si>
    <t>かつめしのたれ</t>
  </si>
  <si>
    <t>海鮮丼たれ</t>
  </si>
  <si>
    <t>きざみ玉ねぎ入り豚丼のたれ</t>
  </si>
  <si>
    <t>きざみ玉ねぎ入り牛丼のたれ</t>
  </si>
  <si>
    <t>大阿蘇牛丼のたれ</t>
  </si>
  <si>
    <t>信州牛ご飯だれ</t>
  </si>
  <si>
    <t>ﾊﾞﾊﾞｵﾝｲﾁ</t>
  </si>
  <si>
    <t>その他専用だれ</t>
  </si>
  <si>
    <t>たれプラス豚蒲焼のたれ</t>
  </si>
  <si>
    <t>回鍋肉のたれ</t>
  </si>
  <si>
    <t>チンジャオロースのたれ</t>
  </si>
  <si>
    <t>豚みそ焼のたれ</t>
  </si>
  <si>
    <t>カワカミ</t>
  </si>
  <si>
    <t>鶏の黒酢あんのたれ</t>
  </si>
  <si>
    <t>225ｇ</t>
  </si>
  <si>
    <t>麻婆豆腐のたれ中辛</t>
  </si>
  <si>
    <t>キムチ料理のたれ</t>
  </si>
  <si>
    <t>チューブに入った焼肉のたれ具たっぷり中辛</t>
  </si>
  <si>
    <t>チューブに入った焼肉のたれ具たっぷりねぎ塩味</t>
  </si>
  <si>
    <t>エビチリのたれ</t>
  </si>
  <si>
    <t>ガーリックバターチキンのたれ</t>
  </si>
  <si>
    <t>プルコギのタレ</t>
  </si>
  <si>
    <t>鶏の黒胡椒炒めのたれ</t>
  </si>
  <si>
    <t>ダッカルビのたれ</t>
  </si>
  <si>
    <t>蒸し鍋のたれ_バーニャカウダ味</t>
  </si>
  <si>
    <t>蒸し鍋のたれ_香味中華味</t>
  </si>
  <si>
    <t>豚バラのごまみそ炒めのたれ</t>
  </si>
  <si>
    <t>タンドリーチキンのたれ</t>
  </si>
  <si>
    <t>十和田バラ焼きのたれ</t>
  </si>
  <si>
    <t>ヨシダグルメのたれオリジナル</t>
  </si>
  <si>
    <t>645g</t>
  </si>
  <si>
    <t>ﾖｼﾀﾞﾌｰｽﾞ</t>
  </si>
  <si>
    <t>アイ・ジー・エムヨシダグルメのたれBQソース</t>
  </si>
  <si>
    <t>574g</t>
  </si>
  <si>
    <t>アイ・ジー・エム</t>
  </si>
  <si>
    <t>ｱｲ･ｼﾞ-･ｴﾑ</t>
  </si>
  <si>
    <t>アイ・ジー・エムヨシダグルメのたれスパイシー</t>
  </si>
  <si>
    <t>609g</t>
  </si>
  <si>
    <t>ヨシダグルメのたれオリジナルハーフボトル</t>
  </si>
  <si>
    <t>ﾖｼﾀﾞ</t>
  </si>
  <si>
    <t>ヨシダグルメのたれスパイシーハーフボトル</t>
  </si>
  <si>
    <t>ヨシダBBQソースハーフボトル</t>
  </si>
  <si>
    <t>305g</t>
  </si>
  <si>
    <t>ヨシダグルメのたれオリジナル新ハーフボトル</t>
  </si>
  <si>
    <t>＜スープその他＞</t>
  </si>
  <si>
    <t>＜ソース＞</t>
  </si>
  <si>
    <t>＜ソースその他＞</t>
  </si>
  <si>
    <t>＜調味料たれ・ソース野菜調理＞</t>
  </si>
  <si>
    <t>＜たれ煮込み調理＞</t>
  </si>
  <si>
    <t>＜たれ焼き調理＞</t>
  </si>
  <si>
    <t>＜たれつゆ＞</t>
  </si>
  <si>
    <t>＜たれ飯調理＞</t>
  </si>
  <si>
    <t>＜たれ揚げ調理＞</t>
  </si>
  <si>
    <t>＜たれ和え調理＞</t>
  </si>
  <si>
    <t>＜たれ炒め調理＞</t>
  </si>
  <si>
    <t>トマトとほうれん草のアンチョビソテー用ソース</t>
  </si>
  <si>
    <t>トマトのピリ辛ナムル用ソース</t>
  </si>
  <si>
    <t>トマトと胡瓜のエスニックマリネ用ソース</t>
  </si>
  <si>
    <t>トマトとアボカドのハニーマスタード</t>
  </si>
  <si>
    <t>トマたま炒め</t>
  </si>
  <si>
    <t>じゅねたれ１１５ｇ</t>
  </si>
  <si>
    <t>チゲ家の万能たれ</t>
  </si>
  <si>
    <t>586g</t>
  </si>
  <si>
    <t>中谷物産</t>
  </si>
  <si>
    <t>ﾁｹﾞﾔﾎﾝﾎﾟ</t>
  </si>
  <si>
    <t>もやしのためのタレ</t>
  </si>
  <si>
    <t>奉天餃子本たれ</t>
  </si>
  <si>
    <t>福屋</t>
  </si>
  <si>
    <t>ﾌｸﾔ</t>
  </si>
  <si>
    <t>奉天餃子四川だれ辛口</t>
  </si>
  <si>
    <t>魔法のたれ醤油味</t>
  </si>
  <si>
    <t>アボカドディップ</t>
  </si>
  <si>
    <t>四万十育ちの旨豚肉みそ</t>
  </si>
  <si>
    <t>四万十食品</t>
  </si>
  <si>
    <t>ｼﾏﾝﾄｼｮｸﾋﾝ</t>
  </si>
  <si>
    <t>四万十鶏とねぎの肉みそ</t>
  </si>
  <si>
    <t>四万十たまねぎドレッシング</t>
  </si>
  <si>
    <t>140ml</t>
  </si>
  <si>
    <t>淡路島ソース肉専用</t>
  </si>
  <si>
    <t>浜田屋本店</t>
  </si>
  <si>
    <t>ﾊﾏﾀﾞﾔﾎﾝﾃﾝ</t>
  </si>
  <si>
    <t>煮魚名人</t>
  </si>
  <si>
    <t>ｶｷｻﾞｷ</t>
  </si>
  <si>
    <t>キャベツのかけたれ</t>
  </si>
  <si>
    <t>旨辛もやしソース</t>
  </si>
  <si>
    <t>佐吉のたれ</t>
  </si>
  <si>
    <t>ｻｷﾁﾉﾀﾚ</t>
  </si>
  <si>
    <t>博多れ胡麻醤油</t>
  </si>
  <si>
    <t>博多れ野菜だれ</t>
  </si>
  <si>
    <t>矢場とん</t>
  </si>
  <si>
    <t>ﾔﾊﾞﾄﾝ</t>
  </si>
  <si>
    <t>すりだね</t>
  </si>
  <si>
    <t>京香堂</t>
  </si>
  <si>
    <t>ｷｮｳｶﾄﾞｳ</t>
  </si>
  <si>
    <t>旨辛こく増し</t>
  </si>
  <si>
    <t>一蘭</t>
  </si>
  <si>
    <t>ｲﾁﾗﾝ</t>
  </si>
  <si>
    <t>博多みそだれ</t>
  </si>
  <si>
    <t>牛角やみつき塩キャベツのタレ</t>
  </si>
  <si>
    <t>かちわりキュウリのたれ</t>
  </si>
  <si>
    <t>牛角　チキンバジル</t>
  </si>
  <si>
    <t>牛角　さっぱり梅だれ</t>
  </si>
  <si>
    <t>すた丼すたみな焼のたれ</t>
  </si>
  <si>
    <t>牛角ガーリックバター醤油だれ</t>
  </si>
  <si>
    <t>185ｇ</t>
  </si>
  <si>
    <t>肉米醤</t>
  </si>
  <si>
    <t>かもめ屋にんにくたれ</t>
  </si>
  <si>
    <t>元祖かもめ屋</t>
  </si>
  <si>
    <t>ｶﾞﾝｿｶﾓﾒﾔ</t>
  </si>
  <si>
    <t>かもめ屋万能たれ</t>
  </si>
  <si>
    <t>吉野家チゲのたれ</t>
  </si>
  <si>
    <t>194g</t>
  </si>
  <si>
    <t>うま辛のたれ</t>
  </si>
  <si>
    <t>丸ふじぬかだきソース</t>
  </si>
  <si>
    <t>ﾏﾙﾌｼﾞ</t>
  </si>
  <si>
    <t>きのこ炒め</t>
  </si>
  <si>
    <t>オルト</t>
  </si>
  <si>
    <t>ゴーヤ炒め</t>
  </si>
  <si>
    <t>チンゲン采炒め</t>
  </si>
  <si>
    <t>藤よし御嵩のうまいたれ</t>
  </si>
  <si>
    <t>藤よし</t>
  </si>
  <si>
    <t>ﾌｼﾞﾖｼ</t>
  </si>
  <si>
    <t>赤から焼のたれ</t>
  </si>
  <si>
    <t>赤から万能たれ</t>
  </si>
  <si>
    <t>ホルモンたっぷりどて焼き</t>
  </si>
  <si>
    <t>ゆで豚のたれ　和風</t>
  </si>
  <si>
    <t>ゆで豚のたれ　中華</t>
  </si>
  <si>
    <t>蒸し鍋バーニャカウダ</t>
  </si>
  <si>
    <t>蒸し鍋韓国みそ</t>
  </si>
  <si>
    <t>蒸し鍋のたれ　香味中華味</t>
  </si>
  <si>
    <t>プチッとごはんズチキントマト味</t>
  </si>
  <si>
    <t>にんにく醤油のたれ</t>
  </si>
  <si>
    <t>ｲｶﾘ</t>
  </si>
  <si>
    <t>イカリ鶏肉のたれ</t>
  </si>
  <si>
    <t>豚キムチたれ</t>
  </si>
  <si>
    <t>うなぎのたれ</t>
  </si>
  <si>
    <t>鶏肉のレモン漬けのたれ</t>
  </si>
  <si>
    <t>トマトとアボガドのハニーマスタード和え用ソース</t>
  </si>
  <si>
    <t>トマトのカプレーゼ用ソース</t>
  </si>
  <si>
    <t>トマトとブロッコリーのチーズナッツサラダソース</t>
  </si>
  <si>
    <t>トマたま炒め用ソース</t>
  </si>
  <si>
    <t>カゴメトマトと卵の中華スープ</t>
  </si>
  <si>
    <t>カゴメトマトとアボカドのハニーマスタード和え</t>
  </si>
  <si>
    <t>ミニトマトとズッキーニのグリルサラダ</t>
  </si>
  <si>
    <t>カゴメトマ玉炒め</t>
  </si>
  <si>
    <t>20　パック</t>
  </si>
  <si>
    <t>ﾍﾞｼﾞたれ_ｷｬﾍﾞﾂにつけたれ</t>
  </si>
  <si>
    <t>ﾍﾞｼﾞたれ　もやしにかけたれ</t>
  </si>
  <si>
    <t>名古屋風　手羽唐のたれ</t>
  </si>
  <si>
    <t>四日市とんてきのたれ</t>
  </si>
  <si>
    <t>名古屋みそかつのたれ</t>
  </si>
  <si>
    <t>味仙　麻婆ソース</t>
  </si>
  <si>
    <t>味仙　酢豚のたれ</t>
  </si>
  <si>
    <t>味仙台湾やきそばのたれ</t>
  </si>
  <si>
    <t>みそかつのたれ</t>
  </si>
  <si>
    <t>豚脂にんにく醤油だれ</t>
  </si>
  <si>
    <t>クセになるガーリックバター醤油だれ</t>
  </si>
  <si>
    <t>これ一本で中華塩だれ</t>
  </si>
  <si>
    <t>トンテキのたれ</t>
  </si>
  <si>
    <t>わが家は焼肉屋さん　醤油糀のつけこみだれ</t>
  </si>
  <si>
    <t>深煎りごまのたれ</t>
  </si>
  <si>
    <t>柚子こしょうのたれ</t>
  </si>
  <si>
    <t>名古屋グルメ手羽先のたれ</t>
  </si>
  <si>
    <t>四日市グルメとんてきのたれ</t>
  </si>
  <si>
    <t>赤から監修鶏肉の赤から炒めの素</t>
  </si>
  <si>
    <t>飛騨グルメ鶏ちゃんのたれ</t>
  </si>
  <si>
    <t>90.8g</t>
  </si>
  <si>
    <t>79.8g</t>
  </si>
  <si>
    <t>焼きもち醤油たれ甘口</t>
  </si>
  <si>
    <t>味の羊ヶ丘ラムのたれ</t>
  </si>
  <si>
    <t>生ラムのタレ</t>
  </si>
  <si>
    <t>おもしろなんでもたれ</t>
  </si>
  <si>
    <t>カルビ焼のたれ</t>
  </si>
  <si>
    <t>ソラチ　北海道のたれ屋ポークチャップソース</t>
  </si>
  <si>
    <t>ローストビーフ丼のたれ</t>
  </si>
  <si>
    <t>焼肉ノ友　辛味噌</t>
  </si>
  <si>
    <t>ソラチ砂川ポークチャップソース瓶170g</t>
  </si>
  <si>
    <t>ソラチ　豚蒲焼のタレ</t>
  </si>
  <si>
    <t>砂川ポークチャップソース</t>
  </si>
  <si>
    <t>焼まんじゅうトーストのたれ</t>
  </si>
  <si>
    <t>キャベツのたれ</t>
  </si>
  <si>
    <t>かば焼のたれ</t>
  </si>
  <si>
    <t>博多鉄板焼きのたれ</t>
  </si>
  <si>
    <t>福岡筑豊ホルモンのたれ</t>
  </si>
  <si>
    <t>生ラムのたれ</t>
  </si>
  <si>
    <t>から揚げにつけタレかけタレ甘みそ風味</t>
  </si>
  <si>
    <t>から揚げにつけタレかけタレピリ辛油淋鶏風味</t>
  </si>
  <si>
    <t>とろ昆布漬けの素</t>
  </si>
  <si>
    <t>かば焼のタレ</t>
  </si>
  <si>
    <t>スブタノタレ</t>
  </si>
  <si>
    <t>シビ辛もやしたれ</t>
  </si>
  <si>
    <t>２６０ｍｌ</t>
  </si>
  <si>
    <t>チキン南蛮の素</t>
  </si>
  <si>
    <t>にら豚のたれ</t>
  </si>
  <si>
    <t>255ml</t>
  </si>
  <si>
    <t>小倉発祥焼きうどんの素</t>
  </si>
  <si>
    <t>265ml</t>
  </si>
  <si>
    <t>八丁味噌味噌カツのたれ</t>
  </si>
  <si>
    <t>背油入りとんこつベース</t>
  </si>
  <si>
    <t>ザンギ名人</t>
  </si>
  <si>
    <t>ラーメンサラダ　ごまだれ</t>
  </si>
  <si>
    <t>ラーメンサラダ　醤油だれ</t>
  </si>
  <si>
    <t>ベル　ラーメンサラダ　鶏がら醤油だれ</t>
  </si>
  <si>
    <t>餃子のたれ</t>
  </si>
  <si>
    <t>ギョーザのたれ</t>
  </si>
  <si>
    <t>からあげの素</t>
  </si>
  <si>
    <t>りゅうきゅうのたれ</t>
  </si>
  <si>
    <t>鶏めしの素</t>
  </si>
  <si>
    <t>煮魚のたれ</t>
  </si>
  <si>
    <t>旨だれ</t>
  </si>
  <si>
    <t>フンドーダイ　数の子のたれ　３００ｇ</t>
  </si>
  <si>
    <t>熊本黒マー油からあげのたれ</t>
  </si>
  <si>
    <t>金のからあげ　天草の塩味　</t>
  </si>
  <si>
    <t>240G</t>
  </si>
  <si>
    <t>九州熊本馬ホルモン味噌煮込１５０ｇ</t>
  </si>
  <si>
    <t>ホルモンのたれ</t>
  </si>
  <si>
    <t>スペアリブスパイシー</t>
  </si>
  <si>
    <t>ローストビーフソース</t>
  </si>
  <si>
    <t>ポークソテーソース９０ｇ</t>
  </si>
  <si>
    <t>バンバンジーのタレ</t>
  </si>
  <si>
    <t>トンテキソース</t>
  </si>
  <si>
    <t>175　ｇ</t>
  </si>
  <si>
    <t>煮豚のたれ</t>
  </si>
  <si>
    <t>豚角煮のたれ</t>
  </si>
  <si>
    <t>豚味噌焼きのタレ１６５ｇ</t>
  </si>
  <si>
    <t>165　ｇ</t>
  </si>
  <si>
    <t>韓ＨＡＮプルコギのたれ</t>
  </si>
  <si>
    <t>ビストロ　ローストビーフの素　７５ｇ</t>
  </si>
  <si>
    <t>75　ｇ</t>
  </si>
  <si>
    <t>肉そぼろのたれ</t>
  </si>
  <si>
    <t>スナップえんどうのガーリック＆オイル炒めソース</t>
  </si>
  <si>
    <t>どて煮のたれ</t>
  </si>
  <si>
    <t>ナムルの素</t>
  </si>
  <si>
    <t>野菜１つでチヂミ</t>
  </si>
  <si>
    <t>ジャーマンポテトの素</t>
  </si>
  <si>
    <t>白菜のとろ‐り煮</t>
  </si>
  <si>
    <t>野菜だけでかんたんチャプチェ</t>
  </si>
  <si>
    <t>もやしとにらのユッケジャン風炒め</t>
  </si>
  <si>
    <t>90　ｇ</t>
  </si>
  <si>
    <t>もやしとなすの坦ー炒め</t>
  </si>
  <si>
    <t>もやしと豆苗の白湯塩炒め</t>
  </si>
  <si>
    <t>ごまチョレギのたれ</t>
  </si>
  <si>
    <t>160　ｇ</t>
  </si>
  <si>
    <t>手巻きサンチュみそ</t>
  </si>
  <si>
    <t>45　ｇ</t>
  </si>
  <si>
    <t>しめじソテーソース</t>
  </si>
  <si>
    <t>エリンギのソテーソース</t>
  </si>
  <si>
    <t>まいたけのソテーソース</t>
  </si>
  <si>
    <t>野菜ひとつでかんたん　春雨入り　麻婆茄子</t>
  </si>
  <si>
    <t>ジュワッと仕上げるもやし炒めのたれ</t>
  </si>
  <si>
    <t>ジャーマンポテトのたれ</t>
  </si>
  <si>
    <t>キャベツのごま味噌炒めのたれ</t>
  </si>
  <si>
    <t>なすの肉みそ炒めのたれ</t>
  </si>
  <si>
    <t>もやしのねぎ味噌炒めのたれ</t>
  </si>
  <si>
    <t>大根のとろーり煮</t>
  </si>
  <si>
    <t>大人のポテトサラダ</t>
  </si>
  <si>
    <t>えのきのソテーソースペッパーマヨペッパーマヨ</t>
  </si>
  <si>
    <t>野菜１つでかんたん春雨入りチャンプル</t>
  </si>
  <si>
    <t>海の幸と金ごまトッピングレタスサラダセット</t>
  </si>
  <si>
    <t>野菜だけで簡単中華風春雨サラダ</t>
  </si>
  <si>
    <t>巻かないロールキャベツ</t>
  </si>
  <si>
    <t>大人のきのこアヒージョの素</t>
  </si>
  <si>
    <t>なすラタトゥイユソース</t>
  </si>
  <si>
    <t>濃厚ごまあえの素</t>
  </si>
  <si>
    <t>コブサラダ用ソース</t>
  </si>
  <si>
    <t>かんたんピクルスの素</t>
  </si>
  <si>
    <t>かぼちゃサラダの素</t>
  </si>
  <si>
    <t>大根のやわらか煮用つゆ</t>
  </si>
  <si>
    <t>肉味噌もやしのたれ</t>
  </si>
  <si>
    <t>ズッキーニとトマトのマリネソース</t>
  </si>
  <si>
    <t>なすとピーマンの味噌炒めのたれ</t>
  </si>
  <si>
    <t>辛ッもやし炒めのたれ</t>
  </si>
  <si>
    <t>野菜1つでかんたん八宝菜</t>
  </si>
  <si>
    <t>おもち亭黒ごまだれの素</t>
  </si>
  <si>
    <t>大学いものたれ</t>
  </si>
  <si>
    <t>肉じゃがのたれ</t>
  </si>
  <si>
    <t>博多がめ煮のたれ</t>
  </si>
  <si>
    <t>焼いておいしい_みそだれ</t>
  </si>
  <si>
    <t>ガーリックバター_醤油だれ</t>
  </si>
  <si>
    <t>ガーリックバター_旨塩だれ</t>
  </si>
  <si>
    <t>オイスター醤油たれ</t>
  </si>
  <si>
    <t>宮島　肉じゃがのたれ</t>
  </si>
  <si>
    <t>宮島　煮魚のたれ</t>
  </si>
  <si>
    <t>宮島　さばの味噌煮のたれ</t>
  </si>
  <si>
    <t>万能クッキングたれYummyガーリック＆ペッパー</t>
  </si>
  <si>
    <t>プルコギの素</t>
  </si>
  <si>
    <t>ナムルの素（醤油味）</t>
  </si>
  <si>
    <t>ナムルの素（塩味）</t>
  </si>
  <si>
    <t>ビビンバの素</t>
  </si>
  <si>
    <t>チキン南蛮たれ</t>
  </si>
  <si>
    <t>やまやめんたい辛味ソース</t>
  </si>
  <si>
    <t>ベルサイユの薔華ったれ</t>
  </si>
  <si>
    <t>名古屋コーチン手羽煮のたれ醤油味</t>
  </si>
  <si>
    <t>老舗鶏専門店の味からあげの素</t>
  </si>
  <si>
    <t>50g×2P</t>
  </si>
  <si>
    <t>さんわ老舗鶏専門店チキン南蛮用たれ</t>
  </si>
  <si>
    <t>さんわ鶏三和唐揚げの素</t>
  </si>
  <si>
    <t>とり白菜のたれ</t>
  </si>
  <si>
    <t>お醤油屋のだいこんおろしのたれ</t>
  </si>
  <si>
    <t>回鍋肉の素</t>
  </si>
  <si>
    <t>辛子あえの素　１５ｇ</t>
  </si>
  <si>
    <t>ごまあえの素　１５ｇ</t>
  </si>
  <si>
    <t>黒酢酢豚の素</t>
  </si>
  <si>
    <t>トマトソース</t>
  </si>
  <si>
    <t>青椒肉絲の素</t>
  </si>
  <si>
    <t>麻婆茄子の素</t>
  </si>
  <si>
    <t>チンジャオロースノモト</t>
  </si>
  <si>
    <t>レバニライタメノタレ</t>
  </si>
  <si>
    <t>シオイタメノタレ</t>
  </si>
  <si>
    <t>スペアリブソース　１５０ｇ</t>
  </si>
  <si>
    <t>150　ｇ</t>
  </si>
  <si>
    <t>ゴーヤチャンプルーの素</t>
  </si>
  <si>
    <t>もやし炒めの素　１５ｇ</t>
  </si>
  <si>
    <t>レタスチャーハンの素２０ｇ×４</t>
  </si>
  <si>
    <t>ゴーヤーチャンプルーの素</t>
  </si>
  <si>
    <t>100　ｇ</t>
  </si>
  <si>
    <t>長芋豚バラ炒めのたれ</t>
  </si>
  <si>
    <t>大根こってり煮のたれ</t>
  </si>
  <si>
    <t>アスパラ炒めのたれ</t>
  </si>
  <si>
    <t>えりんぎとしめじのきのこ炒めの素</t>
  </si>
  <si>
    <t>ほうれん草炒めのたれ１５ｇ</t>
  </si>
  <si>
    <t>じゃがいもグラタンの素５０ｇ</t>
  </si>
  <si>
    <t>大根こってり煮のたれ１５ｇ</t>
  </si>
  <si>
    <t>なす豚炒めのたれ１００ｇ</t>
  </si>
  <si>
    <t>山賊焼のたれ</t>
  </si>
  <si>
    <t>長芋豚バラ炒めのたれ９０ｇ</t>
  </si>
  <si>
    <t>モツ煮のたれ</t>
  </si>
  <si>
    <t>ホクホクじゃがいもチキンの素２０ｇ</t>
  </si>
  <si>
    <t>もやしと豚肉のっけ蒸しのたれ</t>
  </si>
  <si>
    <t>ブロッコリーと鶏肉のクリーム煮の素</t>
  </si>
  <si>
    <t>トンテキの素</t>
  </si>
  <si>
    <t>チキン南蛮のタレ３５ｇ</t>
  </si>
  <si>
    <t>35　ｇ</t>
  </si>
  <si>
    <t>ゴマ和えの素</t>
  </si>
  <si>
    <t>辛子あえの素</t>
  </si>
  <si>
    <t>鶏ムネチキン南蛮</t>
  </si>
  <si>
    <t>もみこんで作る山賊焼のたれ</t>
  </si>
  <si>
    <t>もみこんで作る豚にんにく</t>
  </si>
  <si>
    <t>もみこんで作る鶏山賊</t>
  </si>
  <si>
    <t>きのこのトマトクリーム煮の素</t>
  </si>
  <si>
    <t>ニラ玉炒めのたれ</t>
  </si>
  <si>
    <t>かぼちゃの煮物のたれ</t>
  </si>
  <si>
    <t>野菜炒めの素</t>
  </si>
  <si>
    <t>あんかけ野菜炒めの素</t>
  </si>
  <si>
    <t>ディップソース（バーニャカウダ風）</t>
  </si>
  <si>
    <t>17　ｇ</t>
  </si>
  <si>
    <t>バジルオイルソース</t>
  </si>
  <si>
    <t>トンテキノタレ３０ｇＲ</t>
  </si>
  <si>
    <t>30　ｇ</t>
  </si>
  <si>
    <t>けんちん汁のたれ</t>
  </si>
  <si>
    <t>角煮のタレ</t>
  </si>
  <si>
    <t>130　ｇ</t>
  </si>
  <si>
    <t>煮豚のタレ</t>
  </si>
  <si>
    <t>焼きビーフンの素</t>
  </si>
  <si>
    <t>大学芋のたれ</t>
  </si>
  <si>
    <t>もやし炒めの素</t>
  </si>
  <si>
    <t>15　ｇ</t>
  </si>
  <si>
    <t>ごまあえの素</t>
  </si>
  <si>
    <t>ローストビーフの素ＳＴＲ</t>
  </si>
  <si>
    <t>スペアリブソース150g</t>
  </si>
  <si>
    <t>焼ビーフンの素</t>
  </si>
  <si>
    <t>ザ・ジンタレ</t>
  </si>
  <si>
    <t>560g</t>
  </si>
  <si>
    <t>ローストビーフソースＲ０６</t>
  </si>
  <si>
    <t>（ダイショー）チキン南蛮</t>
  </si>
  <si>
    <t>チュウカヤサイイタメノタレ</t>
  </si>
  <si>
    <t>ぱぱっと逸品青椒肉糸</t>
  </si>
  <si>
    <t>ぱぱっと逸品回鍋肉のたれ</t>
  </si>
  <si>
    <t>ぱぱっと逸品肉じゃがのたれ</t>
  </si>
  <si>
    <t>みそ漬けの素</t>
  </si>
  <si>
    <t>ぱぱっと逸品ゴーヤチャンプルーのたれ</t>
  </si>
  <si>
    <t>ぱぱっと逸品大学芋</t>
  </si>
  <si>
    <t>ぱぱっと逸品なすと豚肉</t>
  </si>
  <si>
    <t>ぱぱっと逸品きのことチンゲン菜</t>
  </si>
  <si>
    <t>ぱぱっと逸品きんぴらごぼう</t>
  </si>
  <si>
    <t>手羽唐のたれ</t>
  </si>
  <si>
    <t>ぱぱっと逸品もやし炒めのたれ</t>
  </si>
  <si>
    <t>チキン南蛮のたれ</t>
  </si>
  <si>
    <t>ぱぱっと逸品ニラ玉炒めのたれ</t>
  </si>
  <si>
    <t>ぱぱっと逸品白菜と豚肉のうま煮の素</t>
  </si>
  <si>
    <t>かぼちゃの鶏そぼろあんかけのたれ</t>
  </si>
  <si>
    <t>ぱぱっと逸品大根の甘辛煮のたれ</t>
  </si>
  <si>
    <t>ナムルノタレ</t>
  </si>
  <si>
    <t>塩キャベツのたれ</t>
  </si>
  <si>
    <t>1150g</t>
  </si>
  <si>
    <t>ぱぱっと逸品にんじんしりしりのたれ</t>
  </si>
  <si>
    <t>ぱぱっと逸品玉ねぎと豚肉の甘辛みそ炒め</t>
  </si>
  <si>
    <t>豚肉がうまい肉野菜炒めのたれ</t>
  </si>
  <si>
    <t>40　ｇ</t>
  </si>
  <si>
    <t>アスパラとエリンギ炒め</t>
  </si>
  <si>
    <t>ぱぱっと逸品麻婆茄子のたれ</t>
  </si>
  <si>
    <t>ぱぱっと逸品もやしとチンゲン菜の坦ー炒めのたれ</t>
  </si>
  <si>
    <t>山芋ねばねば丼</t>
  </si>
  <si>
    <t>ぱぱっと逸品キャベツガーリックバター炒め</t>
  </si>
  <si>
    <t>なすと春雨のグリーンカレー炒め用セット</t>
  </si>
  <si>
    <t>野菜ピカタの素</t>
  </si>
  <si>
    <t>36　ｇ</t>
  </si>
  <si>
    <t>ぱぱっと逸品オクラと豚肉の梅しょうゆ炒め</t>
  </si>
  <si>
    <t>110　ｇ</t>
  </si>
  <si>
    <t>黒酢手羽煮のたれ</t>
  </si>
  <si>
    <t>塩キャベツのたれにんにく塩ごま味</t>
  </si>
  <si>
    <t>565ｇ</t>
  </si>
  <si>
    <t>ぱぱっと逸品ニラ豚炒めのたれ</t>
  </si>
  <si>
    <t>ぱぱっと逸品豆苗炒めのたれ</t>
  </si>
  <si>
    <t>トマトが主役　野菜すき焼きのたれ</t>
  </si>
  <si>
    <t>ぱぱっと逸品モヤシ炒めのたれ</t>
  </si>
  <si>
    <t>ぱぱっと逸品ゴーヤチャンプルー</t>
  </si>
  <si>
    <t>ぱぱっと逸品青椒肉糸のたれ</t>
  </si>
  <si>
    <t>沖縄風　角煮のたれ</t>
  </si>
  <si>
    <t>ぱぱっと逸品　大学芋のたれ</t>
  </si>
  <si>
    <t>ぱぱっと逸品なすと豚肉のみそ炒めのたれ</t>
  </si>
  <si>
    <t>パパっと逸品もやしのたれ</t>
  </si>
  <si>
    <t>ぱぱっと逸品もやしあんかけ炒めの素</t>
  </si>
  <si>
    <t>ぱぱっと逸品大学芋のたれ</t>
  </si>
  <si>
    <t>80　袋</t>
  </si>
  <si>
    <t>パパっと逸品　ゴーヤチャンプル</t>
  </si>
  <si>
    <t>麻辣もやしのたれ</t>
  </si>
  <si>
    <t>CoCo壱番スタミナカレー炒めのたれ</t>
  </si>
  <si>
    <t>ナムルのたれ</t>
  </si>
  <si>
    <t>ガツッと辛旨だれ</t>
  </si>
  <si>
    <t>角煮のたれ</t>
  </si>
  <si>
    <t>麻辣火鍋風しゃぶしゃぶつけだれ</t>
  </si>
  <si>
    <t>ﾀﾞｲｼｮ</t>
  </si>
  <si>
    <t>トムヤムクン風しゃぶしゃぶつけだれ</t>
  </si>
  <si>
    <t>スペアリブソース</t>
  </si>
  <si>
    <t>トマトの洋風煮込みソース</t>
  </si>
  <si>
    <t>ぱぱっと逸品ブロッコリーのソテーソース</t>
  </si>
  <si>
    <t>野菜を食べるパスタソース</t>
  </si>
  <si>
    <t>野菜を食べるパスタソース　アンチョビ</t>
  </si>
  <si>
    <t>ぱぱっとプラス　タコライス風ソース</t>
  </si>
  <si>
    <t>野菜を食べるパスタソース　カルボナーラ</t>
  </si>
  <si>
    <t>山芋グラタン用ソース</t>
  </si>
  <si>
    <t>チキンソテー・ローストチキンソース</t>
  </si>
  <si>
    <t>じゃがトマト焼用ソース</t>
  </si>
  <si>
    <t>おろし入り鶏むね肉のあっさり煮の素</t>
  </si>
  <si>
    <t>ぱぱっと逸品ごま和えの素</t>
  </si>
  <si>
    <t>ぱぱっと逸品トマ玉炒めの素</t>
  </si>
  <si>
    <t>ぱぱっと逸品ジャーマンポテトの素</t>
  </si>
  <si>
    <t>ぱぱっと逸品もやしのあんかけ炒めの素</t>
  </si>
  <si>
    <t>ぱぱっと逸品からし和えの素</t>
  </si>
  <si>
    <t>ぱぱっと逸品ピーナッツ和えの素</t>
  </si>
  <si>
    <t>きのこがおいしいアヒージョの素</t>
  </si>
  <si>
    <t>ぱぱっと逸品　かぼちゃプリンの素</t>
  </si>
  <si>
    <t>なだ万監修アボカドサラダ用セット</t>
  </si>
  <si>
    <t>なだ万きのこ雑穀ご飯</t>
  </si>
  <si>
    <t>88　ｇ</t>
  </si>
  <si>
    <t>チキンソテーの素</t>
  </si>
  <si>
    <t>よだれ鶏の素</t>
  </si>
  <si>
    <t>もやしねぎチヂミの素</t>
  </si>
  <si>
    <t>147g</t>
  </si>
  <si>
    <t>肉BarDishローストビーフ用セット</t>
  </si>
  <si>
    <t>76.5g</t>
  </si>
  <si>
    <t>CoCo壱番屋スタミナカレー炒め</t>
  </si>
  <si>
    <t>辛辛だれ</t>
  </si>
  <si>
    <t>1180g</t>
  </si>
  <si>
    <t>ガツンとにんにくだれ</t>
  </si>
  <si>
    <t>情熱ホルモン監修みそだれ</t>
  </si>
  <si>
    <t>かずの子つけ汁</t>
  </si>
  <si>
    <t>バラ焼きのたれ　瓶　300g</t>
  </si>
  <si>
    <t>バラ焼のたれ</t>
  </si>
  <si>
    <t>とり天調味液</t>
  </si>
  <si>
    <t>マキシマムオリジナル万能ソース</t>
  </si>
  <si>
    <t>ワインだれ赤180g</t>
  </si>
  <si>
    <t>とむら焼きのたれ</t>
  </si>
  <si>
    <t>山海焼きのたれ</t>
  </si>
  <si>
    <t>チキンマリーネのたれ</t>
  </si>
  <si>
    <t>千六食品</t>
  </si>
  <si>
    <t>大阪王将　餃子のたれ</t>
  </si>
  <si>
    <t>イートアンド</t>
  </si>
  <si>
    <t>ｵｵｻｶｵｳｼｮｳ</t>
  </si>
  <si>
    <t>インゲンゴマアエ</t>
  </si>
  <si>
    <t>おろしわさびの万能だれ</t>
  </si>
  <si>
    <t>修善寺醤油</t>
  </si>
  <si>
    <t>ｼｭｾﾞﾝｼﾞ</t>
  </si>
  <si>
    <t>おろしわさびの万能たれ</t>
  </si>
  <si>
    <t>ｼｭｾﾝｼﾞｼｮｳﾕ</t>
  </si>
  <si>
    <t>修善寺醤油　かばさん印の万能たれ</t>
  </si>
  <si>
    <t>中津からあげつけだれ醤油</t>
  </si>
  <si>
    <t>中津からあげもり山チキン南蛮ソース</t>
  </si>
  <si>
    <t>ｱｲｼﾞｰｴﾑ</t>
  </si>
  <si>
    <t>ホルモン焼のたれ</t>
  </si>
  <si>
    <t>豊島屋</t>
  </si>
  <si>
    <t>ﾃｼﾏﾔ</t>
  </si>
  <si>
    <t>津山ホルモンうどんたれ</t>
  </si>
  <si>
    <t>石井食品</t>
  </si>
  <si>
    <t>ｲｼｲｼｮｸﾋﾝ</t>
  </si>
  <si>
    <t>ホルモンタレ</t>
  </si>
  <si>
    <t>五平餅のたれ</t>
  </si>
  <si>
    <t>ローストビーフソースマイルド</t>
  </si>
  <si>
    <t>ちゃんちゃん焼きのたれ</t>
  </si>
  <si>
    <t>万城食品</t>
  </si>
  <si>
    <t>ﾊﾞﾝｼﾞﾖｳ</t>
  </si>
  <si>
    <t>ローストビーフ・ポーク・ホースラディッシュYDP</t>
  </si>
  <si>
    <t>17.5g</t>
  </si>
  <si>
    <t>ﾊﾞﾝｼﾞｮｳ</t>
  </si>
  <si>
    <t>万城の中華風とまと炒め野たれ</t>
  </si>
  <si>
    <t>ローストビーフローストポークステーキソース</t>
  </si>
  <si>
    <t>博多育ちキャベツのたれ</t>
  </si>
  <si>
    <t>くばら　トマトのうまたれ</t>
  </si>
  <si>
    <t>きゅうりのうまたれ</t>
  </si>
  <si>
    <t>285ｇ</t>
  </si>
  <si>
    <t>減塩きゃべつのうまたれ</t>
  </si>
  <si>
    <t>２８０ｇ</t>
  </si>
  <si>
    <t>あごだしてりたれ</t>
  </si>
  <si>
    <t>２９０ｇ</t>
  </si>
  <si>
    <t>和食あごだしたれ</t>
  </si>
  <si>
    <t>ちぢみのたれ</t>
  </si>
  <si>
    <t>チキン南蛮たれパウチ</t>
  </si>
  <si>
    <t>オタフクチキン南蛮たれ</t>
  </si>
  <si>
    <t>オタフクうまくち塩だれ</t>
  </si>
  <si>
    <t>だしあんかけ</t>
  </si>
  <si>
    <t>ガーリックペッパーのたれ　５０ｇ×２入</t>
  </si>
  <si>
    <t>ガパオのたれ　５０ｇ×２入</t>
  </si>
  <si>
    <t>ビビンバのたれ</t>
  </si>
  <si>
    <t>バーべキューソース</t>
  </si>
  <si>
    <t>アジアンエスニックのたれ</t>
  </si>
  <si>
    <t>ケイジャンミックスのたれ500ｇ</t>
  </si>
  <si>
    <t>レンジで_香ばしごま野菜だれ</t>
  </si>
  <si>
    <t>梅澤</t>
  </si>
  <si>
    <t>レンジで_甘辛醤油野菜だれ</t>
  </si>
  <si>
    <t>福島のソース</t>
  </si>
  <si>
    <t>うなぎ蒲焼のたれ</t>
  </si>
  <si>
    <t>加賀屋醤油</t>
  </si>
  <si>
    <t>フーチャンゴーヤチャンプルの素</t>
  </si>
  <si>
    <t>フーチャンから揚げの素</t>
  </si>
  <si>
    <t>大学芋のたれ黒糖味</t>
  </si>
  <si>
    <t>大学芋のたれキャラメル味</t>
  </si>
  <si>
    <t>大学芋のたれオレンジ味</t>
  </si>
  <si>
    <t>チンジャオロース</t>
  </si>
  <si>
    <t>ゴーヤチャンプル</t>
  </si>
  <si>
    <t>巾着国産山菜ミックス</t>
  </si>
  <si>
    <t>そぼぶっかけめん</t>
  </si>
  <si>
    <t>440　ｇ</t>
  </si>
  <si>
    <t>天神ホルモン味噌ダレ</t>
  </si>
  <si>
    <t>やみつききゃべつの塩たれ</t>
  </si>
  <si>
    <t>ホルモンたれ</t>
  </si>
  <si>
    <t>スーパーグレービーホルモンのたれ</t>
  </si>
  <si>
    <t>塩ホルモン焼</t>
  </si>
  <si>
    <t>九州たれ</t>
  </si>
  <si>
    <t>760ml</t>
  </si>
  <si>
    <t>スーパーグレービー味噌</t>
  </si>
  <si>
    <t>スーパーグレービーホルモン</t>
  </si>
  <si>
    <t>チャンチャン焼たれ</t>
  </si>
  <si>
    <t>チャンチャン焼きたれ</t>
  </si>
  <si>
    <t>ﾏﾙﾊﾁ</t>
  </si>
  <si>
    <t>桃花林大学いものたれ</t>
  </si>
  <si>
    <t>90g×2</t>
  </si>
  <si>
    <t>西京漬けの素</t>
  </si>
  <si>
    <t>博多ごまさばのたれ</t>
  </si>
  <si>
    <t>210ml</t>
  </si>
  <si>
    <t>タッカルビのたれ</t>
  </si>
  <si>
    <t>もやしだれ手羽唐風味</t>
  </si>
  <si>
    <t>もやしだれ手羽塩風味</t>
  </si>
  <si>
    <t>からまるジャン</t>
  </si>
  <si>
    <t>餃子の達人</t>
  </si>
  <si>
    <t>２００ｍｌ</t>
  </si>
  <si>
    <t>餃子の辛口な友達</t>
  </si>
  <si>
    <t>40ｇ</t>
  </si>
  <si>
    <t>味噌だれの素</t>
  </si>
  <si>
    <t>利根川商店</t>
  </si>
  <si>
    <t>ﾄﾈｶﾞﾜｼｮｳﾃﾝ</t>
  </si>
  <si>
    <t>一風堂_ホットもやしソース</t>
  </si>
  <si>
    <t>力の源カンパニー</t>
  </si>
  <si>
    <t>ﾜﾀﾅﾍﾞｾｲﾒﾝ</t>
  </si>
  <si>
    <t>一風堂ホットもやしソース</t>
  </si>
  <si>
    <t>ﾁｶﾗﾉﾐﾅﾓﾄCP</t>
  </si>
  <si>
    <t>渡辺一風道ホットもやしソース</t>
  </si>
  <si>
    <t>ﾜﾀﾅﾍﾞｲｯﾌﾟｳ</t>
  </si>
  <si>
    <t>プルコギのたれ（しょうゆ味）</t>
  </si>
  <si>
    <t>bibigoプルコギのたれ</t>
  </si>
  <si>
    <t>コチュジャンプルコギのたれ辛口</t>
  </si>
  <si>
    <t>840g</t>
  </si>
  <si>
    <t>大象プルコギのたれ甘口</t>
  </si>
  <si>
    <t>ﾀﾞｲｽﾝｼﾞｬﾊﾟ</t>
  </si>
  <si>
    <t>大象プルコギのたれ辛口</t>
  </si>
  <si>
    <t>スンチャンサムジャン（タッパー）</t>
  </si>
  <si>
    <t>焼肉</t>
  </si>
  <si>
    <t>甘口・中辛・辛口(梅)</t>
  </si>
  <si>
    <t>小（1-300g）</t>
  </si>
  <si>
    <t>焼肉のたれ中辛</t>
  </si>
  <si>
    <t>焼肉のたれ甘口</t>
  </si>
  <si>
    <t>ヤマザクラ焼肉のたれ甘口</t>
  </si>
  <si>
    <t>ヤマザクラ焼肉のたれ中辛</t>
  </si>
  <si>
    <t>中（301-400g)</t>
  </si>
  <si>
    <t>トライアル人たれ高熱</t>
  </si>
  <si>
    <t>ﾔﾏﾐｼﾞｮｳｿﾞｳ</t>
  </si>
  <si>
    <t>トライアル人たれ激熱</t>
  </si>
  <si>
    <t>370g</t>
  </si>
  <si>
    <t>焼肉のたれ大辛</t>
  </si>
  <si>
    <t>極旨焼肉のたれ甘口</t>
  </si>
  <si>
    <t>極旨焼肉のたれ中辛</t>
  </si>
  <si>
    <t>極旨焼肉のたれ旨辛</t>
  </si>
  <si>
    <t>大（401g以上）</t>
  </si>
  <si>
    <t>焼肉のたれ</t>
  </si>
  <si>
    <t>1070g</t>
  </si>
  <si>
    <t>焼肉のたれ（中辛）</t>
  </si>
  <si>
    <t>1140g</t>
  </si>
  <si>
    <t>バリ旨焼肉のたれ</t>
  </si>
  <si>
    <t>手造り焼肉のたれ</t>
  </si>
  <si>
    <t>焼肉のたれあまくち</t>
  </si>
  <si>
    <t>TRIAL</t>
  </si>
  <si>
    <t>555g</t>
  </si>
  <si>
    <t>1.15kg</t>
  </si>
  <si>
    <t>甘口・中辛・辛口(竹)</t>
  </si>
  <si>
    <t>焼肉応援団香味焙煎しょうゆだれ</t>
  </si>
  <si>
    <t>焼肉大将</t>
  </si>
  <si>
    <t>焼肉応援団　旨味しょうゆ</t>
  </si>
  <si>
    <t>具だくさん焼肉のたれ中辛</t>
  </si>
  <si>
    <t>焼肉のたれ　こだわり食感中辛</t>
  </si>
  <si>
    <t>70ｇ</t>
  </si>
  <si>
    <t>手造り焼肉のたれ_3個セット</t>
  </si>
  <si>
    <t>焼肉タレしょうゆ</t>
  </si>
  <si>
    <t>牛角醤油だれ</t>
  </si>
  <si>
    <t>牛角焼肉のたれ中辛</t>
  </si>
  <si>
    <t>牛角特製こくうま醤油だれ</t>
  </si>
  <si>
    <t>牛角香り味わい炭火焼風醤油たれ</t>
  </si>
  <si>
    <t>牛角　香り味わい黒胡椒醤油</t>
  </si>
  <si>
    <t>フードＬ　焼肉のたれフルーティーこく旨　１７０ｍｌ</t>
  </si>
  <si>
    <t>170ML</t>
  </si>
  <si>
    <t>元祖生ちゃんの焼肉のたれ</t>
  </si>
  <si>
    <t>ﾄｯﾊﾟｿｰｽｼﾞｬ</t>
  </si>
  <si>
    <t>万能生ちゃんのなんでんうまいダレ</t>
  </si>
  <si>
    <t>秘伝生ちゃんの焼肉のタレ</t>
  </si>
  <si>
    <t>吉野家焼肉のたれ</t>
  </si>
  <si>
    <t>192g</t>
  </si>
  <si>
    <t>焼肉のタレしょう油</t>
  </si>
  <si>
    <t>焼肉のタレ甘口</t>
  </si>
  <si>
    <t>焼肉のタレ</t>
  </si>
  <si>
    <t>黄金の味甘口</t>
  </si>
  <si>
    <t>黄金の味中辛</t>
  </si>
  <si>
    <t>黄金の味辛口</t>
  </si>
  <si>
    <t>焼肉のたれ韓国しょうゆ</t>
  </si>
  <si>
    <t>エバラ　黄金の味　中辛　42g×3</t>
  </si>
  <si>
    <t>黄金の味贅沢辛口</t>
  </si>
  <si>
    <t>205g</t>
  </si>
  <si>
    <t>わが家は焼肉屋さん甘熟だれ</t>
  </si>
  <si>
    <t>わが家は焼肉屋さん濃厚甘口だれ</t>
  </si>
  <si>
    <t>わが家は焼肉屋さん旨辛</t>
  </si>
  <si>
    <t>ヤキニクノタレ</t>
  </si>
  <si>
    <t>わが家は焼肉屋さん甘口</t>
  </si>
  <si>
    <t>わが家は焼肉屋さん中辛</t>
  </si>
  <si>
    <t>わが家は焼肉屋さん辛口</t>
  </si>
  <si>
    <t>わが家は焼肉屋さん焼肉屋さん濃厚だれ</t>
  </si>
  <si>
    <t>わが家は焼肉屋さん旨辛だれ</t>
  </si>
  <si>
    <t>ソラチ　札幌徳寿　焼肉のたれ　瓶　１６５ｇ</t>
  </si>
  <si>
    <t>札幌徳寿焼肉のたれ</t>
  </si>
  <si>
    <t>札幌さんか亭焼肉のたれ</t>
  </si>
  <si>
    <t>やまなか家監修焼肉のたれ</t>
  </si>
  <si>
    <t>焼肉のタレ　サンジャン</t>
  </si>
  <si>
    <t>琥珀色の焼肉たれ</t>
  </si>
  <si>
    <t>韓流やきにくのたれ</t>
  </si>
  <si>
    <t>あおり辛醤やきにくたれ</t>
  </si>
  <si>
    <t>食べあきしないコク辛やきにくたれ</t>
  </si>
  <si>
    <t>たれじまん甘口</t>
  </si>
  <si>
    <t>たれじまん中辛</t>
  </si>
  <si>
    <t>九州味衣焼肉のたれ旨しょうゆ味</t>
  </si>
  <si>
    <t>赤獅子たれ味噌味</t>
  </si>
  <si>
    <t>青獅子たれ醤油味</t>
  </si>
  <si>
    <t>晩餐館焼肉のたれ甘口</t>
  </si>
  <si>
    <t>晩餐館焼肉のたれ中辛口</t>
  </si>
  <si>
    <t>焼肉一番あっさり仕立て</t>
  </si>
  <si>
    <t>焼肉一番CLASSIC甘口</t>
  </si>
  <si>
    <t>焼肉一番CLASSIC中辛</t>
  </si>
  <si>
    <t>焼肉一番匠</t>
  </si>
  <si>
    <t>焼肉一番中辛</t>
  </si>
  <si>
    <t>焼肉一番甘口</t>
  </si>
  <si>
    <t>焼肉のたれ無添加仕立</t>
  </si>
  <si>
    <t>ｷﾝｼﾞﾖｳｼﾞ</t>
  </si>
  <si>
    <t>スタミナ源たれ</t>
  </si>
  <si>
    <t>スタミナ源たれ瓶</t>
  </si>
  <si>
    <t>本気の焼肉たれ</t>
  </si>
  <si>
    <t>飛騨高山　焼肉のタレ甘口　</t>
  </si>
  <si>
    <t>ﾌﾙｻﾄｷﾖﾐ</t>
  </si>
  <si>
    <t>飛騨高山焼肉のたれ中辛　</t>
  </si>
  <si>
    <t>焼肉のたれ胡麻ぽん酢瓶</t>
  </si>
  <si>
    <t>焼肉大将フルーツ</t>
  </si>
  <si>
    <t>焼肉のたれ金龍中辛</t>
  </si>
  <si>
    <t>赤から監修焼肉のたれ</t>
  </si>
  <si>
    <t>桃花林KOKU焼肉のたれ</t>
  </si>
  <si>
    <t>KOKUカルビ焼肉のたれ</t>
  </si>
  <si>
    <t>セゾンファクトリー</t>
  </si>
  <si>
    <t>ｾｿﾞﾝﾌｧｸﾄﾘｰ</t>
  </si>
  <si>
    <t>わが家は焼肉屋さん中辛3個セット</t>
  </si>
  <si>
    <t>400g*3</t>
  </si>
  <si>
    <t>わが家は焼肉屋さん甘口3個セット</t>
  </si>
  <si>
    <t>元祖生ちゃんの焼肉のタレ360ml</t>
  </si>
  <si>
    <t>秘伝生ちゃんの焼肉のタレ360ml</t>
  </si>
  <si>
    <t>有原苑焼肉のたれ</t>
  </si>
  <si>
    <t>佐倉社中</t>
  </si>
  <si>
    <t>ｻｸﾗｼｬﾁｭｳ</t>
  </si>
  <si>
    <t>エバラ　黄金の味　甘口</t>
  </si>
  <si>
    <t>エバラ　黄金の味　中辛</t>
  </si>
  <si>
    <t>エバラ　黄金の味　辛口</t>
  </si>
  <si>
    <t>元祖肉どろぼう甘口</t>
  </si>
  <si>
    <t>元祖肉どろぼう中辛</t>
  </si>
  <si>
    <t>焼肉屋さん　甘熟だれ</t>
  </si>
  <si>
    <t>焼き肉屋さん濃厚たれ</t>
  </si>
  <si>
    <t>肉どろぼう甘口</t>
  </si>
  <si>
    <t>肉どろぼう中辛</t>
  </si>
  <si>
    <t>焼肉うまだれ</t>
  </si>
  <si>
    <t>とろりと甘い焼肉のたれ</t>
  </si>
  <si>
    <t>390g</t>
  </si>
  <si>
    <t>日本食研焼肉のたれ宮殿甘口</t>
  </si>
  <si>
    <t>焼肉のたれ宮殿</t>
  </si>
  <si>
    <t>日本食研焼肉のたれ宮殿中辛</t>
  </si>
  <si>
    <t>焼肉一番旨くち仕立て</t>
  </si>
  <si>
    <t>上北スタミナ源たれ減塩390ｇ</t>
  </si>
  <si>
    <t>焼肉のたれ辛味家</t>
  </si>
  <si>
    <t>猛虎の力</t>
  </si>
  <si>
    <t>焼肉無双こってり</t>
  </si>
  <si>
    <t>焼肉無双あっさり</t>
  </si>
  <si>
    <t>秘伝焼肉のたれ2個セット</t>
  </si>
  <si>
    <t>黄金の味甘口2個セット</t>
  </si>
  <si>
    <t>黄金の味中辛2個セット</t>
  </si>
  <si>
    <t>スタミナ源たれ_3本アソートセット</t>
  </si>
  <si>
    <t>塩えごまだれ</t>
  </si>
  <si>
    <t>浜田の海浜守の塩だれ</t>
  </si>
  <si>
    <t>焼肉のたれ醤油</t>
  </si>
  <si>
    <t>1600g</t>
  </si>
  <si>
    <t>1550g</t>
  </si>
  <si>
    <t>黄金の味甘口業務用</t>
  </si>
  <si>
    <t>焼肉のたれパーティーサイズ醤油味</t>
  </si>
  <si>
    <t>焼肉のたれパーティーサイズ甘口</t>
  </si>
  <si>
    <t>焼肉のたれパーティーサイズ辛口</t>
  </si>
  <si>
    <t>黄金の味パーティーサイズ甘口</t>
  </si>
  <si>
    <t>590g</t>
  </si>
  <si>
    <t>黄金の味パーティーサイズ中辛</t>
  </si>
  <si>
    <t>黄金の味　パーティーサイズ辛口</t>
  </si>
  <si>
    <t>業務用黄金の味甘口</t>
  </si>
  <si>
    <t>業務用黄金の味中辛</t>
  </si>
  <si>
    <t>焼肉御膳甘口</t>
  </si>
  <si>
    <t>焼肉御膳中辛</t>
  </si>
  <si>
    <t>わが家は焼肉屋さんプロ濃厚しょうゆだれ</t>
  </si>
  <si>
    <t>1190g</t>
  </si>
  <si>
    <t>2100g</t>
  </si>
  <si>
    <t>焼肉のたれ2110ｇ</t>
  </si>
  <si>
    <t>タレ辛口</t>
  </si>
  <si>
    <t>日本ハム</t>
  </si>
  <si>
    <t>ﾆｯﾎﾟﾝﾊﾑ</t>
  </si>
  <si>
    <t>焼肉たれ和風</t>
  </si>
  <si>
    <t>九州の味焼肉のたれ</t>
  </si>
  <si>
    <t>ヤキニクパーティ</t>
  </si>
  <si>
    <t>焼肉のたれごま入り</t>
  </si>
  <si>
    <t>韓（ＨＡＮ）焼肉のたれ５２０ｇ</t>
  </si>
  <si>
    <t>韓（ＨＡＮ）焼肉のたれ　果実風味５２０ｇ</t>
  </si>
  <si>
    <t>焼肉のたれ手造り</t>
  </si>
  <si>
    <t>モモヤ焼肉のたれ_甘口</t>
  </si>
  <si>
    <t>モモヤ焼肉のたれ_中辛</t>
  </si>
  <si>
    <t>たれ自慢甘口</t>
  </si>
  <si>
    <t>たれ自慢中辛</t>
  </si>
  <si>
    <t>焼肉のたれ甘口５００ｇ</t>
  </si>
  <si>
    <t>晩餐館　焼肉のたれ　中辛口５００ｇ</t>
  </si>
  <si>
    <t>焼肉のたれ焙煎（中）</t>
  </si>
  <si>
    <t>本仕込みのたれ（中）</t>
  </si>
  <si>
    <t>秘伝焼肉のたれ（大）</t>
  </si>
  <si>
    <t>焼肉通り香味野菜しょうゆ</t>
  </si>
  <si>
    <t>575g</t>
  </si>
  <si>
    <t>秘伝焼肉のたれ（中）</t>
  </si>
  <si>
    <t>1210g</t>
  </si>
  <si>
    <t>タケサン焼肉天国しょうゆ味580g</t>
  </si>
  <si>
    <t>580G</t>
  </si>
  <si>
    <t>スタミナ源焼き肉のたれ甘口</t>
  </si>
  <si>
    <t>スタミナ源たれソフト</t>
  </si>
  <si>
    <t>スタミナ源たれソフト　410g</t>
  </si>
  <si>
    <t>スタミナ源焼肉のたれ甘口　420g</t>
  </si>
  <si>
    <t>辛味家</t>
  </si>
  <si>
    <t>辛味家醤油風</t>
  </si>
  <si>
    <t>焼肉のたれ醤油味</t>
  </si>
  <si>
    <t>ｷﾝﾘﾕ-</t>
  </si>
  <si>
    <t>鶏林焼肉のたれ甘口</t>
  </si>
  <si>
    <t>鶏林食品</t>
  </si>
  <si>
    <t>ｹｲﾘﾝ</t>
  </si>
  <si>
    <t>焼肉のタレ（中辛）</t>
  </si>
  <si>
    <t>松屋_焼肉のたれ甘口醤油味_615G</t>
  </si>
  <si>
    <t>615g</t>
  </si>
  <si>
    <t>焼肉のたれ甘口醤油味</t>
  </si>
  <si>
    <t>焼肉のたれ　豚・鶏プルコギ用</t>
  </si>
  <si>
    <t>甘口・中辛・辛口(松)</t>
  </si>
  <si>
    <t>もんくたれ甘口</t>
  </si>
  <si>
    <t>もんくたれ本舗</t>
  </si>
  <si>
    <t>ﾓﾝｸﾀﾚﾎﾝﾎﾟ</t>
  </si>
  <si>
    <t>もんくたれ　ピリ辛</t>
  </si>
  <si>
    <t>戸村本店の焼肉のたれ3個セット</t>
  </si>
  <si>
    <t>戸村本店焼肉のたれ2本セット</t>
  </si>
  <si>
    <t>焼肉のたれ(甘辛)2個セット</t>
  </si>
  <si>
    <t>240ml*2</t>
  </si>
  <si>
    <t>焼肉チャンピオン　焼肉のたれ2個セット</t>
  </si>
  <si>
    <t>240g*2</t>
  </si>
  <si>
    <t>ﾌ-ﾄﾞﾚ-ﾍﾞﾙ</t>
  </si>
  <si>
    <t>焼肉トラジ　焼肉のたれ2個セット</t>
  </si>
  <si>
    <t>アリランのたれ</t>
  </si>
  <si>
    <t>アリラン食堂</t>
  </si>
  <si>
    <t>ｱﾘﾗﾝｼｮｸﾄﾞｳ</t>
  </si>
  <si>
    <t>永野焼肉のたれ190g</t>
  </si>
  <si>
    <t>190G</t>
  </si>
  <si>
    <t>永野</t>
  </si>
  <si>
    <t>ﾅｶﾞﾉ</t>
  </si>
  <si>
    <t>永野焼肉のたれ九州の味190g</t>
  </si>
  <si>
    <t>なんでもかけたれ辛口</t>
  </si>
  <si>
    <t>玄風館</t>
  </si>
  <si>
    <t>ｹﾞﾝﾌﾟｳｶﾝ</t>
  </si>
  <si>
    <t>なんでもかけたれ甘口</t>
  </si>
  <si>
    <t>焼肉チャンピオン焼肉のたれ</t>
  </si>
  <si>
    <t>焼肉トラジ焼肉のたれ</t>
  </si>
  <si>
    <t>焼肉トラジさらさら醤油だれ</t>
  </si>
  <si>
    <t>思わず手が出る焼肉のたれ</t>
  </si>
  <si>
    <t>黒タレにくほんぽ黒</t>
  </si>
  <si>
    <t>エムツー</t>
  </si>
  <si>
    <t>ｴﾑﾂｰ</t>
  </si>
  <si>
    <t>にくほんぽ　赤たれ</t>
  </si>
  <si>
    <t>肉ほんぽ黒</t>
  </si>
  <si>
    <t>赤身にあう焼き肉のたれ</t>
  </si>
  <si>
    <t>ｼﾚﾄｺﾅｶﾑﾗﾉｳ</t>
  </si>
  <si>
    <t>焼肉のたれ三醤</t>
  </si>
  <si>
    <t>肉の割烹田村焼肉のたれ</t>
  </si>
  <si>
    <t>食べあきしないやきにくたれ</t>
  </si>
  <si>
    <t>三幸園焼肉のたれ</t>
  </si>
  <si>
    <t>麻布十番三幸園焼肉のたれ醤油</t>
  </si>
  <si>
    <t>直源醤油焼肉のタレ300ml</t>
  </si>
  <si>
    <t>スタミナ源プレミアム</t>
  </si>
  <si>
    <t>スタミナ源たれゴールド中辛</t>
  </si>
  <si>
    <t>生だれ黒素材厳選</t>
  </si>
  <si>
    <t>生だれ白濃厚撰味</t>
  </si>
  <si>
    <t>焼肉のたれ甘辛</t>
  </si>
  <si>
    <t>叙々苑焼肉のたれ</t>
  </si>
  <si>
    <t>味覚園焼肉生タレ</t>
  </si>
  <si>
    <t>坂口精肉店</t>
  </si>
  <si>
    <t>戸村本店の特撰焼肉たれ</t>
  </si>
  <si>
    <t>戸村本店焼肉のたれ</t>
  </si>
  <si>
    <t>飛騨高山　焼肉のたれ辛口　</t>
  </si>
  <si>
    <t>飛騨山椒焼肉のたれ　</t>
  </si>
  <si>
    <t>炭火焼肉たむら焼肉のたれ中辛</t>
  </si>
  <si>
    <t>炭火焼肉たむら焼肉のたれ甘口</t>
  </si>
  <si>
    <t>焼肉のたれ旨甘</t>
  </si>
  <si>
    <t>今半焼肉のたれ中辛</t>
  </si>
  <si>
    <t>フードショップ戸村</t>
  </si>
  <si>
    <t>焼肉のたれ無添加甘口</t>
  </si>
  <si>
    <t>焼肉のたれ無添加中辛</t>
  </si>
  <si>
    <t>食通倶楽部焼肉のたれ中辛</t>
  </si>
  <si>
    <t>ｺｺﾉｴ</t>
  </si>
  <si>
    <t>和牛肉のたれ</t>
  </si>
  <si>
    <t>２３０g</t>
  </si>
  <si>
    <t>和牛肉たれ</t>
  </si>
  <si>
    <t>プルコギャン中辛</t>
  </si>
  <si>
    <t>プルコギャン辛口</t>
  </si>
  <si>
    <t>プルコギャン香味醤油</t>
  </si>
  <si>
    <t>(追1)ポールスタア焼肉のたれ中辛250ｇ</t>
  </si>
  <si>
    <t>ﾎﾟｰﾙｽﾀｰ</t>
  </si>
  <si>
    <t>叙々苑焼肉のたれ3個セット</t>
  </si>
  <si>
    <t>お家で叙々苑セット</t>
  </si>
  <si>
    <t>3種セット</t>
  </si>
  <si>
    <t>焼肉のたれ2個セット</t>
  </si>
  <si>
    <t>320g*2</t>
  </si>
  <si>
    <t>工房阿蘇ものがたり</t>
  </si>
  <si>
    <t>ｱｿﾓﾉｶﾞﾀﾘ</t>
  </si>
  <si>
    <t>阿蘇の肉ソース</t>
  </si>
  <si>
    <t>七福醤油店</t>
  </si>
  <si>
    <t>ｼﾁﾌｸｼｮｳﾕ</t>
  </si>
  <si>
    <t>やみつき梨だれ万能焼肉</t>
  </si>
  <si>
    <t>ｲﾏｶﾞﾏﾔ</t>
  </si>
  <si>
    <t>ばかみたいにうまいたれ醤油</t>
  </si>
  <si>
    <t>ﾌｸﾁｬﾝ</t>
  </si>
  <si>
    <t>焼肉のタレ七代目こばやし</t>
  </si>
  <si>
    <t>ｺﾊﾞﾔｼ</t>
  </si>
  <si>
    <t>超焼肉のたれ甘口</t>
  </si>
  <si>
    <t>超焼肉のたれ中辛</t>
  </si>
  <si>
    <t>カルビ焼のたれ（ソラチ）</t>
  </si>
  <si>
    <t>10　パック</t>
  </si>
  <si>
    <t>スタミナ源たれプレミアム　390g</t>
  </si>
  <si>
    <t>スタミナ源たれプレミアム　280g</t>
  </si>
  <si>
    <t>焼肉のたれ_辛口</t>
  </si>
  <si>
    <t>無添加焼き肉のたれ</t>
  </si>
  <si>
    <t>濃いめ焼肉のたれ</t>
  </si>
  <si>
    <t>焼肉のたれ　辛口</t>
  </si>
  <si>
    <t>柿安本店</t>
  </si>
  <si>
    <t>戸村本店の焼肉のたれペット</t>
  </si>
  <si>
    <t>プルコギジャン甘口</t>
  </si>
  <si>
    <t>美味</t>
  </si>
  <si>
    <t>ﾐﾐ</t>
  </si>
  <si>
    <t>プルコギジャン辛口</t>
  </si>
  <si>
    <t>紫峰蔵元秘伝ノンオイル焼き肉たれ</t>
  </si>
  <si>
    <t>焼肉のたれ二代目</t>
  </si>
  <si>
    <t>焼肉のたれ初代</t>
  </si>
  <si>
    <t>ブルコギヤン究極の逸品中辛</t>
  </si>
  <si>
    <t>伝統の味百年焼肉のたれ中辛</t>
  </si>
  <si>
    <t>伝統の味百年焼肉のたれ甘口</t>
  </si>
  <si>
    <t>伝統の味百年焼肉のたれ辛口</t>
  </si>
  <si>
    <t>プルコギャン甘口</t>
  </si>
  <si>
    <t>ブルコギャン大辛</t>
  </si>
  <si>
    <t>焼肉のたれゴールド</t>
  </si>
  <si>
    <t>ハリマ食通</t>
  </si>
  <si>
    <t>ﾊﾘﾏ</t>
  </si>
  <si>
    <t>焼肉のたれゴールド辛口　</t>
  </si>
  <si>
    <t>焼肉のたれ醤油味　</t>
  </si>
  <si>
    <t>響王　とむら焼肉のたれ</t>
  </si>
  <si>
    <t>叙々苑焼肉のたれ2本セット</t>
  </si>
  <si>
    <t>無添加万能焼肉のたれ</t>
  </si>
  <si>
    <t>無添加万能焼肉のたれ九州味</t>
  </si>
  <si>
    <t>上北農産　スタミナ源たれ　プレミアム　４１０ｇ</t>
  </si>
  <si>
    <t>スタミナ源ゴールド甘口</t>
  </si>
  <si>
    <t>スタミナ源たれゴールド甘口　410g</t>
  </si>
  <si>
    <t>スタミナ源ゴールド中辛</t>
  </si>
  <si>
    <t>スタミナ源ゴールド辛口</t>
  </si>
  <si>
    <t>スタミナ源たれゴールド辛口　410g</t>
  </si>
  <si>
    <t>旨い辛いにんにくの極みだれ</t>
  </si>
  <si>
    <t>440g</t>
  </si>
  <si>
    <t>焼肉のたれ辛口</t>
  </si>
  <si>
    <t>手づくり焼肉のたれ</t>
  </si>
  <si>
    <t>戸村焼肉のたれ無添加甘口</t>
  </si>
  <si>
    <t>鶏林焼肉のたれしょうゆ味420g</t>
  </si>
  <si>
    <t>420G</t>
  </si>
  <si>
    <t>バラエティ</t>
  </si>
  <si>
    <t>北見玉葱_焼肉のたれ</t>
  </si>
  <si>
    <t>おろしのたれ</t>
  </si>
  <si>
    <t>1490g</t>
  </si>
  <si>
    <t>柑橘おろしのタレ</t>
  </si>
  <si>
    <t>エバラ　おろしのたれ　40g×3</t>
  </si>
  <si>
    <t>40gX3</t>
  </si>
  <si>
    <t>たまねぎのたれ</t>
  </si>
  <si>
    <t>おろしのたれオニオン＆ビネガー</t>
  </si>
  <si>
    <t>超おろしのたれ</t>
  </si>
  <si>
    <t>わが家すりたておろししょうゆ</t>
  </si>
  <si>
    <t>おろししょうゆ</t>
  </si>
  <si>
    <t>わが家はポン酢ダレ</t>
  </si>
  <si>
    <t>たまねぎおろししょうゆ</t>
  </si>
  <si>
    <t>おろしたまねぎ醤油仕立て</t>
  </si>
  <si>
    <t>ミートベジおろし醤油</t>
  </si>
  <si>
    <t>ミートベジたっぷり玉葱</t>
  </si>
  <si>
    <t>お肉にかけるあらおろし野菜和風たまねぎ味</t>
  </si>
  <si>
    <t>お肉にかけるあらおろし野菜和風にんにく味</t>
  </si>
  <si>
    <t>あらおろし野菜だれ　和風たまねぎ味</t>
  </si>
  <si>
    <t>２１０ｇ</t>
  </si>
  <si>
    <t>北海道産大根おろしポン酢たれ</t>
  </si>
  <si>
    <t>焼肉のたれおろし風味</t>
  </si>
  <si>
    <t>焼肉のたれおろし</t>
  </si>
  <si>
    <t>おろしりんごやきにくたれ</t>
  </si>
  <si>
    <t>おろしりんごやきにく</t>
  </si>
  <si>
    <t>ベル　焼肉のたれ　おろし玉ねぎ醤油味</t>
  </si>
  <si>
    <t>食べあきしないおろしやきにくたれ</t>
  </si>
  <si>
    <t>香味だれ青じそおろし</t>
  </si>
  <si>
    <t>195ml</t>
  </si>
  <si>
    <t>おろし焼肉のタレ</t>
  </si>
  <si>
    <t>270　ｇ</t>
  </si>
  <si>
    <t>スタミナ源焼き肉のたれポン酢風</t>
  </si>
  <si>
    <t>焼肉のたれおろしポン酢</t>
  </si>
  <si>
    <t>プルコギャン（おろし）</t>
  </si>
  <si>
    <t>焼肉のたれさっぱりおろし味</t>
  </si>
  <si>
    <t>焼肉のたれおろし味</t>
  </si>
  <si>
    <t>にんにく</t>
  </si>
  <si>
    <t>スミヤキフウアブリニンニク</t>
  </si>
  <si>
    <t>焼肉応援団焙煎にんにく風味だれ</t>
  </si>
  <si>
    <t>焼肉応援団　焙煎にんにく</t>
  </si>
  <si>
    <t>焼肉のたれにんにく味</t>
  </si>
  <si>
    <t>焼肉のたれ　行者にんにく入り</t>
  </si>
  <si>
    <t>１９３ｍｌ</t>
  </si>
  <si>
    <t>にん肉焼肉のたれ</t>
  </si>
  <si>
    <t>にんにく王子</t>
  </si>
  <si>
    <t>にんにく香るレモンバター焼肉のたれ</t>
  </si>
  <si>
    <t>ＩＺＡ</t>
  </si>
  <si>
    <t>IZA</t>
  </si>
  <si>
    <t>焼肉のたれスパイスにんにく</t>
  </si>
  <si>
    <t>黄金ネクストペッパーガーリック</t>
  </si>
  <si>
    <t>にんにくのたれ</t>
  </si>
  <si>
    <t>エバラ黄金の味旨にんにく</t>
  </si>
  <si>
    <t>にんにく屋焼肉のたれ</t>
  </si>
  <si>
    <t>にんにく味噌だれ</t>
  </si>
  <si>
    <t>わが家は焼肉屋さん焦がしにんにく</t>
  </si>
  <si>
    <t>わが家は焼肉屋さんにんにく</t>
  </si>
  <si>
    <t>あらおろし野菜だれ　和風にんにく味</t>
  </si>
  <si>
    <t>焼肉のたれ揚げにんにく</t>
  </si>
  <si>
    <t>ベル　焼肉のたれ　行者にんにく醤油味</t>
  </si>
  <si>
    <t>薬味焼肉たれ刻みにんにく醤油</t>
  </si>
  <si>
    <t>生にんにく薫る焼肉醤油だれ</t>
  </si>
  <si>
    <t>韓焼肉のたれ_にんにく風味500g</t>
  </si>
  <si>
    <t>焼肉奉行にんにく</t>
  </si>
  <si>
    <t>青森にんにくのたれ</t>
  </si>
  <si>
    <t>ワダカン熟成黒にんにくのたれ</t>
  </si>
  <si>
    <t>ワダカン熟成黒にんにくのたれラー油入り</t>
  </si>
  <si>
    <t>熟成黒にんにくのたれ</t>
  </si>
  <si>
    <t>熟成黒にんにくのたれ辛口</t>
  </si>
  <si>
    <t>晩餐館　焼肉のたれ　焙煎にんにく２１０ｇ</t>
  </si>
  <si>
    <t>焼き肉どおりにんにくしょうゆ味</t>
  </si>
  <si>
    <t>焼肉通りにんにくしょうゆ味</t>
  </si>
  <si>
    <t>秘伝焼肉のたれにんにく5倍</t>
  </si>
  <si>
    <t>にんにく大渋滞たれ</t>
  </si>
  <si>
    <t>ｻﾜﾀﾞﾌｧｰﾑ</t>
  </si>
  <si>
    <t>にんにくたれ</t>
  </si>
  <si>
    <t>焼肉のたれこってり大蒜</t>
  </si>
  <si>
    <t>塩・味噌・ジンギスカン</t>
  </si>
  <si>
    <t>もんくたれ　みそだれ</t>
  </si>
  <si>
    <t>まろやか塩だれ</t>
  </si>
  <si>
    <t>焼肉塩だれ</t>
  </si>
  <si>
    <t>成吉思汗のたれ</t>
  </si>
  <si>
    <t>極旨にんにく塩だれ</t>
  </si>
  <si>
    <t>焼肉タレ味噌</t>
  </si>
  <si>
    <t>ミラクルすぱいすふー塩だれ</t>
  </si>
  <si>
    <t>ＫＩＹＯＲＡきくち</t>
  </si>
  <si>
    <t>ｷｭｳｼｭｳﾃﾞﾘｶ</t>
  </si>
  <si>
    <t>牛角旨塩だれ</t>
  </si>
  <si>
    <t>牛角　旨みそだれ</t>
  </si>
  <si>
    <t>牛角　特製みそだれ</t>
  </si>
  <si>
    <t>牛角　香り味わい焼き肉のたれ香りねぎ塩</t>
  </si>
  <si>
    <t>焼き肉トラジごま油香るこだわりの塩だれ</t>
  </si>
  <si>
    <t>クエストページバクバクバカびたし</t>
  </si>
  <si>
    <t>ＱｕｅｓｔＰ’ａｇｅ</t>
  </si>
  <si>
    <t>ｸｴｽﾄﾍﾟｰｼﾞ</t>
  </si>
  <si>
    <t>やみつき梨だれ万能味噌</t>
  </si>
  <si>
    <t>ばかみたいにうまいたれ味噌</t>
  </si>
  <si>
    <t>肉ほんぽ赤</t>
  </si>
  <si>
    <t>焼肉のたれ味噌醤油味</t>
  </si>
  <si>
    <t>295g</t>
  </si>
  <si>
    <t>わが家は焼肉屋さんプロねぎ塩だれ</t>
  </si>
  <si>
    <t>1090g</t>
  </si>
  <si>
    <t>わが家は焼肉屋さん塩だれ</t>
  </si>
  <si>
    <t>わが家は焼き肉屋さん塩ダレ</t>
  </si>
  <si>
    <t>わが家は焼肉屋さん　ﾚﾓﾝ爽やか香味野菜だれ</t>
  </si>
  <si>
    <t>北海道ジンギスカンのたれ</t>
  </si>
  <si>
    <t>特選ジンギスカンのたれ</t>
  </si>
  <si>
    <t>ジンくんジンギスカンのたれ</t>
  </si>
  <si>
    <t>ソラチ　大黒屋監修ジンギスカンのたれ</t>
  </si>
  <si>
    <t>成吉思汗大黒屋ジンギスカンのたれ</t>
  </si>
  <si>
    <t>特選成吉思汗のたれ</t>
  </si>
  <si>
    <t>お肉なんでもスパイスタレ</t>
  </si>
  <si>
    <t>155g</t>
  </si>
  <si>
    <t>オホーツク自然塩焼肉</t>
  </si>
  <si>
    <t>焼肉のたれ本格塩味</t>
  </si>
  <si>
    <t>北海道産長ねぎのねぎだく塩だれ</t>
  </si>
  <si>
    <t>焼肉のたれ濃厚辛みそ</t>
  </si>
  <si>
    <t>成吉思汗たれ</t>
  </si>
  <si>
    <t>成吉思汗のたれ　缶</t>
  </si>
  <si>
    <t>成吉思汗のたれペット</t>
  </si>
  <si>
    <t>成吉思汗たれ特撰</t>
  </si>
  <si>
    <t>成吉思汗たれペット</t>
  </si>
  <si>
    <t>成吉思汗たれ塩分５０％カット</t>
  </si>
  <si>
    <t>ベル　ジンギスカンたれ　味付用　瓶　２３５ｇ</t>
  </si>
  <si>
    <t>成吉思汗たれすっきりレモン</t>
  </si>
  <si>
    <t>生ラム成吉思汗のたれ</t>
  </si>
  <si>
    <t>柚子こしょう薫る焼肉塩だれ</t>
  </si>
  <si>
    <t>ピリ辛味噌だれ</t>
  </si>
  <si>
    <t>焼肉レモン塩?だれ</t>
  </si>
  <si>
    <t>九州味衣焼肉のたれ旨しお味</t>
  </si>
  <si>
    <t>ジンギスカンたれ中甘</t>
  </si>
  <si>
    <t>ジンギスカンのたれ中甘口ペット</t>
  </si>
  <si>
    <t>焼肉のたれ　甘味噌</t>
  </si>
  <si>
    <t>タケサン焼肉天国味噌味580g</t>
  </si>
  <si>
    <t>焼肉の塩だれ</t>
  </si>
  <si>
    <t>178G</t>
  </si>
  <si>
    <t>岩塩とごま油の塩だれ</t>
  </si>
  <si>
    <t>139g</t>
  </si>
  <si>
    <t>にんにくうま味噌たれ</t>
  </si>
  <si>
    <t>スタミナ源塩焼きのたれ</t>
  </si>
  <si>
    <t>スタミナ源塩焼のたれ</t>
  </si>
  <si>
    <t>レモン塩だれ</t>
  </si>
  <si>
    <t>あしきた農業協同組合</t>
  </si>
  <si>
    <t>JAｱｼｷﾀ</t>
  </si>
  <si>
    <t>焼肉のたれ塩だれ</t>
  </si>
  <si>
    <t>217g</t>
  </si>
  <si>
    <t>焼肉のたれ万能味噌だれ</t>
  </si>
  <si>
    <t>２４０g</t>
  </si>
  <si>
    <t>焼肉のたれ味噌</t>
  </si>
  <si>
    <t>焼肉のたれみそ味</t>
  </si>
  <si>
    <t>銀龍焼肉のたれみそ味ニンニク抜き</t>
  </si>
  <si>
    <t>創味塩だれ</t>
  </si>
  <si>
    <t>KOKU塩だれ瓶</t>
  </si>
  <si>
    <t>万能みそだれ</t>
  </si>
  <si>
    <t>醤油屋の塩だれ</t>
  </si>
  <si>
    <t>松屋_焼肉のたれ味噌_610G</t>
  </si>
  <si>
    <t>610g</t>
  </si>
  <si>
    <t>焼肉のたれ味噌味</t>
  </si>
  <si>
    <t>焼肉のたれゴールドみそ味　</t>
  </si>
  <si>
    <t>焼肉応援団コチュジャンだれ</t>
  </si>
  <si>
    <t>えごまえ焼肉だれ</t>
  </si>
  <si>
    <t>牛角_コチュジャン醤油だれ</t>
  </si>
  <si>
    <t>牛角　コチュジャンだれ</t>
  </si>
  <si>
    <t>牛角コチュジャンたれ</t>
  </si>
  <si>
    <t>万能生ちゃんのなんでんうまいダレ360ml</t>
  </si>
  <si>
    <t>焼肉やみだれ</t>
  </si>
  <si>
    <t>ﾆﾄﾝﾔ</t>
  </si>
  <si>
    <t>万能酢だれ210</t>
  </si>
  <si>
    <t>黄金の味ネクストパインマンゴ</t>
  </si>
  <si>
    <t>黄金ネクストフルーススパイス</t>
  </si>
  <si>
    <t>黄金の味さわやか檸檬</t>
  </si>
  <si>
    <t>黄金の味濃熟</t>
  </si>
  <si>
    <t>黄金の味贅沢林檎</t>
  </si>
  <si>
    <t>ワギュウマフィアバーベキューソース</t>
  </si>
  <si>
    <t>黄金の味濃厚焙煎ごま</t>
  </si>
  <si>
    <t>和風BBQたれ</t>
  </si>
  <si>
    <t>わが家は焼肉屋さんプロ熟成もろみだれ</t>
  </si>
  <si>
    <t>わが家は焼肉屋さん贅沢果実</t>
  </si>
  <si>
    <t>わが家は焼肉屋さん贅沢果実375g</t>
  </si>
  <si>
    <t>わが家は焼肉屋さん　コチュジャン</t>
  </si>
  <si>
    <t>わが家は焼肉屋さんジワっと辛い旨辛だれ</t>
  </si>
  <si>
    <t>酢×だしのうまタレ</t>
  </si>
  <si>
    <t>塩だれレモン風味</t>
  </si>
  <si>
    <t>BBQ＆グリルソーストマトガーリック</t>
  </si>
  <si>
    <t>BBQ＆グリルソース照り焼き</t>
  </si>
  <si>
    <t>焼肉のたれ激辛ハバネロ</t>
  </si>
  <si>
    <t>大人のレモン焼肉のタレ白</t>
  </si>
  <si>
    <t>関連品</t>
  </si>
  <si>
    <t>コチュジャン</t>
  </si>
  <si>
    <t>熟成コチュジャン４０ｇ</t>
  </si>
  <si>
    <t>ヘチャンドル酢入りチョコチュジャン</t>
  </si>
  <si>
    <t>大象ジャパンコチュジャン</t>
  </si>
  <si>
    <t>スンチャンコチュジャン</t>
  </si>
  <si>
    <t>スンチャンコチュジャン（タッパー）</t>
  </si>
  <si>
    <t>レモン</t>
  </si>
  <si>
    <t>プッシュレモンプラボトル</t>
  </si>
  <si>
    <t>ガリスコ</t>
  </si>
  <si>
    <t>塩レモンのたれ</t>
  </si>
  <si>
    <t>150ｇ</t>
  </si>
  <si>
    <t>サンキスト100%レモン</t>
  </si>
  <si>
    <t>豊後牛入り大分の肉味噌</t>
  </si>
  <si>
    <t>豊後牛＆かぼす入り大分の肉味噌</t>
  </si>
  <si>
    <t>にんにく塩</t>
  </si>
  <si>
    <t>190　ｇ</t>
  </si>
  <si>
    <t>ピリ辛にんにく塩</t>
  </si>
  <si>
    <t>にんにく塩黒胡椒</t>
  </si>
  <si>
    <t>にんにく塩アンチョビ</t>
  </si>
  <si>
    <t>焼肉酢だれ829</t>
  </si>
  <si>
    <t>バルスコ</t>
  </si>
  <si>
    <t>焼肉ザクだれ塩だれガーリック</t>
  </si>
  <si>
    <t>焼肉ザクだれ旨辛ガーリック</t>
  </si>
  <si>
    <t>おろし生にんにく</t>
  </si>
  <si>
    <t>小袋　大根おろしソース　２０ｇ</t>
  </si>
  <si>
    <t>20　ｇ</t>
  </si>
  <si>
    <t>お肉屋さんの味・塩こしょう</t>
  </si>
  <si>
    <t>250　ｇ</t>
  </si>
  <si>
    <t>ニューお肉屋さんの塩こしょう</t>
  </si>
  <si>
    <t>ニューお肉屋さんの味塩あら挽き黒こしょう</t>
  </si>
  <si>
    <t>秘伝焼肉スパイス</t>
  </si>
  <si>
    <t>ＷＡＳＡ太陽と青空のわさび50g</t>
  </si>
  <si>
    <t>しょうゆ</t>
  </si>
  <si>
    <t>密封容器</t>
  </si>
  <si>
    <t>中容量(501ml～1000ml)</t>
  </si>
  <si>
    <t>こいくち</t>
  </si>
  <si>
    <t>しぼりたて生しょうゆ600ml×3本セット</t>
  </si>
  <si>
    <t>いつでも新鮮特選しょうゆまろやか発酵</t>
  </si>
  <si>
    <t>620ml</t>
  </si>
  <si>
    <t>いつでも新鮮しぼりたて生しょうゆ</t>
  </si>
  <si>
    <t>鮮度生活特選生しょうゆ</t>
  </si>
  <si>
    <t>濃口醤油ペット</t>
  </si>
  <si>
    <t>ｳｼﾛﾔ</t>
  </si>
  <si>
    <t>丸大豆</t>
  </si>
  <si>
    <t>リッチ特選丸大豆しょうゆ</t>
  </si>
  <si>
    <t>鮮度生活特選丸大豆しょうゆ</t>
  </si>
  <si>
    <t>減塩</t>
  </si>
  <si>
    <t>いつでも新鮮減塩しょうゆまろやか発酵</t>
  </si>
  <si>
    <t>いつでも新鮮味わいリッチ減塩しょうゆ</t>
  </si>
  <si>
    <t>鮮度生活特選塩分控えめしょうゆ</t>
  </si>
  <si>
    <t>鮮度生活減塩しょうゆ</t>
  </si>
  <si>
    <t>だしいり</t>
  </si>
  <si>
    <t>鮮度生活北海道昆布しょうゆ塩分9%</t>
  </si>
  <si>
    <t>小容量(301ml～500ml)</t>
  </si>
  <si>
    <t>いつでも新鮮しぼりたて生しょうゆ3個セット</t>
  </si>
  <si>
    <t>しぼりたて生しょうゆ2本セット</t>
  </si>
  <si>
    <t>国産生しょうゆ</t>
  </si>
  <si>
    <t>国産二度仕込み生しょうゆ</t>
  </si>
  <si>
    <t>生国産しょうゆ</t>
  </si>
  <si>
    <t>鮮度ボトル生長期二度仕込みしょうゆ</t>
  </si>
  <si>
    <t>いつでも新鮮しぼりたて生しょうゆＭＩＬＤ</t>
  </si>
  <si>
    <t>いつでも新鮮九州うまくちまろやかしょうゆ</t>
  </si>
  <si>
    <t>しぼりたて生しょ</t>
  </si>
  <si>
    <t>いつでも新鮮超特選極旨しょうゆ</t>
  </si>
  <si>
    <t>高級割烹しょうゆ本膳</t>
  </si>
  <si>
    <t>585ml</t>
  </si>
  <si>
    <t>ブレンドしょうゆ</t>
  </si>
  <si>
    <t>料亭の彩り超特選琥珀しょうゆ</t>
  </si>
  <si>
    <t>正田のしょうゆ特級</t>
  </si>
  <si>
    <t>しぼりたて生しょうゆ　</t>
  </si>
  <si>
    <t>マルキン忠勇</t>
  </si>
  <si>
    <t>しぼりたて生しょうゆ</t>
  </si>
  <si>
    <t>ﾏﾙｷﾝﾁｭｳﾕｳ</t>
  </si>
  <si>
    <t>マルキン天然醸造生醤油蔵のうまみ450ml</t>
  </si>
  <si>
    <t>450ML</t>
  </si>
  <si>
    <t>こいくちしょうゆ</t>
  </si>
  <si>
    <t>特選しょうゆ450ml</t>
  </si>
  <si>
    <t>あまかっちゃん鮮度ボトル</t>
  </si>
  <si>
    <t>特撰ゴールデン紫</t>
  </si>
  <si>
    <t>特選さしみたまり</t>
  </si>
  <si>
    <t>鮮度の一滴　特選醤油</t>
  </si>
  <si>
    <t>鮮度の一滴　丸大豆醤油</t>
  </si>
  <si>
    <t>鮮度の一滴　超特選しょうゆ</t>
  </si>
  <si>
    <t>鮮度生活味なめらか絹しょうゆ</t>
  </si>
  <si>
    <t>ギャバ醤油</t>
  </si>
  <si>
    <t>超特選しょうゆ</t>
  </si>
  <si>
    <t>舞姫</t>
  </si>
  <si>
    <t>木桶仕込みうまくち</t>
  </si>
  <si>
    <t>フレッシュボトル貴醤油</t>
  </si>
  <si>
    <t>天然醸造しょうゆ</t>
  </si>
  <si>
    <t>特選醤油</t>
  </si>
  <si>
    <t>うすくち</t>
  </si>
  <si>
    <t>いつでも新鮮うすくち生しょうゆ</t>
  </si>
  <si>
    <t>超特選丸大豆うすくち吟旬芳醇</t>
  </si>
  <si>
    <t>特選低塩丸大豆うすくちしょうゆ</t>
  </si>
  <si>
    <t>国産丸大豆うすくち</t>
  </si>
  <si>
    <t>鮮度の一滴　うすくち丸大豆しょうゆ</t>
  </si>
  <si>
    <t>北海道の大豆と小麦で仕込んだ生しょうゆ</t>
  </si>
  <si>
    <t>超特選丸大豆濃厚生しょうゆ</t>
  </si>
  <si>
    <t>いつでも新鮮特選丸大豆しょうゆ</t>
  </si>
  <si>
    <t>いつでも新鮮こく旨リッチ特選丸大豆しょうゆ</t>
  </si>
  <si>
    <t>いつでも新鮮丸大豆生しょうゆ</t>
  </si>
  <si>
    <t>国産原料仕込みしぼりたて生</t>
  </si>
  <si>
    <t>いつでも新鮮味わい贅沢生しょうゆ</t>
  </si>
  <si>
    <t>正田の丸大豆しょうゆ特撰</t>
  </si>
  <si>
    <t>道民の醤油北海道丸大豆</t>
  </si>
  <si>
    <t>福島県産丸大豆醤油</t>
  </si>
  <si>
    <t>減塩国産しょうゆ</t>
  </si>
  <si>
    <t>国産減塩しょうゆ</t>
  </si>
  <si>
    <t>いつでも新鮮減塩しょうゆだし入り</t>
  </si>
  <si>
    <t>いつでも新鮮超減塩しょうゆ66%カット</t>
  </si>
  <si>
    <t>いつでも新鮮特選丸大豆減塩しょうゆ</t>
  </si>
  <si>
    <t>塩分控えめ丸大豆生</t>
  </si>
  <si>
    <t>いつでも新鮮塩分ひかえめ丸大豆生しょうゆ</t>
  </si>
  <si>
    <t>いつでも新鮮味わいリッチ減塩醤油</t>
  </si>
  <si>
    <t>塩分を気にする人のおいしい醤油</t>
  </si>
  <si>
    <t>特級減塩しょうゆ</t>
  </si>
  <si>
    <t>鮮度の一滴　減塩醤油</t>
  </si>
  <si>
    <t>鮮度の一滴　減塩しょうゆ</t>
  </si>
  <si>
    <t>鮮度の一滴　塩分控えめ味やわらか丸大豆しょうゆ</t>
  </si>
  <si>
    <t>鮮度生活絹しょうゆ減塩</t>
  </si>
  <si>
    <t>特級本醸造減塩醤油</t>
  </si>
  <si>
    <t>直っぺ塩分ひかえめ</t>
  </si>
  <si>
    <t>370ml</t>
  </si>
  <si>
    <t>特選減塩醤油</t>
  </si>
  <si>
    <t>本生ディスプレイ</t>
  </si>
  <si>
    <t>いつでも新鮮_牡蠣しょうゆ2本ｾｯﾄ</t>
  </si>
  <si>
    <t>450ml×２</t>
  </si>
  <si>
    <t>昆布椎茸しょうゆ</t>
  </si>
  <si>
    <t>鰹昆布だし醤油</t>
  </si>
  <si>
    <t>いつでも新鮮あごだししょうゆ</t>
  </si>
  <si>
    <t>いつでも新鮮あまうまいだししょうゆ</t>
  </si>
  <si>
    <t>いつでも新鮮旨み豊かな昆布しょうゆ</t>
  </si>
  <si>
    <t>いつでも新鮮旨み広がるだししょうゆ</t>
  </si>
  <si>
    <t>削リたて鰹節香る醤油</t>
  </si>
  <si>
    <t>いつでも新鮮牡蠣しょうゆ</t>
  </si>
  <si>
    <t>土佐醤油</t>
  </si>
  <si>
    <t>サンビシ　はま寿司特製だししょうゆ　３６０ｍｌ</t>
  </si>
  <si>
    <t>天然醸造だししょうゆ瀬戸内の恵み</t>
  </si>
  <si>
    <t>あまかっちゃんうすいろだし醤油</t>
  </si>
  <si>
    <t>440ml</t>
  </si>
  <si>
    <t>日高昆布しょうゆ塩分カット</t>
  </si>
  <si>
    <t>道民の醤油日高昆布</t>
  </si>
  <si>
    <t>牡蠣だししょうゆ</t>
  </si>
  <si>
    <t>九州素材だししょうゆ</t>
  </si>
  <si>
    <t>吟御膳真鯛のだし醤油</t>
  </si>
  <si>
    <t>ワダカン　減塩こんぶのおしょうゆ　鮮　ボトル４５０ｍｌ</t>
  </si>
  <si>
    <t>柴沼フレッシュボトル紫峰</t>
  </si>
  <si>
    <t>柴沼フレッシュボトル減塩紫峰</t>
  </si>
  <si>
    <t>純白三五八</t>
  </si>
  <si>
    <t>井上</t>
  </si>
  <si>
    <t>だし醤油</t>
  </si>
  <si>
    <t>味マルジュウ新鮮ボトル</t>
  </si>
  <si>
    <t>ﾏﾙｼﾞﾕｳ</t>
  </si>
  <si>
    <t>かけ酢黒酢入り</t>
  </si>
  <si>
    <t>丸亀醤油</t>
  </si>
  <si>
    <t>ﾏﾙｶﾞﾒ</t>
  </si>
  <si>
    <t>卓上容量（～300ml）</t>
  </si>
  <si>
    <t>だんらん</t>
  </si>
  <si>
    <t>卓上国産しょうゆ</t>
  </si>
  <si>
    <t>卓上国産生醤油</t>
  </si>
  <si>
    <t>いつでも新鮮えんどうまめしょうゆ</t>
  </si>
  <si>
    <t>本膳</t>
  </si>
  <si>
    <t>本膳生</t>
  </si>
  <si>
    <t>鮮度の一滴白しょうゆ</t>
  </si>
  <si>
    <t>グルテンフリーしょうゆ</t>
  </si>
  <si>
    <t>特撰丸大豆醤油二段熟成</t>
  </si>
  <si>
    <t>タバスコスパイシー醤油Plus</t>
  </si>
  <si>
    <t>マルキン小豆島生木桶醤油ボトル200ml</t>
  </si>
  <si>
    <t>特級うまくちしょうゆ</t>
  </si>
  <si>
    <t>たまごにかける醤油</t>
  </si>
  <si>
    <t>特選九州うまくち醤油</t>
  </si>
  <si>
    <t>あまくておいしい醤油</t>
  </si>
  <si>
    <t>九州うまくちしょうゆ</t>
  </si>
  <si>
    <t>とろりと甘い九州しょうゆ</t>
  </si>
  <si>
    <t>唐津くんち　本醸造こいくち醤油</t>
  </si>
  <si>
    <t>ばら本醸造あまくち醤油</t>
  </si>
  <si>
    <t>鮮度の一滴　特選しょうゆ</t>
  </si>
  <si>
    <t>鮮度の一滴香り立つ超特選しょうゆ</t>
  </si>
  <si>
    <t>鮮度生活_味なめらか絹しょうゆ</t>
  </si>
  <si>
    <t>藤勇醸造本醸造かけしょうゆ</t>
  </si>
  <si>
    <t>たまごにかけるだし醤油</t>
  </si>
  <si>
    <t>生しょうゆ</t>
  </si>
  <si>
    <t>超特選むらさき生しょうゆ</t>
  </si>
  <si>
    <t>有機醤油こいくち</t>
  </si>
  <si>
    <t>特選丸大豆しょうゆ</t>
  </si>
  <si>
    <t>国産原料丸大豆生醤油</t>
  </si>
  <si>
    <t>天然醸造木樽醤油</t>
  </si>
  <si>
    <t>超特選丸大豆しょうゆ</t>
  </si>
  <si>
    <t>下総醤油</t>
  </si>
  <si>
    <t>木樽仕込国産丸大豆醤油</t>
  </si>
  <si>
    <t>いつでも新鮮塩分控えめ丸大豆生しょうゆ</t>
  </si>
  <si>
    <t>いつでも新鮮大豆ペプチド減塩しょうゆだし入り</t>
  </si>
  <si>
    <t>ヒゲタ減塩しょうゆ本膳</t>
  </si>
  <si>
    <t>かける味金ラベル減塩</t>
  </si>
  <si>
    <t>超特選減塩しょうゆ</t>
  </si>
  <si>
    <t>鮮度の一滴香り立つ特選減塩しょうゆ</t>
  </si>
  <si>
    <t>鮮度の一滴_塩分控えめ　丸大豆しょうゆ</t>
  </si>
  <si>
    <t>鮮度生活_絹しょうゆ減塩</t>
  </si>
  <si>
    <t>おいしさ減塩しょうゆ</t>
  </si>
  <si>
    <t>超特選減塩醤油</t>
  </si>
  <si>
    <t>健翔手間ひまいらずかつおだし</t>
  </si>
  <si>
    <t>健翔手間ひまいらず焼きあごだし</t>
  </si>
  <si>
    <t>卓上昆布・椎茸しょうゆ</t>
  </si>
  <si>
    <t>卓上昆布椎茸だし醤油</t>
  </si>
  <si>
    <t>卓上鰹昆布だし醤油</t>
  </si>
  <si>
    <t>にんにく醤油</t>
  </si>
  <si>
    <t>いつでも新鮮旨みあふれる牡蠣しょうゆ</t>
  </si>
  <si>
    <t>いつでも新鮮　削りたて　かつお</t>
  </si>
  <si>
    <t>削りたて鰹節香る醤油</t>
  </si>
  <si>
    <t>グルテンF　だししょうゆ</t>
  </si>
  <si>
    <t>サンビシ　はま寿司日高昆布しょうゆ　２００ｍｌ</t>
  </si>
  <si>
    <t>たまごかけご飯のおしょうゆ200ml</t>
  </si>
  <si>
    <t>あごだし醤油</t>
  </si>
  <si>
    <t>かつお醤油</t>
  </si>
  <si>
    <t>とうふのおだし</t>
  </si>
  <si>
    <t>北海道鮭節昆布しょうゆ</t>
  </si>
  <si>
    <t>あまくておいしい醤油塩分控えめ</t>
  </si>
  <si>
    <t>鮮度の一滴　あおさしょうゆ</t>
  </si>
  <si>
    <t>鮮度生活だししょうゆ</t>
  </si>
  <si>
    <t>鮮度生活北海道昆布しょうゆ塩分カット</t>
  </si>
  <si>
    <t>香味だししょうゆ醤湯海鮮だし</t>
  </si>
  <si>
    <t>減塩こんぶのおしょうゆ</t>
  </si>
  <si>
    <t>昆布しょうゆ贅沢仕上げ</t>
  </si>
  <si>
    <t>鮭節だし醤油</t>
  </si>
  <si>
    <t>ｶﾏﾀｼｮｳﾕ</t>
  </si>
  <si>
    <t>芳醇天然かけ醤油</t>
  </si>
  <si>
    <t>芳醇な昆布だししょうゆ</t>
  </si>
  <si>
    <t>芳醇なしじみだししょうゆ</t>
  </si>
  <si>
    <t>160ｇ</t>
  </si>
  <si>
    <t>白トリュフ香る仕上げにかけるしょうゆ</t>
  </si>
  <si>
    <t>一本釣り鰹かけしょうゆ</t>
  </si>
  <si>
    <t>くんせいしょうゆ</t>
  </si>
  <si>
    <t>安本産業</t>
  </si>
  <si>
    <t>ﾔｽﾓﾄｻﾝｷﾞｮｳ</t>
  </si>
  <si>
    <t>味自慢デラミボトル</t>
  </si>
  <si>
    <t>丸福醤油</t>
  </si>
  <si>
    <t>ﾏﾙﾌｸ</t>
  </si>
  <si>
    <t>いりこ醤油デラミボトル</t>
  </si>
  <si>
    <t>卵かけご飯だし?油デラミボトル</t>
  </si>
  <si>
    <t>うどんだし?油デラミボトル</t>
  </si>
  <si>
    <t>さしみ</t>
  </si>
  <si>
    <t>生さしみ溜</t>
  </si>
  <si>
    <t>卓上生しょうゆ料亭さしみ醤油</t>
  </si>
  <si>
    <t>いつでも新鮮九州さしみ甘口しょうゆ</t>
  </si>
  <si>
    <t>おさしみ生しょうゆ</t>
  </si>
  <si>
    <t>鮮度の一滴さしみたまり</t>
  </si>
  <si>
    <t>サンビシ　はま寿司九州甘口さしみ醤油　密封　２００ｍｌ</t>
  </si>
  <si>
    <t>特級うまくちさしみしょうゆ</t>
  </si>
  <si>
    <t>九州甘口さしみ醤油</t>
  </si>
  <si>
    <t>寿司しょうゆ</t>
  </si>
  <si>
    <t>あまくておいしいさしみ醤油</t>
  </si>
  <si>
    <t>魚の旨味引き出すさしみ醤油</t>
  </si>
  <si>
    <t>さしみしょう油</t>
  </si>
  <si>
    <t>さしみしょうゆ</t>
  </si>
  <si>
    <t>減塩さしみ醤油</t>
  </si>
  <si>
    <t>母ゆずり濃口新鮮ボトル</t>
  </si>
  <si>
    <t>ｶﾈﾖ</t>
  </si>
  <si>
    <t>超特選さしみしょうゆ</t>
  </si>
  <si>
    <t>心からの甘口</t>
  </si>
  <si>
    <t>ｷﾝｺｰ</t>
  </si>
  <si>
    <t>超特選甘露さしみ</t>
  </si>
  <si>
    <t>極あまくち専醤</t>
  </si>
  <si>
    <t>スタンダード容器</t>
  </si>
  <si>
    <t>大容量(1001ml～)</t>
  </si>
  <si>
    <t>味富士</t>
  </si>
  <si>
    <t>１８００ｍｌ</t>
  </si>
  <si>
    <t>玉鈴醤油</t>
  </si>
  <si>
    <t>ﾀﾏｽｽﾞ</t>
  </si>
  <si>
    <t>かけ醤油甘露</t>
  </si>
  <si>
    <t>ﾎｯｺｸ</t>
  </si>
  <si>
    <t>こいくち醤油　松</t>
  </si>
  <si>
    <t>かぎさ濃口しょうゆ</t>
  </si>
  <si>
    <t>本醸造醤油ハンディ</t>
  </si>
  <si>
    <t>うまくちしょうゆ</t>
  </si>
  <si>
    <t>桜しょうゆ</t>
  </si>
  <si>
    <t>ウマクチ</t>
  </si>
  <si>
    <t>うまくち本醸造醤油１．５Ｌ</t>
  </si>
  <si>
    <t>醤油</t>
  </si>
  <si>
    <t>本醸造うまくちしょうゆ</t>
  </si>
  <si>
    <t>本醸造しょうゆ</t>
  </si>
  <si>
    <t>TRIAL醤油2本セット</t>
  </si>
  <si>
    <t>徳用しょうゆ2本セット</t>
  </si>
  <si>
    <t>あまくち醤油　瓶</t>
  </si>
  <si>
    <t>ﾅｶｲ</t>
  </si>
  <si>
    <t>ややあまくち醤油　瓶</t>
  </si>
  <si>
    <t>吉井醤油（松）</t>
  </si>
  <si>
    <t>梅廼家醸造場</t>
  </si>
  <si>
    <t>ｳﾒﾉﾔ</t>
  </si>
  <si>
    <t>うまくち醤油</t>
  </si>
  <si>
    <t>はさめずこいいろ</t>
  </si>
  <si>
    <t>福岡醤油店</t>
  </si>
  <si>
    <t>ﾌｸｵｶ</t>
  </si>
  <si>
    <t>ﾌｸｵｶｼｮｳﾕﾃﾝ</t>
  </si>
  <si>
    <t>まるいけ醤油甘露</t>
  </si>
  <si>
    <t>上醤油濃い口</t>
  </si>
  <si>
    <t>1．8L</t>
  </si>
  <si>
    <t>中六醸造元</t>
  </si>
  <si>
    <t>ﾅｶﾛｸ</t>
  </si>
  <si>
    <t>並醤油甘口</t>
  </si>
  <si>
    <t>二度仕込み甘塩醤油</t>
  </si>
  <si>
    <t>特選ハンディ</t>
  </si>
  <si>
    <t>本醸造醤油</t>
  </si>
  <si>
    <t>本醸造しょうゆグリップパック</t>
  </si>
  <si>
    <t>まろやか醤油</t>
  </si>
  <si>
    <t>九州うまくちまろやか1.8Ｌ</t>
  </si>
  <si>
    <t>徳用しょうゆ</t>
  </si>
  <si>
    <t>こいくち10Ｌ</t>
  </si>
  <si>
    <t>10L</t>
  </si>
  <si>
    <t>あまくちしょうゆ</t>
  </si>
  <si>
    <t>キッコーマン期間限定こいくちしょうゆ</t>
  </si>
  <si>
    <t>キッコーマン期間限定あまくちしょうゆ</t>
  </si>
  <si>
    <t>徳用醤油</t>
  </si>
  <si>
    <t>本醸造しょうゆ手付きパック</t>
  </si>
  <si>
    <t>うまくち</t>
  </si>
  <si>
    <t>上級しょうゆ</t>
  </si>
  <si>
    <t>特級しょうゆ</t>
  </si>
  <si>
    <t>徳用こいくち醤油</t>
  </si>
  <si>
    <t>特選しょうゆ</t>
  </si>
  <si>
    <t>特級　うまくちしょうゆ</t>
  </si>
  <si>
    <t>上級うまくちしょうゆ</t>
  </si>
  <si>
    <t>上級うまくち醤油</t>
  </si>
  <si>
    <t>こいくち醤油</t>
  </si>
  <si>
    <t>初茜あまくち</t>
  </si>
  <si>
    <t>あまくち上級初茜</t>
  </si>
  <si>
    <t>甘口薩摩</t>
  </si>
  <si>
    <t>ヒゴギンナンコイクチ</t>
  </si>
  <si>
    <t>ヒゴギンナンアマクチ</t>
  </si>
  <si>
    <t>白しょうゆ調味料</t>
  </si>
  <si>
    <t>ゴールデン紫</t>
  </si>
  <si>
    <t>ゴールデン紫甘口</t>
  </si>
  <si>
    <t>マルハマうまくち</t>
  </si>
  <si>
    <t>ﾏﾙﾊﾏ</t>
  </si>
  <si>
    <t>うま口醤油</t>
  </si>
  <si>
    <t>あま塩醤油ペット</t>
  </si>
  <si>
    <t>ﾏﾙﾊﾏｼｮｳﾕ</t>
  </si>
  <si>
    <t>桜　しょうゆ</t>
  </si>
  <si>
    <t>福原醤油</t>
  </si>
  <si>
    <t>ﾌｸﾊﾗｼｮｳﾕ</t>
  </si>
  <si>
    <t>特級ばら醤油</t>
  </si>
  <si>
    <t>ばら</t>
  </si>
  <si>
    <t>ヤマサしょうゆＡこいくち１８Ｌ天パット缶</t>
  </si>
  <si>
    <t>１８ｌ</t>
  </si>
  <si>
    <t>新味醤油</t>
  </si>
  <si>
    <t>濃口しょうゆ</t>
  </si>
  <si>
    <t>濃口うまくち</t>
  </si>
  <si>
    <t>濃口あまくち</t>
  </si>
  <si>
    <t>マイルド紫</t>
  </si>
  <si>
    <t>マルジュこいくち敷島</t>
  </si>
  <si>
    <t>母ゆずり濃口しょうゆ</t>
  </si>
  <si>
    <t>特級醤油</t>
  </si>
  <si>
    <t>上級グローリィ</t>
  </si>
  <si>
    <t>上級ハイカンあまくちしょうゆ</t>
  </si>
  <si>
    <t>上級グローリー　ケース</t>
  </si>
  <si>
    <t>１．８L</t>
  </si>
  <si>
    <t>上級本醸造徳用醤油</t>
  </si>
  <si>
    <t>松印ハンディペット</t>
  </si>
  <si>
    <t>竹印豊熟Hペット</t>
  </si>
  <si>
    <t>コマツ醤油</t>
  </si>
  <si>
    <t>ｺﾏﾂ</t>
  </si>
  <si>
    <t>紅梅</t>
  </si>
  <si>
    <t>高砂醤油本店</t>
  </si>
  <si>
    <t>ﾀｶｻｺﾞｼｮｳﾕ</t>
  </si>
  <si>
    <t>飯沢醤油ヤマデン醤油甘口ペット1．8L</t>
  </si>
  <si>
    <t>ｲｲｻﾞﾜ</t>
  </si>
  <si>
    <t>飯沢醤油ヤマデン優撰ペット1．8L</t>
  </si>
  <si>
    <t>藤本金印</t>
  </si>
  <si>
    <t>ﾌｼﾞﾓﾄｼｮｳﾕ</t>
  </si>
  <si>
    <t>藤本緑</t>
  </si>
  <si>
    <t>藤勇富士しょうゆこいくち</t>
  </si>
  <si>
    <t>津軽味噌醤油　マルシチしょうゆ　菊　Ｐ１．８Ｌ</t>
  </si>
  <si>
    <t>ﾂｶﾞﾙﾐｿｼｮｳﾕ</t>
  </si>
  <si>
    <t>津軽味噌醤油　マルシチしょうゆ　松　Ｐ１．８Ｌ</t>
  </si>
  <si>
    <t>彩</t>
  </si>
  <si>
    <t>林</t>
  </si>
  <si>
    <t>ﾊﾔｼ</t>
  </si>
  <si>
    <t>紫醤油</t>
  </si>
  <si>
    <t>キボシ醤油特級本醸造</t>
  </si>
  <si>
    <t>ﾐﾔﾀｼｮｳﾕﾃﾝ</t>
  </si>
  <si>
    <t>濃口醤油フジ1.8?PET</t>
  </si>
  <si>
    <t>ｲｹﾞﾀ</t>
  </si>
  <si>
    <t>1.5L</t>
  </si>
  <si>
    <t>ジョータツ濃口醤油うめ</t>
  </si>
  <si>
    <t>濃口醤油</t>
  </si>
  <si>
    <t>甘口醤油</t>
  </si>
  <si>
    <t>キントラ濃口醤油</t>
  </si>
  <si>
    <t>とら醤油</t>
  </si>
  <si>
    <t>ﾄﾗｼｮｳﾕ</t>
  </si>
  <si>
    <t>濃口徳用無印しょうゆ</t>
  </si>
  <si>
    <t>寿印醤油甘口</t>
  </si>
  <si>
    <t>寿印醤油</t>
  </si>
  <si>
    <t>本醸造しょうゆうまくち</t>
  </si>
  <si>
    <t>味</t>
  </si>
  <si>
    <t>うま味醤油濃口</t>
  </si>
  <si>
    <t>ﾏﾙｵｼﾞﾖｳｿﾞｳ</t>
  </si>
  <si>
    <t>松印しょうゆ</t>
  </si>
  <si>
    <t>うすくち醤油</t>
  </si>
  <si>
    <t>かぎさ薄口しょうゆ</t>
  </si>
  <si>
    <t>淡口しょうゆ</t>
  </si>
  <si>
    <t>はさめずうすいろ</t>
  </si>
  <si>
    <t>うすくち10Ｌ</t>
  </si>
  <si>
    <t>徳用うすくち醤油</t>
  </si>
  <si>
    <t>上級うすくち</t>
  </si>
  <si>
    <t>うすくち白富士</t>
  </si>
  <si>
    <t>うすくちしょうゆ</t>
  </si>
  <si>
    <t>料亭の味うすくち</t>
  </si>
  <si>
    <t>菊うすくち</t>
  </si>
  <si>
    <t>さくらうすくち</t>
  </si>
  <si>
    <t>淡口うまくち</t>
  </si>
  <si>
    <t>マルジュうすくち梅</t>
  </si>
  <si>
    <t>母ゆずり淡口しょうゆ</t>
  </si>
  <si>
    <t>うす口しょうゆ</t>
  </si>
  <si>
    <t>寿淡口醤油</t>
  </si>
  <si>
    <t>マルキうすくちしょうゆ</t>
  </si>
  <si>
    <t>薄口しょうゆ</t>
  </si>
  <si>
    <t>淡口醤油</t>
  </si>
  <si>
    <t>うま味醤油淡口</t>
  </si>
  <si>
    <t>特選丸大豆ハンディ</t>
  </si>
  <si>
    <t>フジジン醤油　紅</t>
  </si>
  <si>
    <t>丸大豆醤油ＨＢ</t>
  </si>
  <si>
    <t>減塩ハンディ</t>
  </si>
  <si>
    <t>あま塩醤油</t>
  </si>
  <si>
    <t>だし醤油うまくち</t>
  </si>
  <si>
    <t>だし醤油うすくち</t>
  </si>
  <si>
    <t>料亭うまくちしょうゆ</t>
  </si>
  <si>
    <t>料亭の味あまくち</t>
  </si>
  <si>
    <t>かつおだし入り醤油</t>
  </si>
  <si>
    <t>ダシイリカツオショウユ</t>
  </si>
  <si>
    <t>昆布のおしょう油</t>
  </si>
  <si>
    <t>昆布のお醤油</t>
  </si>
  <si>
    <t>なんでもござれ</t>
  </si>
  <si>
    <t>1033g</t>
  </si>
  <si>
    <t>ヤマカ醤油</t>
  </si>
  <si>
    <t>ﾔﾏｶｼｮｳﾕ</t>
  </si>
  <si>
    <t>味一ハンディペット</t>
  </si>
  <si>
    <t>だしプラス醤油ポリ</t>
  </si>
  <si>
    <t>日南工業</t>
  </si>
  <si>
    <t>ﾆﾁﾅﾝ</t>
  </si>
  <si>
    <t>味の大名しょうゆ</t>
  </si>
  <si>
    <t>森永製菓</t>
  </si>
  <si>
    <t>ﾓﾘﾅｶﾞｾｲｶ</t>
  </si>
  <si>
    <t>超特選さしみハンディ</t>
  </si>
  <si>
    <t>特級　うまくち　さしみしょうゆ</t>
  </si>
  <si>
    <t>さしみ醤油高嶺</t>
  </si>
  <si>
    <t>おさしみ醤油霧島</t>
  </si>
  <si>
    <t>１．８Ｌ</t>
  </si>
  <si>
    <t>さしみ醤油_甘露</t>
  </si>
  <si>
    <t>伝承甘口さしみ</t>
  </si>
  <si>
    <t>藤本さしみ</t>
  </si>
  <si>
    <t>甘露さしみ醤油_ゴールドＨＢ</t>
  </si>
  <si>
    <t>スーパー甘露さしみ醤油</t>
  </si>
  <si>
    <t>1.8Ｌ</t>
  </si>
  <si>
    <t>純正醤油</t>
  </si>
  <si>
    <t>栄醤油こいくち</t>
  </si>
  <si>
    <t>マンダム</t>
  </si>
  <si>
    <t>ｻｶｴｼｮｳﾕ</t>
  </si>
  <si>
    <t>芙蓉濃口</t>
  </si>
  <si>
    <t>森山醸造食品</t>
  </si>
  <si>
    <t>ﾓﾘﾔﾏ</t>
  </si>
  <si>
    <t>かけしょうゆ</t>
  </si>
  <si>
    <t>濃口醤油錦</t>
  </si>
  <si>
    <t>うまくち老松</t>
  </si>
  <si>
    <t>ｵｲﾏﾂ</t>
  </si>
  <si>
    <t>かけ醤油　甘露</t>
  </si>
  <si>
    <t>味じまん</t>
  </si>
  <si>
    <t>かぎさこいくち醤油</t>
  </si>
  <si>
    <t>松こいくち醤油</t>
  </si>
  <si>
    <t>アイシア</t>
  </si>
  <si>
    <t>ｲﾜﾉｳｴｼｮｳﾕ</t>
  </si>
  <si>
    <t>マルビシ味一番こいくちしょうゆ</t>
  </si>
  <si>
    <t>マルビシ松こいくちしょうゆ</t>
  </si>
  <si>
    <t>シラフジ天印こいくちしょうゆ</t>
  </si>
  <si>
    <t>ムラサキノ青印こいくちしょうゆ</t>
  </si>
  <si>
    <t>菊</t>
  </si>
  <si>
    <t>本万点田渕</t>
  </si>
  <si>
    <t>ﾎﾝﾏﾝﾃﾝ</t>
  </si>
  <si>
    <t>甘露しょうゆ</t>
  </si>
  <si>
    <t>うまくち本醸造醤油１Ｌ</t>
  </si>
  <si>
    <t>あまかっちゃんペット1000ml2本セット</t>
  </si>
  <si>
    <t>うまくち富士2本セット</t>
  </si>
  <si>
    <t>山田の醤油_2本セット</t>
  </si>
  <si>
    <t>ﾋﾞﾊﾝ</t>
  </si>
  <si>
    <t>富士しょうゆこいくち_2本セット</t>
  </si>
  <si>
    <t>特級うまくち醤油_2個ｾｯﾄ</t>
  </si>
  <si>
    <t>本醸造こいくち醤油</t>
  </si>
  <si>
    <t>吟上醤油</t>
  </si>
  <si>
    <t>ﾔﾏﾆｼｮｳﾕ</t>
  </si>
  <si>
    <t>あやめ</t>
  </si>
  <si>
    <t>こいくち菊</t>
  </si>
  <si>
    <t>甘露?油</t>
  </si>
  <si>
    <t>マルホン醤油</t>
  </si>
  <si>
    <t>ﾏﾙﾎﾝ</t>
  </si>
  <si>
    <t>もがみ醤油</t>
  </si>
  <si>
    <t>にしき醤油</t>
  </si>
  <si>
    <t>濃口太陽</t>
  </si>
  <si>
    <t>ミツル醤油釀造元</t>
  </si>
  <si>
    <t>ﾐﾂﾙ</t>
  </si>
  <si>
    <t>佐賀屋醸造店</t>
  </si>
  <si>
    <t>ｶﾈﾄｸ</t>
  </si>
  <si>
    <t>大町商店玄海</t>
  </si>
  <si>
    <t>ｵｵﾏﾁｼｮｳﾃﾝ</t>
  </si>
  <si>
    <t>大町商店若紫</t>
  </si>
  <si>
    <t>大町商店うまくち</t>
  </si>
  <si>
    <t>うまくち金印</t>
  </si>
  <si>
    <t>旨み醤油</t>
  </si>
  <si>
    <t>まろやかしょうゆ</t>
  </si>
  <si>
    <t>冨士正吟撰</t>
  </si>
  <si>
    <t>スターアグリ</t>
  </si>
  <si>
    <t>ﾌｼﾞﾏｻ</t>
  </si>
  <si>
    <t>可児醤油ひかり</t>
  </si>
  <si>
    <t>あまくち醤油ペット</t>
  </si>
  <si>
    <t>ややあまくち醤油ペット</t>
  </si>
  <si>
    <t>まる昌醤油醸造元</t>
  </si>
  <si>
    <t>ﾏﾙﾏｻ</t>
  </si>
  <si>
    <t>博多あまくち</t>
  </si>
  <si>
    <t>ゑびす醤油</t>
  </si>
  <si>
    <t>ｴﾋﾞｽｼｮｳﾕ</t>
  </si>
  <si>
    <t>醤油かんぜ</t>
  </si>
  <si>
    <t>醤油筑紫</t>
  </si>
  <si>
    <t>ゑびす　煮物しょうゆ　1L</t>
  </si>
  <si>
    <t>ｴﾋﾞｽｼﾖｳﾕ</t>
  </si>
  <si>
    <t>菊うまくち</t>
  </si>
  <si>
    <t>うまくち寿</t>
  </si>
  <si>
    <t>宗像うまくち</t>
  </si>
  <si>
    <t>ﾅｶﾏﾙ</t>
  </si>
  <si>
    <t>ひな菊</t>
  </si>
  <si>
    <t>中村商店</t>
  </si>
  <si>
    <t>ﾅｶﾑﾗｼｮｳﾃﾝ</t>
  </si>
  <si>
    <t>甘口しょうゆ</t>
  </si>
  <si>
    <t>うすしお桜</t>
  </si>
  <si>
    <t>ﾌﾖｳｼｮｳﾕ</t>
  </si>
  <si>
    <t>うすしおさしみしょうゆ</t>
  </si>
  <si>
    <t>芙蓉醤油醸造元</t>
  </si>
  <si>
    <t>本醸造うまくち</t>
  </si>
  <si>
    <t>桐</t>
  </si>
  <si>
    <t>こいくち醤油紅印</t>
  </si>
  <si>
    <t>朝倉調味料</t>
  </si>
  <si>
    <t>奥村醤油醸造元</t>
  </si>
  <si>
    <t>ｵｸﾑﾗｼｮｳﾕ</t>
  </si>
  <si>
    <t>フジキンこいくちしょうゆペットボトル1L</t>
  </si>
  <si>
    <t>フジキン醤油</t>
  </si>
  <si>
    <t>ﾌｼﾞｷﾝ</t>
  </si>
  <si>
    <t>吉井醤油（寿）</t>
  </si>
  <si>
    <t>長門屋本店</t>
  </si>
  <si>
    <t>カネマルゴうまくち</t>
  </si>
  <si>
    <t>大谷醤油醸造元</t>
  </si>
  <si>
    <t>ｵｵﾀﾆｼｮｳﾕ</t>
  </si>
  <si>
    <t>カネマルゴかや</t>
  </si>
  <si>
    <t>ヤマタこいくちしょうゆ金印</t>
  </si>
  <si>
    <t>ヤマタこいくちしょうゆ本醸造</t>
  </si>
  <si>
    <t>ぼたん</t>
  </si>
  <si>
    <t>上級むらさき</t>
  </si>
  <si>
    <t>マイルドむらさき</t>
  </si>
  <si>
    <t>甘露　しょうゆ</t>
  </si>
  <si>
    <t>こいくちしょうゆ甘口</t>
  </si>
  <si>
    <t>中山醤油</t>
  </si>
  <si>
    <t>ﾅｶﾔﾏ</t>
  </si>
  <si>
    <t>ソイソース</t>
  </si>
  <si>
    <t>シルバースワン</t>
  </si>
  <si>
    <t>ｼﾙﾊﾞｰｽﾜﾝ</t>
  </si>
  <si>
    <t>山田の醤油ケース</t>
  </si>
  <si>
    <t>1000ml×6</t>
  </si>
  <si>
    <t>尾半加工センター</t>
  </si>
  <si>
    <t>山田の醤油</t>
  </si>
  <si>
    <t>びはんコーポレーション</t>
  </si>
  <si>
    <t>ﾋﾞﾊﾝCorp</t>
  </si>
  <si>
    <t>いちまるうまくち</t>
  </si>
  <si>
    <t>丸三食品</t>
  </si>
  <si>
    <t>ﾏﾙｻﾝｼｮｸﾋﾝ</t>
  </si>
  <si>
    <t>うす塩しょうゆ</t>
  </si>
  <si>
    <t>二度仕込みうす塩しょうゆ</t>
  </si>
  <si>
    <t>長熟二度仕込HD</t>
  </si>
  <si>
    <t>二度仕込みしょうゆ</t>
  </si>
  <si>
    <t>長熟二度仕込みしょうゆ</t>
  </si>
  <si>
    <t>北海道あまくち醤油</t>
  </si>
  <si>
    <t>九州うまくちまろやか</t>
  </si>
  <si>
    <t>こいくち醤油記念ボトル</t>
  </si>
  <si>
    <t>期間限定こいくちしょうゆ</t>
  </si>
  <si>
    <t>特醸醤油</t>
  </si>
  <si>
    <t>上撰醤油</t>
  </si>
  <si>
    <t>仙台味噌上撰しょうゆ</t>
  </si>
  <si>
    <t>シマヤ　特上</t>
  </si>
  <si>
    <t>新コマツ上級醤油</t>
  </si>
  <si>
    <t>コマツつゆ決め手</t>
  </si>
  <si>
    <t>味金ラベル醤油ペット</t>
  </si>
  <si>
    <t>本醸造しょうゆ特級</t>
  </si>
  <si>
    <t>純生しょうゆ</t>
  </si>
  <si>
    <t>520ml</t>
  </si>
  <si>
    <t>特級こいくち醤油</t>
  </si>
  <si>
    <t>特級うまくち醤油</t>
  </si>
  <si>
    <t>あまかっちゃんしょうゆ</t>
  </si>
  <si>
    <t>本醸造富士</t>
  </si>
  <si>
    <t>あまくち本富士</t>
  </si>
  <si>
    <t>特選初茜</t>
  </si>
  <si>
    <t>上級初茜あまくち</t>
  </si>
  <si>
    <t>上級初茜</t>
  </si>
  <si>
    <t>九州しょうゆ</t>
  </si>
  <si>
    <t>甘口しょうゆ本醸造</t>
  </si>
  <si>
    <t>ベロ　こいくち</t>
  </si>
  <si>
    <t>うまくち　紫</t>
  </si>
  <si>
    <t>紅こいくちしょうゆ</t>
  </si>
  <si>
    <t>うまくち　新</t>
  </si>
  <si>
    <t>マルハマ食品うまくち?油</t>
  </si>
  <si>
    <t>濃口桜</t>
  </si>
  <si>
    <t>濃口菊</t>
  </si>
  <si>
    <t>金菊こいくち</t>
  </si>
  <si>
    <t>無添加　一流好み　国産原料１００％</t>
  </si>
  <si>
    <t>丸金醤油</t>
  </si>
  <si>
    <t>トッキュウ　ノギク</t>
  </si>
  <si>
    <t>上級うまくち</t>
  </si>
  <si>
    <t>野菊うまくち</t>
  </si>
  <si>
    <t>超特選むらさき</t>
  </si>
  <si>
    <t>特級ばら</t>
  </si>
  <si>
    <t>さくら濃口</t>
  </si>
  <si>
    <t>味づくしこいくち</t>
  </si>
  <si>
    <t>醤油屋のまろやかしょうゆ甘口</t>
  </si>
  <si>
    <t>740ml</t>
  </si>
  <si>
    <t>醤油屋のまろやか醤油甘口</t>
  </si>
  <si>
    <t>730ml</t>
  </si>
  <si>
    <t>新味しょうゆ</t>
  </si>
  <si>
    <t>醤油箱売り</t>
  </si>
  <si>
    <t>特選　生しょうゆ</t>
  </si>
  <si>
    <t>甘口上級むらさき</t>
  </si>
  <si>
    <t>特級濃口しょうゆ</t>
  </si>
  <si>
    <t>本醸造ギャバ醤油</t>
  </si>
  <si>
    <t>別製しょうゆ</t>
  </si>
  <si>
    <t>あらだきしょうゆ</t>
  </si>
  <si>
    <t>ヤマトこいくち</t>
  </si>
  <si>
    <t>山中商店</t>
  </si>
  <si>
    <t>ﾔﾏﾅｶｼｮｳﾃﾝ</t>
  </si>
  <si>
    <t>ヤマトうまくち</t>
  </si>
  <si>
    <t>竹醤油</t>
  </si>
  <si>
    <t>和知産業</t>
  </si>
  <si>
    <t>ﾆﾀﾝﾀﾞｼｮｳﾕﾎ</t>
  </si>
  <si>
    <t>もろみ醤油</t>
  </si>
  <si>
    <t>桜醤油</t>
  </si>
  <si>
    <t>上級ハイカン甘口しょうゆ</t>
  </si>
  <si>
    <t>小麦を使わない醤油</t>
  </si>
  <si>
    <t>上級本醸造しょうゆ</t>
  </si>
  <si>
    <t>上級タカラ吟醸しょうゆ</t>
  </si>
  <si>
    <t>特級しょう油</t>
  </si>
  <si>
    <t>特級天然塩しょう油</t>
  </si>
  <si>
    <t>直っぺこいくち</t>
  </si>
  <si>
    <t>直っぺあまくち</t>
  </si>
  <si>
    <t>こいくち醤油特級</t>
  </si>
  <si>
    <t>カネショウ　りんごバーモントしょうゆ　ボトル１Ｌ</t>
  </si>
  <si>
    <t>青</t>
  </si>
  <si>
    <t>吟上</t>
  </si>
  <si>
    <t>本醸造うまみ醤油</t>
  </si>
  <si>
    <t>天然醸造こいくち醤油</t>
  </si>
  <si>
    <t>正金醤油</t>
  </si>
  <si>
    <t>ｼﾖｳｷﾝ</t>
  </si>
  <si>
    <t>特選しょうゆ本醸造</t>
  </si>
  <si>
    <t>佐伯醤油</t>
  </si>
  <si>
    <t>ｻｴｷｼｮｳﾕ</t>
  </si>
  <si>
    <t>二年もろみしょうゆ</t>
  </si>
  <si>
    <t>根田醤油</t>
  </si>
  <si>
    <t>ﾈﾀﾞｼｮｳﾕ</t>
  </si>
  <si>
    <t>平野醤油工場</t>
  </si>
  <si>
    <t>ﾋﾗﾉｼｮｳﾕ</t>
  </si>
  <si>
    <t>飯沢醤油ヤマデン醤油優撰ペット1L</t>
  </si>
  <si>
    <t>飯沢醤油ヤマデン醤油甘口ペット1L</t>
  </si>
  <si>
    <t>紅梅しょうゆ</t>
  </si>
  <si>
    <t>ｺｳﾊﾞｲｼｮｳﾕ</t>
  </si>
  <si>
    <t>こいくち錦</t>
  </si>
  <si>
    <t>まるはら</t>
  </si>
  <si>
    <t>ﾏﾙﾊﾗ</t>
  </si>
  <si>
    <t>濃口醤油みらさき</t>
  </si>
  <si>
    <t>ｸﾎﾞｼﾞｮｳｿﾞｳ</t>
  </si>
  <si>
    <t>北伊醤油</t>
  </si>
  <si>
    <t>ｷﾀｲｼｮｳﾕ</t>
  </si>
  <si>
    <t>天</t>
  </si>
  <si>
    <t>カネヨ醤油こいくち鶴1L</t>
  </si>
  <si>
    <t>カネヨ醤油</t>
  </si>
  <si>
    <t>しょうゆ濃口</t>
  </si>
  <si>
    <t>マースジャパンリミテッド</t>
  </si>
  <si>
    <t>ｺﾑﾗｻｷ</t>
  </si>
  <si>
    <t>丸中醤油</t>
  </si>
  <si>
    <t>ﾏﾙﾅｶｼｮｳﾕ</t>
  </si>
  <si>
    <t>あまくち</t>
  </si>
  <si>
    <t>豪華醤油</t>
  </si>
  <si>
    <t>キッコーカ濃口しょうゆ</t>
  </si>
  <si>
    <t>加藤醤油</t>
  </si>
  <si>
    <t>ｶﾄｳｼｮｳﾕ</t>
  </si>
  <si>
    <t>カネマスこいくちしょうゆ</t>
  </si>
  <si>
    <t>桶谷醤油</t>
  </si>
  <si>
    <t>ｵｹﾀﾆ</t>
  </si>
  <si>
    <t>富士こいくちしょうゆ</t>
  </si>
  <si>
    <t>富士こいくちしょうゆケース</t>
  </si>
  <si>
    <t>マルシチ　松印甘口醤油1L</t>
  </si>
  <si>
    <t>津軽味噌醤油　菊印　マルシチ醤油　ペット１Ｌ</t>
  </si>
  <si>
    <t>津軽味噌醤油　マルシチ醤油　ペット１Ｌ</t>
  </si>
  <si>
    <t>こいくち富久撰</t>
  </si>
  <si>
    <t>大久醤油</t>
  </si>
  <si>
    <t>ﾀﾞｲｷｭｳｼｮｳﾕ</t>
  </si>
  <si>
    <t>こいくち藤</t>
  </si>
  <si>
    <t>カドタ</t>
  </si>
  <si>
    <t>ｶﾄﾞﾀｼｮｳﾕ</t>
  </si>
  <si>
    <t>月印醤油</t>
  </si>
  <si>
    <t>うまくち醤油寿</t>
  </si>
  <si>
    <t>老松こいくち特級しょうゆ</t>
  </si>
  <si>
    <t>老松十一代大吟醸しょうゆ</t>
  </si>
  <si>
    <t>さつき</t>
  </si>
  <si>
    <t>うまくちほまれ</t>
  </si>
  <si>
    <t>芳醇天然かけ醤油瓶</t>
  </si>
  <si>
    <t>甘露醤油</t>
  </si>
  <si>
    <t>ｻｸﾗｶﾈﾖ</t>
  </si>
  <si>
    <t>ちくし</t>
  </si>
  <si>
    <t>とくせん</t>
  </si>
  <si>
    <t>上寿醤油</t>
  </si>
  <si>
    <t>ﾂﾎﾞﾞﾐｽﾞ</t>
  </si>
  <si>
    <t>濃口醤油フジ1?PET</t>
  </si>
  <si>
    <t>マルキ濃口しょうゆ富士</t>
  </si>
  <si>
    <t>水前寺しょうゆあまくち</t>
  </si>
  <si>
    <t>金月こいくち</t>
  </si>
  <si>
    <t>林醤油本店</t>
  </si>
  <si>
    <t>ﾊﾔｼｼｮｳﾕ</t>
  </si>
  <si>
    <t>丸林こいくち月</t>
  </si>
  <si>
    <t>天然醸造ゆっくり熟成しょうゆ</t>
  </si>
  <si>
    <t>しょうゆ　松</t>
  </si>
  <si>
    <t>しょうゆ梅</t>
  </si>
  <si>
    <t>むらさきしょうゆ</t>
  </si>
  <si>
    <t>心からあまくち</t>
  </si>
  <si>
    <t>蔵じまん</t>
  </si>
  <si>
    <t>キッコウトミ</t>
  </si>
  <si>
    <t>ｷｯｺ-ﾄﾐ</t>
  </si>
  <si>
    <t>濃口杉木桶九州産丸大豆しょうゆ</t>
  </si>
  <si>
    <t>超特選　うすむらさき　生</t>
  </si>
  <si>
    <t>超特選むらさき濃口</t>
  </si>
  <si>
    <t>特級本醸造醤油</t>
  </si>
  <si>
    <t>極あまくち</t>
  </si>
  <si>
    <t>濃口醤油ハイ・ゴールド</t>
  </si>
  <si>
    <t>金とら濃口醤油</t>
  </si>
  <si>
    <t>西幸しょうゆ</t>
  </si>
  <si>
    <t>ミエマン醤油シルバー</t>
  </si>
  <si>
    <t>菊印濃口</t>
  </si>
  <si>
    <t>寿印醤油あまくち</t>
  </si>
  <si>
    <t>マルヤ特松印</t>
  </si>
  <si>
    <t>マルヤ　こいくち誉印</t>
  </si>
  <si>
    <t>７５０ｍｌ</t>
  </si>
  <si>
    <t>うまくち菊印</t>
  </si>
  <si>
    <t>こいくちしょうゆむらさき甘口</t>
  </si>
  <si>
    <t>こいくちしょうゆ甘露</t>
  </si>
  <si>
    <t>あさつゆ濃口</t>
  </si>
  <si>
    <t>あさつゆあまくち</t>
  </si>
  <si>
    <t>蔵作り一番　金笛醤油</t>
  </si>
  <si>
    <t>本醸造あまくちしょうゆ</t>
  </si>
  <si>
    <t>生醤油</t>
  </si>
  <si>
    <t>じゅん</t>
  </si>
  <si>
    <t>山元濃口醤油1L</t>
  </si>
  <si>
    <t>山元甘口醤油1L</t>
  </si>
  <si>
    <t>上級醤油</t>
  </si>
  <si>
    <t>三重奏</t>
  </si>
  <si>
    <t>ヤマコ醤油</t>
  </si>
  <si>
    <t>ﾔﾏｺｼｮｳﾕ</t>
  </si>
  <si>
    <t>濃口松</t>
  </si>
  <si>
    <t>濃口梅</t>
  </si>
  <si>
    <t>県産醤油旨味だし</t>
  </si>
  <si>
    <t>静岡県産醤油</t>
  </si>
  <si>
    <t>ｼｽﾞｵｶｹﾝｻﾝｼ</t>
  </si>
  <si>
    <t>県産醤油旨味たれ500ml</t>
  </si>
  <si>
    <t>こいくち優選</t>
  </si>
  <si>
    <t>松中醤油本店</t>
  </si>
  <si>
    <t>ﾏﾂﾅｶｼｮｳﾕ</t>
  </si>
  <si>
    <t>味しょうゆ</t>
  </si>
  <si>
    <t>マルヨシ醤油</t>
  </si>
  <si>
    <t>ﾏﾙﾖｼ</t>
  </si>
  <si>
    <t>ﾏﾙﾖｼｼｮｳﾕ</t>
  </si>
  <si>
    <t>ヤマアうまくち</t>
  </si>
  <si>
    <t>諏訪うまくち金印</t>
  </si>
  <si>
    <t>冨士菊醤油松印</t>
  </si>
  <si>
    <t>山本醤油</t>
  </si>
  <si>
    <t>ﾔﾏﾓﾄ</t>
  </si>
  <si>
    <t>だし醤油濃口ペット</t>
  </si>
  <si>
    <t>カネモリ　二年熟成木桶しょうゆ</t>
  </si>
  <si>
    <t>１０００ｍｌ</t>
  </si>
  <si>
    <t>森山勇助商店</t>
  </si>
  <si>
    <t>ｶﾈﾓﾘ</t>
  </si>
  <si>
    <t>醸造頑固おやじの一滴たまり底引</t>
  </si>
  <si>
    <t>ヤマミ醸造</t>
  </si>
  <si>
    <t>但馬限定国産こいくち醤油</t>
  </si>
  <si>
    <t>大徳醤油</t>
  </si>
  <si>
    <t>ﾀﾞｲﾄｸｼｮｳﾕ</t>
  </si>
  <si>
    <t>こいくちしょうゆ　本印</t>
  </si>
  <si>
    <t>こいくち醤油金印</t>
  </si>
  <si>
    <t>岡田味噌醤油</t>
  </si>
  <si>
    <t>ｵｶﾀﾞﾐｿｼｮｳﾕ</t>
  </si>
  <si>
    <t>ヤマタカうまくちしょうゆ</t>
  </si>
  <si>
    <t>高田食品工業</t>
  </si>
  <si>
    <t>ﾀｶﾀﾞｼｮｸﾋﾝ</t>
  </si>
  <si>
    <t>こいくち木星</t>
  </si>
  <si>
    <t>火星こいくち</t>
  </si>
  <si>
    <t>しょうゆ月星</t>
  </si>
  <si>
    <t>濃口醤油うまくち菊</t>
  </si>
  <si>
    <t>濃口天</t>
  </si>
  <si>
    <t>飯田醤油</t>
  </si>
  <si>
    <t>ｲｲﾀﾞｼｮｳﾕ</t>
  </si>
  <si>
    <t>甘口天</t>
  </si>
  <si>
    <t>穴の谷こいくち</t>
  </si>
  <si>
    <t>穴の谷醤油濃い甘</t>
  </si>
  <si>
    <t>ｲｲﾀﾞ</t>
  </si>
  <si>
    <t>殿さましょうゆ</t>
  </si>
  <si>
    <t>ﾏﾂﾐﾔｼｮｳﾕ</t>
  </si>
  <si>
    <t>純正醤淡口</t>
  </si>
  <si>
    <t>かぎさうすくち醤油</t>
  </si>
  <si>
    <t>うすくち醤油金盃</t>
  </si>
  <si>
    <t>うすくち醤油太陽</t>
  </si>
  <si>
    <t>うすくち醤油白ゆき</t>
  </si>
  <si>
    <t>大町商店うすくち</t>
  </si>
  <si>
    <t>うすくち醤油上雪</t>
  </si>
  <si>
    <t>カネマルゴ　うすくち</t>
  </si>
  <si>
    <t>１０００ml</t>
  </si>
  <si>
    <t>ヤマタうすくちしょうゆ</t>
  </si>
  <si>
    <t>つき</t>
  </si>
  <si>
    <t>特選うすくちしょうゆ</t>
  </si>
  <si>
    <t>サンビシうすくち</t>
  </si>
  <si>
    <t>特級うすくち醤油</t>
  </si>
  <si>
    <t>上級うすくち醤油</t>
  </si>
  <si>
    <t>ベロ　うすくち</t>
  </si>
  <si>
    <t>特選有機うすくちしょうゆ</t>
  </si>
  <si>
    <t>丸大豆うすくち</t>
  </si>
  <si>
    <t>特選丸大豆うすくち醤油</t>
  </si>
  <si>
    <t>丸大豆うすくち_醤油</t>
  </si>
  <si>
    <t>有機うすくち醤油</t>
  </si>
  <si>
    <t>野菊淡口</t>
  </si>
  <si>
    <t>菊淡口</t>
  </si>
  <si>
    <t>味づくしうすくち</t>
  </si>
  <si>
    <t>ばら本醸造うすくち</t>
  </si>
  <si>
    <t>うすくち丸大豆</t>
  </si>
  <si>
    <t>特級　淡口しょうゆ</t>
  </si>
  <si>
    <t>白菊</t>
  </si>
  <si>
    <t>母ゆずり淡口醤油</t>
  </si>
  <si>
    <t>ヤマトうすくち</t>
  </si>
  <si>
    <t>上級うす塩しょうゆ</t>
  </si>
  <si>
    <t>直っぺうすくち</t>
  </si>
  <si>
    <t>うすくち醤油特級</t>
  </si>
  <si>
    <t>天然醸造うすくち生醤油</t>
  </si>
  <si>
    <t>醤油白色パック</t>
  </si>
  <si>
    <t>ｲｲｻﾞﾜｼﾖｳﾕﾐ</t>
  </si>
  <si>
    <t>淡口醤油銀扇</t>
  </si>
  <si>
    <t>カネヨ淡口醤油</t>
  </si>
  <si>
    <t>しょうゆ淡口</t>
  </si>
  <si>
    <t>藤勇富士醤油うす口しょうゆ</t>
  </si>
  <si>
    <t>老松うすくちしょうゆ</t>
  </si>
  <si>
    <t>こむらさき</t>
  </si>
  <si>
    <t>ﾏﾙﾋﾃﾞ</t>
  </si>
  <si>
    <t>うすくち上淡</t>
  </si>
  <si>
    <t>吉村醸造</t>
  </si>
  <si>
    <t>ﾖｼﾑﾗ</t>
  </si>
  <si>
    <t>キッコーウ淡口醤油ペット</t>
  </si>
  <si>
    <t>上淡口醤油</t>
  </si>
  <si>
    <t>水前寺しょうゆうすくち</t>
  </si>
  <si>
    <t>心から淡口しょうゆ</t>
  </si>
  <si>
    <t>超特選うすむらさき生</t>
  </si>
  <si>
    <t>淡口</t>
  </si>
  <si>
    <t>菊印淡口</t>
  </si>
  <si>
    <t>マルヤ　うすくち　</t>
  </si>
  <si>
    <t>750ML</t>
  </si>
  <si>
    <t>うすくちあじさい</t>
  </si>
  <si>
    <t>はくちょう淡口</t>
  </si>
  <si>
    <t>小左衛門さんちのしょうゆ特撰</t>
  </si>
  <si>
    <t>ヤマアうすくち竹</t>
  </si>
  <si>
    <t>だし醤油淡口ペット</t>
  </si>
  <si>
    <t>但馬限定国産うすくち醤油</t>
  </si>
  <si>
    <t>うすくちしょうゆ　金印</t>
  </si>
  <si>
    <t>ヤマタカ淡口しょうゆ</t>
  </si>
  <si>
    <t>穴の谷醤油うす口</t>
  </si>
  <si>
    <t>特選丸大豆しょうゆ_2本セット</t>
  </si>
  <si>
    <t>丸大豆しょうゆ</t>
  </si>
  <si>
    <t>無添加国産しょうゆ</t>
  </si>
  <si>
    <t>特選有機醤油</t>
  </si>
  <si>
    <t>しょうゆパック</t>
  </si>
  <si>
    <t>特選丸大豆醤油ケース</t>
  </si>
  <si>
    <t>1000ml×6P</t>
  </si>
  <si>
    <t>丸大豆仕込みしょうゆ</t>
  </si>
  <si>
    <t>まろやか丸大豆醤油</t>
  </si>
  <si>
    <t>特選丸大豆醤油</t>
  </si>
  <si>
    <t>有機丸大豆特選生しょうゆ</t>
  </si>
  <si>
    <t>うまくち丸大豆醤油</t>
  </si>
  <si>
    <t>特級うまくち丸大豆しょうゆ</t>
  </si>
  <si>
    <t>特級本醸造丸大豆醤油</t>
  </si>
  <si>
    <t>有機濃口しょうゆ</t>
  </si>
  <si>
    <t>丸大豆あまくちしょうゆ</t>
  </si>
  <si>
    <t>丸大豆醤油</t>
  </si>
  <si>
    <t>福岡県産丸大豆醤油</t>
  </si>
  <si>
    <t>有機丸大豆の吟選醤油</t>
  </si>
  <si>
    <t>有機丸大豆の吟選しょうゆ</t>
  </si>
  <si>
    <t>天然醸造黒豆醤油</t>
  </si>
  <si>
    <t>ワダカン　丸大豆しょうゆ　ペット１Ｌ</t>
  </si>
  <si>
    <t>にっぽん丸大豆醤油</t>
  </si>
  <si>
    <t>ニシキ醤油</t>
  </si>
  <si>
    <t>ﾆｼｷ</t>
  </si>
  <si>
    <t>自然一醤油</t>
  </si>
  <si>
    <t>久万山かけ醤油</t>
  </si>
  <si>
    <t>ﾆﾉﾐﾔｼﾞｮｳｿﾞ</t>
  </si>
  <si>
    <t>久万山しょうゆ</t>
  </si>
  <si>
    <t>国産丸大豆醤油</t>
  </si>
  <si>
    <t>木樽仕込国産大豆使用醤油</t>
  </si>
  <si>
    <t>濃口醤油うまくち丸大豆</t>
  </si>
  <si>
    <t>華しょうゆ　塩分ひかえめ</t>
  </si>
  <si>
    <t>減塩しょうゆ</t>
  </si>
  <si>
    <t>特選丸大豆減塩醤油ケース</t>
  </si>
  <si>
    <t>減塩醤油マンパック</t>
  </si>
  <si>
    <t>１ＬＸ６</t>
  </si>
  <si>
    <t>特選丸大豆減塩醤油</t>
  </si>
  <si>
    <t>うす塩金ラベル醤油ペット</t>
  </si>
  <si>
    <t>減塩醤油</t>
  </si>
  <si>
    <t>丸大豆うす塩しょうゆ</t>
  </si>
  <si>
    <t>うす塩醤油</t>
  </si>
  <si>
    <t>うまくち減塩しょうゆ</t>
  </si>
  <si>
    <t>減塩世代しょうゆ　ペット</t>
  </si>
  <si>
    <t>トモエ日高昆布醤油塩分カット道民応援ラベル</t>
  </si>
  <si>
    <t>丸大豆生うす塩</t>
  </si>
  <si>
    <t>おいしさそのまま減塩醤油</t>
  </si>
  <si>
    <t>あま塩醤油紙パック</t>
  </si>
  <si>
    <t>減塩まろやか醤油</t>
  </si>
  <si>
    <t>減塩あまくち</t>
  </si>
  <si>
    <t>有機丸大豆の減塩しょうゆ</t>
  </si>
  <si>
    <t>特級減塩しょう油</t>
  </si>
  <si>
    <t>農産健骨醤油</t>
  </si>
  <si>
    <t>体にやさしい塩半分しょうゆ</t>
  </si>
  <si>
    <t>藤本うす塩</t>
  </si>
  <si>
    <t>特選減塩しょうゆ</t>
  </si>
  <si>
    <t>金笛減塩醤油</t>
  </si>
  <si>
    <t>ｷﾝﾌﾞｴｼｮｳﾕ</t>
  </si>
  <si>
    <t>ヤマカノうまーい醤油塩分20%カット</t>
  </si>
  <si>
    <t>だししょうゆ</t>
  </si>
  <si>
    <t>だし醤油　うすくち調宝</t>
  </si>
  <si>
    <t>だし醤油　こいくち調宝</t>
  </si>
  <si>
    <t>こんぶだし</t>
  </si>
  <si>
    <t>かつおだし入り淡口醤油</t>
  </si>
  <si>
    <t>調味の素</t>
  </si>
  <si>
    <t>昆布椎茸醤油P</t>
  </si>
  <si>
    <t>鰹昆布しょうゆ</t>
  </si>
  <si>
    <t>かき醤油</t>
  </si>
  <si>
    <t>白だしカキ醤油</t>
  </si>
  <si>
    <t>北海道産真昆布しょうゆ塩分カット</t>
  </si>
  <si>
    <t>芳醇まろやか醤油ケース</t>
  </si>
  <si>
    <t>芳醇まろやかしょうゆ</t>
  </si>
  <si>
    <t>はぼまい昆布しょうゆ</t>
  </si>
  <si>
    <t>真昆布しょうゆ</t>
  </si>
  <si>
    <t>おに昆布しょうゆ</t>
  </si>
  <si>
    <t>土佐醤油瓶</t>
  </si>
  <si>
    <t>ﾀﾞｲﾄｳｼｮｸﾊﾝ</t>
  </si>
  <si>
    <t>味彩醤油</t>
  </si>
  <si>
    <t>日高昆布しょうゆペット</t>
  </si>
  <si>
    <t>日高昆布しょうゆ塩分カットペット</t>
  </si>
  <si>
    <t>日高昆布しょうゆかつおプラス</t>
  </si>
  <si>
    <t>日高昆布しょうゆ</t>
  </si>
  <si>
    <t>昆布しょうゆ塩分カット</t>
  </si>
  <si>
    <t>昆布だし醤油薄口</t>
  </si>
  <si>
    <t>昆布だし醤油濃口</t>
  </si>
  <si>
    <t>昆布と鰹のだししょうゆ　うすくち</t>
  </si>
  <si>
    <t>昆布と鰹のだししょうゆ　こいくち</t>
  </si>
  <si>
    <t>かつおしょうゆ</t>
  </si>
  <si>
    <t>料亭の味　うまくち</t>
  </si>
  <si>
    <t>料亭の味　うすくち</t>
  </si>
  <si>
    <t>かつお濃口醤油</t>
  </si>
  <si>
    <t>かつお淡口醤油</t>
  </si>
  <si>
    <t>北海道昆布しょうゆ塩分カット</t>
  </si>
  <si>
    <t>北海道昆布しょうゆ</t>
  </si>
  <si>
    <t>仕上げに加える燻製醤油だれ</t>
  </si>
  <si>
    <t>減塩こんぶしょうゆ</t>
  </si>
  <si>
    <t>カツオのおしょう油</t>
  </si>
  <si>
    <t>かつおだし・なんでもござれ</t>
  </si>
  <si>
    <t>ヤマコー</t>
  </si>
  <si>
    <t>ﾔﾏｺｰ</t>
  </si>
  <si>
    <t>はぼまい昆布しょうゆ塩分カット</t>
  </si>
  <si>
    <t>かけ醤油うまかやつ</t>
  </si>
  <si>
    <t>カネマス_だししょうゆ</t>
  </si>
  <si>
    <t>どんぶりだし醤油</t>
  </si>
  <si>
    <t>天然だし醤油</t>
  </si>
  <si>
    <t>紫峰醤油</t>
  </si>
  <si>
    <t>だし醤油味一番</t>
  </si>
  <si>
    <t>堺屋だし醤油瀬戸の味1L</t>
  </si>
  <si>
    <t>堺屋醤油</t>
  </si>
  <si>
    <t>ｻｶｲﾔｼｮｳﾕ</t>
  </si>
  <si>
    <t>かつおだし醤油</t>
  </si>
  <si>
    <t>昆布だし醤油</t>
  </si>
  <si>
    <t>だしの素</t>
  </si>
  <si>
    <t>味一</t>
  </si>
  <si>
    <t>りんごたまり醤油</t>
  </si>
  <si>
    <t>ピーアンドディーカワムラ</t>
  </si>
  <si>
    <t>だしの素こいいろ</t>
  </si>
  <si>
    <t>昆布だしうす塩しょうゆ</t>
  </si>
  <si>
    <t>こんぶのおしょうゆ</t>
  </si>
  <si>
    <t>カツオ煮出し醤油</t>
  </si>
  <si>
    <t>だしプラス</t>
  </si>
  <si>
    <t>ｷｯｺｰﾅﾝ</t>
  </si>
  <si>
    <t>昆布しょうゆ</t>
  </si>
  <si>
    <t>中村醸造元</t>
  </si>
  <si>
    <t>ﾅｶﾑﾗｼﾞｮｳｿﾞ</t>
  </si>
  <si>
    <t>昆布醤油</t>
  </si>
  <si>
    <t>昆布しょうゆペット</t>
  </si>
  <si>
    <t>だし入醤油</t>
  </si>
  <si>
    <t>一番だし昆布しょうゆ</t>
  </si>
  <si>
    <t>春夏秋冬のだしの素</t>
  </si>
  <si>
    <t>味自慢醤油ペット</t>
  </si>
  <si>
    <t>いりこ醤油</t>
  </si>
  <si>
    <t>だし自慢</t>
  </si>
  <si>
    <t>かぎさ　さしみしょうゆ</t>
  </si>
  <si>
    <t>さしみ醤油</t>
  </si>
  <si>
    <t>岩野上醤油醸造場</t>
  </si>
  <si>
    <t>太陽さしみ</t>
  </si>
  <si>
    <t>マルホン</t>
  </si>
  <si>
    <t>さしみ甘露</t>
  </si>
  <si>
    <t>はさめず　さしみ</t>
  </si>
  <si>
    <t>特級うまくちさしみ醤油</t>
  </si>
  <si>
    <t>霧島さしみ</t>
  </si>
  <si>
    <t>あまくちさしみ</t>
  </si>
  <si>
    <t>さしみしょうゆゴールド</t>
  </si>
  <si>
    <t>さしみ甘口</t>
  </si>
  <si>
    <t>マルジュさしみ醤油</t>
  </si>
  <si>
    <t>甘露さしみしょうゆ</t>
  </si>
  <si>
    <t>さしみあやめ</t>
  </si>
  <si>
    <t>キッコーカ　さしみ</t>
  </si>
  <si>
    <t>ﾀﾁﾊﾞﾅ</t>
  </si>
  <si>
    <t>さしみ醤油老松</t>
  </si>
  <si>
    <t>岩永醤油</t>
  </si>
  <si>
    <t>ｲﾜﾅｶﾞｼｮｳﾕ</t>
  </si>
  <si>
    <t>本醸造さしみしょうゆ</t>
  </si>
  <si>
    <t>さしみ醤油太陽</t>
  </si>
  <si>
    <t>添田醸造</t>
  </si>
  <si>
    <t>ｿｴﾀﾞ</t>
  </si>
  <si>
    <t>ヤマア刺身醤油甘露</t>
  </si>
  <si>
    <t>かぎさ超特選かけしょうゆ</t>
  </si>
  <si>
    <t>吟醸醤油</t>
  </si>
  <si>
    <t>今野醸造</t>
  </si>
  <si>
    <t>ｺﾝﾉｼﾞｮｳｿﾞｳ</t>
  </si>
  <si>
    <t>うまくち_宗像</t>
  </si>
  <si>
    <t>秘伝の煮汁しょうゆ味</t>
  </si>
  <si>
    <t>徳造丸</t>
  </si>
  <si>
    <t>ﾄｸｿﾞｳﾏﾙ</t>
  </si>
  <si>
    <t>秘伝の煮汁みそ味</t>
  </si>
  <si>
    <t>手づくり濃口醤油心</t>
  </si>
  <si>
    <t>ｶﾄｳ</t>
  </si>
  <si>
    <t>しょうゆパック甘口</t>
  </si>
  <si>
    <t>Ｐあまくちしょうゆ</t>
  </si>
  <si>
    <t>正田再仕込しょうゆ</t>
  </si>
  <si>
    <t>二段熟成醤油</t>
  </si>
  <si>
    <t>特撰丸大豆しょうゆ</t>
  </si>
  <si>
    <t>食品添加物無添加純生しょうゆ</t>
  </si>
  <si>
    <t>純生しょうゆペット</t>
  </si>
  <si>
    <t>とっても甘いうまくち</t>
  </si>
  <si>
    <t>特選初茜本醸造うまくち</t>
  </si>
  <si>
    <t>無添加生しょうゆ　瓶</t>
  </si>
  <si>
    <t>あまくち九州醤油</t>
  </si>
  <si>
    <t>富士屋甚兵衛超特選二段仕込み醤油</t>
  </si>
  <si>
    <t>うまくち特級</t>
  </si>
  <si>
    <t>本醸造特選醤乃蔵</t>
  </si>
  <si>
    <t>特級うまくち</t>
  </si>
  <si>
    <t>特級ばら濃口醤油</t>
  </si>
  <si>
    <t>ばら本醸造しょうゆ</t>
  </si>
  <si>
    <t>母ゆずり濃口</t>
  </si>
  <si>
    <t>ワダカン　りんごのおしょうゆ　ペット　５００ｍｌ</t>
  </si>
  <si>
    <t>ﾜﾌｧｶﾝ</t>
  </si>
  <si>
    <t>生搾り醤油</t>
  </si>
  <si>
    <t>小豆島生絞り醤油</t>
  </si>
  <si>
    <t>早池峰しょうゆ</t>
  </si>
  <si>
    <t>岩手名産生醤油</t>
  </si>
  <si>
    <t>醤油三年熟成（純）</t>
  </si>
  <si>
    <t>ｼｮｳｷﾝｼｮｳﾕ</t>
  </si>
  <si>
    <t>海の精　国産有機生しぼり醤油　５００ｍｌ</t>
  </si>
  <si>
    <t>甘露醤油政之助</t>
  </si>
  <si>
    <t>甘露醤油　やくも紫</t>
  </si>
  <si>
    <t>丸中醸造醤油</t>
  </si>
  <si>
    <t>有機醤油</t>
  </si>
  <si>
    <t>たまごにかけるお醤油甘さ控えめ</t>
  </si>
  <si>
    <t>ﾃﾗｵｶｹ</t>
  </si>
  <si>
    <t>たまごにかけるお醤油海苔入り</t>
  </si>
  <si>
    <t>たまごにかけるお醤油化粧箱入り</t>
  </si>
  <si>
    <t>かんろ</t>
  </si>
  <si>
    <t>超特撰有機醤油こいくち</t>
  </si>
  <si>
    <t>健康醤一の紫</t>
  </si>
  <si>
    <t>本醸造うまくち醤油</t>
  </si>
  <si>
    <t>ｼﾞｮｳｷｭｳ</t>
  </si>
  <si>
    <t>白醤油</t>
  </si>
  <si>
    <t>静岡県産醤油うめえぞこれはしょうゆ</t>
  </si>
  <si>
    <t>くめ・クオリティ・プロダクツ</t>
  </si>
  <si>
    <t>甘露　卓上醤油</t>
  </si>
  <si>
    <t>穴の谷油天</t>
  </si>
  <si>
    <t>穴の谷油天甘口</t>
  </si>
  <si>
    <t>穴の谷醤油濃口</t>
  </si>
  <si>
    <t>穴の谷油濃口甘口</t>
  </si>
  <si>
    <t>並醤油</t>
  </si>
  <si>
    <t>うすくちしょう油</t>
  </si>
  <si>
    <t>上級うすくちしょうゆ</t>
  </si>
  <si>
    <t>低塩丸大豆うすくちしょうゆ</t>
  </si>
  <si>
    <t>有機うすくちしょうゆ</t>
  </si>
  <si>
    <t>特選丸大豆うすくちしょうゆ</t>
  </si>
  <si>
    <t>うすくち白</t>
  </si>
  <si>
    <t>さくら淡口醤油</t>
  </si>
  <si>
    <t>直源醤油直っぺ淡口ペット500ml</t>
  </si>
  <si>
    <t>うすくち淡雪</t>
  </si>
  <si>
    <t>超特選有機醤油うすくち</t>
  </si>
  <si>
    <t>静岡県産醤油51歳からのおしょうゆ</t>
  </si>
  <si>
    <t>あなん谷うすくちしょうゆNew</t>
  </si>
  <si>
    <t>かけ醤油</t>
  </si>
  <si>
    <t>小麦を使わない丸大豆醤油</t>
  </si>
  <si>
    <t>丸大豆しょう油</t>
  </si>
  <si>
    <t>特選有機しょうゆ</t>
  </si>
  <si>
    <t>まろやか丸大豆しょうゆ</t>
  </si>
  <si>
    <t>黒大豆しょうゆ</t>
  </si>
  <si>
    <t>吉野杉樽天然醤油</t>
  </si>
  <si>
    <t>特選国産丸大豆醤油</t>
  </si>
  <si>
    <t>佐賀醤油</t>
  </si>
  <si>
    <t>有機しょうゆ</t>
  </si>
  <si>
    <t>伊勢醤油本舗吟香仕込</t>
  </si>
  <si>
    <t>丸大豆醤油　もろみの雫</t>
  </si>
  <si>
    <t>山口県産丸大豆しょうゆ甘口</t>
  </si>
  <si>
    <t>山口県産丸大豆しょうゆ杉樽仕込み</t>
  </si>
  <si>
    <t>国産丸大豆しょうゆこいくち</t>
  </si>
  <si>
    <t>うす塩紫</t>
  </si>
  <si>
    <t>特撰丸大豆減塩しょうゆ</t>
  </si>
  <si>
    <t>減塩しょうゆ本膳</t>
  </si>
  <si>
    <t>うまくち減塩醤油</t>
  </si>
  <si>
    <t>減塩うすくちしょうゆ</t>
  </si>
  <si>
    <t>あまくち減塩醤油</t>
  </si>
  <si>
    <t>米糀しょうゆ</t>
  </si>
  <si>
    <t>減塩うまくちしょうゆ</t>
  </si>
  <si>
    <t>本醸造特級減塩しょうゆ</t>
  </si>
  <si>
    <t>減塩醤油　パック</t>
  </si>
  <si>
    <t>減塩ギャバ醤油</t>
  </si>
  <si>
    <t>減塩だけどおいしい特選しょうゆ</t>
  </si>
  <si>
    <t>特級本醸造うす塩醤油</t>
  </si>
  <si>
    <t>かける醤油</t>
  </si>
  <si>
    <t>にんにく醤油　３個セット</t>
  </si>
  <si>
    <t>３個セット</t>
  </si>
  <si>
    <t>古代柱醤油こんぶだし北海道産昆布使用500ml</t>
  </si>
  <si>
    <t>黒糖醤油</t>
  </si>
  <si>
    <t>大亀万能醤油</t>
  </si>
  <si>
    <t>たまごかけ醤油</t>
  </si>
  <si>
    <t>うまかぁ万能だし醤油</t>
  </si>
  <si>
    <t>黄金だしまろやかだし醤油</t>
  </si>
  <si>
    <t>牡蠣だし醤油</t>
  </si>
  <si>
    <t>はぼまい昆布醤油塩分カット</t>
  </si>
  <si>
    <t>だししょうゆ　４種のあわせだし</t>
  </si>
  <si>
    <t>だししょうゆうす色</t>
  </si>
  <si>
    <t>だししょうゆこい色</t>
  </si>
  <si>
    <t>黒糖しょうゆ</t>
  </si>
  <si>
    <t>土佐しょうゆ　化粧袋</t>
  </si>
  <si>
    <t>土佐しょうゆ</t>
  </si>
  <si>
    <t>鰹節といりこのだし醤油</t>
  </si>
  <si>
    <t>お料理だししょうゆ</t>
  </si>
  <si>
    <t>うまかぁ-万能だし醤油</t>
  </si>
  <si>
    <t>真鯛だし醤油</t>
  </si>
  <si>
    <t>くぎ煮調味料（さんしょう入り）</t>
  </si>
  <si>
    <t>ﾔﾏｲ</t>
  </si>
  <si>
    <t>くぎ煮調味料（生姜入り）</t>
  </si>
  <si>
    <t>リンゴのおしょうゆ</t>
  </si>
  <si>
    <t>旨だし醤油</t>
  </si>
  <si>
    <t>タケサン醤の郷だし醤油400ml</t>
  </si>
  <si>
    <t>はぼまい昆布しょうゆうす塩仕立て</t>
  </si>
  <si>
    <t>ﾊﾎﾞﾏｲｷﾞｮｷﾞ</t>
  </si>
  <si>
    <t>料理だし</t>
  </si>
  <si>
    <t>津軽海峡醤油こんぶ仕立</t>
  </si>
  <si>
    <t>鎌田だし醤油</t>
  </si>
  <si>
    <t>鎌田低塩だし醤油500ml</t>
  </si>
  <si>
    <t>天然かけ醤油瓶</t>
  </si>
  <si>
    <t>韓国風仕立てたまごにかけるお醤油</t>
  </si>
  <si>
    <t>たまごにかけるお醤油3本セット</t>
  </si>
  <si>
    <t>150ml×3</t>
  </si>
  <si>
    <t>紫峰しょうゆ</t>
  </si>
  <si>
    <t>銀の醤360mlPET</t>
  </si>
  <si>
    <t>味一ペット</t>
  </si>
  <si>
    <t>ふく醤油</t>
  </si>
  <si>
    <t>大津屋</t>
  </si>
  <si>
    <t>ｵｵﾂﾔ</t>
  </si>
  <si>
    <t>ﾏﾙﾌｸｼｮｳﾕ</t>
  </si>
  <si>
    <t>甘口さしみしょうゆ</t>
  </si>
  <si>
    <t>大町商店さしみ</t>
  </si>
  <si>
    <t>カネマルゴおさしみ</t>
  </si>
  <si>
    <t>減塩うまくちさしみしょうゆ</t>
  </si>
  <si>
    <t>甘露さしみ醤油</t>
  </si>
  <si>
    <t>高嶺さしみ醤油</t>
  </si>
  <si>
    <t>霧島さしみ醤油</t>
  </si>
  <si>
    <t>特級甘口さしみ</t>
  </si>
  <si>
    <t>九州あまくちさしみ醤油</t>
  </si>
  <si>
    <t>本醸造特譲さしみあまくち醤油</t>
  </si>
  <si>
    <t>甘口さしみ</t>
  </si>
  <si>
    <t>本醸造甘口さしみ</t>
  </si>
  <si>
    <t>あまくち伝承さしみ醤油</t>
  </si>
  <si>
    <t>濃口さしみ醤油</t>
  </si>
  <si>
    <t>さしみしょうゆペット</t>
  </si>
  <si>
    <t>しょうゆさしみ</t>
  </si>
  <si>
    <t>ｶﾄﾞﾀ</t>
  </si>
  <si>
    <t>さしみしょうゆ老松</t>
  </si>
  <si>
    <t>さしみ醤油ペット</t>
  </si>
  <si>
    <t>お寿司とさしみのお醤油化粧箱入り</t>
  </si>
  <si>
    <t>郡上地たまり</t>
  </si>
  <si>
    <t>丸林甘露さしみ</t>
  </si>
  <si>
    <t>ゴールド甘露さしみしょうゆ</t>
  </si>
  <si>
    <t>さしみ醤油あまくち</t>
  </si>
  <si>
    <t>うまくちミニボトル</t>
  </si>
  <si>
    <t>正田醤油　正田のしょうゆ特級　１００ｍｌ</t>
  </si>
  <si>
    <t>卓上しょうゆ</t>
  </si>
  <si>
    <t>シャトレーゼ</t>
  </si>
  <si>
    <t>ｻｶﾞﾜ</t>
  </si>
  <si>
    <t>超特選　卓上</t>
  </si>
  <si>
    <t>柚子梅つゆ瓶</t>
  </si>
  <si>
    <t>湯浅醤油</t>
  </si>
  <si>
    <t>ﾕｱｻ</t>
  </si>
  <si>
    <t>おろしにんにく醤油醤タイム</t>
  </si>
  <si>
    <t>100mi</t>
  </si>
  <si>
    <t>パンかけ醤油</t>
  </si>
  <si>
    <t>元祖　スプレー醤油　（濃い口醤油_減塩タイプ）</t>
  </si>
  <si>
    <t>ﾓﾋﾞﾘｵ</t>
  </si>
  <si>
    <t>寿司スプレー再仕込み醤油使用</t>
  </si>
  <si>
    <t>小山屋こいくち醤油</t>
  </si>
  <si>
    <t>ﾚﾝｹﾞ</t>
  </si>
  <si>
    <t>卵かけご飯の醤油</t>
  </si>
  <si>
    <t>ゆふいんファーム</t>
  </si>
  <si>
    <t>ﾕﾌｲﾝﾌｧｰﾑ</t>
  </si>
  <si>
    <t>びはん山田の醤油</t>
  </si>
  <si>
    <t>しぼりたて生しょうゆミニパック</t>
  </si>
  <si>
    <t>4ml×10P</t>
  </si>
  <si>
    <t>特選丸大豆減塩醤油ミニパック</t>
  </si>
  <si>
    <t>5ml×10</t>
  </si>
  <si>
    <t>吟醸しょうゆ長期熟成</t>
  </si>
  <si>
    <t>吟醸醤油_生</t>
  </si>
  <si>
    <t>いつでも新鮮　しぼりたて生しょうゆ_ミニパック</t>
  </si>
  <si>
    <t>サクサク食べる香ばし醤油</t>
  </si>
  <si>
    <t>ヒゲタたまごかけご飯にどうぞ</t>
  </si>
  <si>
    <t>本醸造しょう油</t>
  </si>
  <si>
    <t>博多海鮮しょうゆごま</t>
  </si>
  <si>
    <t>朝倉山椒かけ醤油</t>
  </si>
  <si>
    <t>うまくち醤油　ミニボトル</t>
  </si>
  <si>
    <t>超特選二段仕込九州うまくち生しょうゆ</t>
  </si>
  <si>
    <t>ミニボトルうまくち</t>
  </si>
  <si>
    <t>ミニパックしょうゆ</t>
  </si>
  <si>
    <t>5ml×5</t>
  </si>
  <si>
    <t>おいしく鉄分がとれるしょうゆ</t>
  </si>
  <si>
    <t>熊本のおしょうゆ　母の味</t>
  </si>
  <si>
    <t>１５０ＭＬ</t>
  </si>
  <si>
    <t>カレンダー醤油</t>
  </si>
  <si>
    <t>2.8ml</t>
  </si>
  <si>
    <t>かけ醤油金ごま入り</t>
  </si>
  <si>
    <t>白醤油特級</t>
  </si>
  <si>
    <t>ベビー醤油</t>
  </si>
  <si>
    <t>ベビーしょうゆ</t>
  </si>
  <si>
    <t>3ml×10</t>
  </si>
  <si>
    <t>特級本醸造しょう油</t>
  </si>
  <si>
    <t>能登牡蛎だししょうゆ</t>
  </si>
  <si>
    <t>紅梅卓上</t>
  </si>
  <si>
    <t>醪しょうゆ</t>
  </si>
  <si>
    <t>塩粉しょうゆ</t>
  </si>
  <si>
    <t>有機醤油濃口</t>
  </si>
  <si>
    <t>たまごにかけるお醤油</t>
  </si>
  <si>
    <t>寺岡家のおもちにつけるお醤油</t>
  </si>
  <si>
    <t>寺岡家のたまごにかけるお?油明太子入り</t>
  </si>
  <si>
    <t>紫峰の滴</t>
  </si>
  <si>
    <t>湯浅醤油　再仕込みしょうゆ</t>
  </si>
  <si>
    <t>小原久吉商店</t>
  </si>
  <si>
    <t>ｵﾊﾗﾋｻｷﾁｼｮｳ</t>
  </si>
  <si>
    <t>味の一醸造　健康味の母</t>
  </si>
  <si>
    <t>味の一醸造</t>
  </si>
  <si>
    <t>ｱｼﾞﾉｲﾁ</t>
  </si>
  <si>
    <t>もち醤油</t>
  </si>
  <si>
    <t>マヨ醤油</t>
  </si>
  <si>
    <t>オリーブ白しょう油</t>
  </si>
  <si>
    <t>オリーブ白しょう油ゆず胡椒</t>
  </si>
  <si>
    <t>SUSHISAUCETRUFFLE＆WHITESOY</t>
  </si>
  <si>
    <t>さしみたまり</t>
  </si>
  <si>
    <t>こうのとり醤油</t>
  </si>
  <si>
    <t>老抽王照りだし専用醤油</t>
  </si>
  <si>
    <t>海天</t>
  </si>
  <si>
    <t>ｶｲﾃﾝ</t>
  </si>
  <si>
    <t>生抽王炒め物専用醤油</t>
  </si>
  <si>
    <t>手づくり淡口醤油こころ</t>
  </si>
  <si>
    <t>透明醤油　　　　　　　　　　透明醤油　フンドーダイ</t>
  </si>
  <si>
    <t>透明醤油でつくっただし醤油</t>
  </si>
  <si>
    <t>透明醤油でつくったトリュフ醤油</t>
  </si>
  <si>
    <t>フォーム透明醤油</t>
  </si>
  <si>
    <t>男が使うにんにく醤油</t>
  </si>
  <si>
    <t>とろーり梅しょうゆ</t>
  </si>
  <si>
    <t>寺岡家有機しょうゆ</t>
  </si>
  <si>
    <t>湯浅醤油　うすくち　</t>
  </si>
  <si>
    <t>特選丸大豆しょうゆ卓上瓶</t>
  </si>
  <si>
    <t>特選国産醤油</t>
  </si>
  <si>
    <t>40ml</t>
  </si>
  <si>
    <t>特選丸大豆_ミニ</t>
  </si>
  <si>
    <t>特選丸大豆減塩醤油ミニボトル</t>
  </si>
  <si>
    <t>特選丸大豆減塩しょうゆ</t>
  </si>
  <si>
    <t>丸大豆ＧＡＢＡ醤油</t>
  </si>
  <si>
    <t>おちょぼ口あげもの正油</t>
  </si>
  <si>
    <t>おちょぼ口うすしお醤油</t>
  </si>
  <si>
    <t>おちょぼ口カレー風味の正油</t>
  </si>
  <si>
    <t>おちょぼ口うめ正油</t>
  </si>
  <si>
    <t>おちょぼ口ハーブ正油</t>
  </si>
  <si>
    <t>おちょぼ口バタマヨ正油</t>
  </si>
  <si>
    <t>特級丸大豆醤油</t>
  </si>
  <si>
    <t>丸大豆醤油もろみの雫瓶</t>
  </si>
  <si>
    <t>290ml</t>
  </si>
  <si>
    <t>有機丸大豆濃口醤油紙パック</t>
  </si>
  <si>
    <t>ﾏﾙﾋﾃﾞｼｮｳﾕ</t>
  </si>
  <si>
    <t>ぶっかけしょうゆ減塩</t>
  </si>
  <si>
    <t>減塩しょうゆ業務用</t>
  </si>
  <si>
    <t>キッコーマン減塩醤油卓上</t>
  </si>
  <si>
    <t>キッコーマンしょうゆ</t>
  </si>
  <si>
    <t>うすじお</t>
  </si>
  <si>
    <t>ＤＸ減塩しょうゆ</t>
  </si>
  <si>
    <t>さわやか卓上瓶</t>
  </si>
  <si>
    <t>寺岡家の減塩醤油</t>
  </si>
  <si>
    <t>ﾃﾗｵｶ</t>
  </si>
  <si>
    <t>有機うまみ醤油</t>
  </si>
  <si>
    <t>岩手健民減塩醤油</t>
  </si>
  <si>
    <t>井げたしじみ醤油</t>
  </si>
  <si>
    <t>にんにくしょうゆ</t>
  </si>
  <si>
    <t>オハヨーしゃかたま醤油</t>
  </si>
  <si>
    <t>ミニボトルかつお醤油</t>
  </si>
  <si>
    <t>鷹取醤油</t>
  </si>
  <si>
    <t>ﾀｶﾄﾘｼｮｳﾕ</t>
  </si>
  <si>
    <t>玉ご郎</t>
  </si>
  <si>
    <t>あごだし?油</t>
  </si>
  <si>
    <t>博多なま卵醤油</t>
  </si>
  <si>
    <t>卵かけ醤油</t>
  </si>
  <si>
    <t>卵かけごはんしょうゆ</t>
  </si>
  <si>
    <t>輝黄卵専用たまごかけしょうゆ</t>
  </si>
  <si>
    <t>ﾚﾝｹﾞﾔ</t>
  </si>
  <si>
    <t>国産昆布だし醤油</t>
  </si>
  <si>
    <t>アサムラサキかき醤油</t>
  </si>
  <si>
    <t>かき醤油瓶</t>
  </si>
  <si>
    <t>かき醤油卓上</t>
  </si>
  <si>
    <t>かき醤油卓上用</t>
  </si>
  <si>
    <t>うに醤油箱入</t>
  </si>
  <si>
    <t>おうちで簡単燻製醤油</t>
  </si>
  <si>
    <t>パウダーしょうゆしょうゆ味</t>
  </si>
  <si>
    <t>パウダーしょうゆわさび風味</t>
  </si>
  <si>
    <t>ステーキしょうゆ粉末しょうゆ＆スパイス</t>
  </si>
  <si>
    <t>95g</t>
  </si>
  <si>
    <t>和風しょうゆジュレ_しょうが味</t>
  </si>
  <si>
    <t>和風しょうゆジュレ_梅かつお味</t>
  </si>
  <si>
    <t>しじみ醤油</t>
  </si>
  <si>
    <t>あおさしょうゆ</t>
  </si>
  <si>
    <t>おちょぼ口だし正油</t>
  </si>
  <si>
    <t>手軽に燻製を楽しめるおしょうゆ180ml</t>
  </si>
  <si>
    <t>燻製しょうゆ瓶</t>
  </si>
  <si>
    <t>美味しいかけしょうゆ</t>
  </si>
  <si>
    <t>かつお醤油　卓上タイプ</t>
  </si>
  <si>
    <t>減塩かつおしょうゆ</t>
  </si>
  <si>
    <t>厚岸かきしょうゆ</t>
  </si>
  <si>
    <t>北海道ごち醤油瓶</t>
  </si>
  <si>
    <t>北海道の鮭節香るだし醤油</t>
  </si>
  <si>
    <t>卓上かつおしょうゆ</t>
  </si>
  <si>
    <t>ちょいたしうまつゆだれ</t>
  </si>
  <si>
    <t>フンドーキン丸大豆かつお?油</t>
  </si>
  <si>
    <t>かけ醤油かつお</t>
  </si>
  <si>
    <t>かけ醤油粒ごま</t>
  </si>
  <si>
    <t>カケショウユ　ピリカラ</t>
  </si>
  <si>
    <t>たまごごはんの醤油</t>
  </si>
  <si>
    <t>かけしょうゆかつお</t>
  </si>
  <si>
    <t>かけ醤油　金ごま入り</t>
  </si>
  <si>
    <t>馬刺用しょうゆ</t>
  </si>
  <si>
    <t>北陸漁師のまかない醤油</t>
  </si>
  <si>
    <t>ﾅｵｹﾞﾝｼｮｳﾕ</t>
  </si>
  <si>
    <t>たまごかけごはんしょうゆ</t>
  </si>
  <si>
    <t>タケサンおかあさんの卵焼きの素瓶150ml</t>
  </si>
  <si>
    <t>佐々長　雲丹しょうゆ　２００ｍｌ</t>
  </si>
  <si>
    <t>玉子の匠</t>
  </si>
  <si>
    <t>たまごかけごはん醤油</t>
  </si>
  <si>
    <t>矢木醤油</t>
  </si>
  <si>
    <t>ﾔｷﾞｼｮｳﾕ</t>
  </si>
  <si>
    <t>湯浅カレー醤油瓶</t>
  </si>
  <si>
    <t>こだわりのかけ醤油</t>
  </si>
  <si>
    <t>鎌田低塩だし醤油</t>
  </si>
  <si>
    <t>鎌田醤油にんにくだし醤油200ml</t>
  </si>
  <si>
    <t>ｶﾏﾀﾞｼｮｳﾕ</t>
  </si>
  <si>
    <t>自然一だし醤油</t>
  </si>
  <si>
    <t>自然一ぽん酢醤油</t>
  </si>
  <si>
    <t>タテ印ぼっけぇ旨辛醤油</t>
  </si>
  <si>
    <t>ﾄﾖｼﾏﾔ</t>
  </si>
  <si>
    <t>トリュフ醤油ソース</t>
  </si>
  <si>
    <t>万葉創業社</t>
  </si>
  <si>
    <t>ﾏﾝﾖｳ</t>
  </si>
  <si>
    <t>風味しょうゆうまみ</t>
  </si>
  <si>
    <t>末廣醤油</t>
  </si>
  <si>
    <t>ｶﾈｲｼｮｳﾕ</t>
  </si>
  <si>
    <t>玉子かけご飯醤油牛すき焼風</t>
  </si>
  <si>
    <t>卵かけご飯にかける醤油</t>
  </si>
  <si>
    <t>ﾊﾏﾀﾞ</t>
  </si>
  <si>
    <t>バルサミコ醤油</t>
  </si>
  <si>
    <t>辣醤油</t>
  </si>
  <si>
    <t>岩手健民のだしつゆ</t>
  </si>
  <si>
    <t>まるたん卵かけしょうゆ</t>
  </si>
  <si>
    <t>100ｍｌ</t>
  </si>
  <si>
    <t>ゴールド井ゲタさしみ醤油</t>
  </si>
  <si>
    <t>霧島さしみミニボトル</t>
  </si>
  <si>
    <t>甘露さしみ</t>
  </si>
  <si>
    <t>ミニボトルさしみ醤油</t>
  </si>
  <si>
    <t>傳右衛門がんこたまり</t>
  </si>
  <si>
    <t>伊藤商店</t>
  </si>
  <si>
    <t>ｲﾄｳｼｮｳﾃﾝ</t>
  </si>
  <si>
    <t>近江町さしみしょうゆ瓶</t>
  </si>
  <si>
    <t>博多さしみしょうゆ</t>
  </si>
  <si>
    <t>神湊さしみ醤油</t>
  </si>
  <si>
    <t>ヤマタお刺身しょうゆ</t>
  </si>
  <si>
    <t>特選さしみ溜</t>
  </si>
  <si>
    <t>超特選さしみ溜</t>
  </si>
  <si>
    <t>割烹さしみしょう油</t>
  </si>
  <si>
    <t>さしみしょうゆ超特撰</t>
  </si>
  <si>
    <t>おすしのしょうゆ</t>
  </si>
  <si>
    <t>ヒゲタさしみ醤油</t>
  </si>
  <si>
    <t>濃厚生引たまり瓶</t>
  </si>
  <si>
    <t>おちょぼ口おさしみ正油</t>
  </si>
  <si>
    <t>博多さしみ</t>
  </si>
  <si>
    <t>さしみ紫</t>
  </si>
  <si>
    <t>高嶺さしみしょうゆ</t>
  </si>
  <si>
    <t>ミニボトル霧島</t>
  </si>
  <si>
    <t>さしみ甘口ペット</t>
  </si>
  <si>
    <t>さしみ醤油甘口仕立て</t>
  </si>
  <si>
    <t>超特撰さしみ</t>
  </si>
  <si>
    <t>フォーム甘口醤油</t>
  </si>
  <si>
    <t>超特級さしみしょうゆ</t>
  </si>
  <si>
    <t>無添加たまりさしみ</t>
  </si>
  <si>
    <t>吟撰さしみたまり</t>
  </si>
  <si>
    <t>唐津くんち醤油再仕込みさしみ醤油</t>
  </si>
  <si>
    <t>高級さしみしょうゆ</t>
  </si>
  <si>
    <t>特醸さしみ醤油</t>
  </si>
  <si>
    <t>たまり醤油　</t>
  </si>
  <si>
    <t>ヤマイ醤油</t>
  </si>
  <si>
    <t>さしみ醤油超特選</t>
  </si>
  <si>
    <t>川中醤油さしみ醤油むらさき200ml</t>
  </si>
  <si>
    <t>寺岡家の有機さしみ醤油</t>
  </si>
  <si>
    <t>たまりしょうゆ</t>
  </si>
  <si>
    <t>雲丹ひしお</t>
  </si>
  <si>
    <t>小浜海産物</t>
  </si>
  <si>
    <t>ｺﾊﾏ</t>
  </si>
  <si>
    <t>芳醇さしみ醤油</t>
  </si>
  <si>
    <t>さしみ醤油　寿　大甘口</t>
  </si>
  <si>
    <t>釣り聖地化TV刺身醤油</t>
  </si>
  <si>
    <t>たまりさしみ醤油</t>
  </si>
  <si>
    <t>ヒシク名蔵専醤</t>
  </si>
  <si>
    <t>さしみしょうゆ黄金</t>
  </si>
  <si>
    <t>刺身しょうゆ</t>
  </si>
  <si>
    <t>調味料</t>
  </si>
  <si>
    <t>ふりかけ・茶漬</t>
  </si>
  <si>
    <t>ふりかけ</t>
  </si>
  <si>
    <t>ソフトふりかけ</t>
  </si>
  <si>
    <t>価格訴求~８０円</t>
  </si>
  <si>
    <t>ごはんとまらんらん明太子</t>
  </si>
  <si>
    <t>ふくや</t>
  </si>
  <si>
    <t>ごはんとまらんらん明太ちりめん</t>
  </si>
  <si>
    <t>高価格帯１７８円~</t>
  </si>
  <si>
    <t>京らー油ふりかけ</t>
  </si>
  <si>
    <t>丸や</t>
  </si>
  <si>
    <t>京のうま辛山椒ふりかけ</t>
  </si>
  <si>
    <t>京のおだしふりかけ山椒</t>
  </si>
  <si>
    <t>のどぐろ昆布</t>
  </si>
  <si>
    <t>うに昆布</t>
  </si>
  <si>
    <t>大森屋　男梅ふりかけ　ソフトタイプ　</t>
  </si>
  <si>
    <t>33G</t>
  </si>
  <si>
    <t>ﾏﾙｶ</t>
  </si>
  <si>
    <t>ごぼうおかか</t>
  </si>
  <si>
    <t>ソフトふりかけ　煮穴子</t>
  </si>
  <si>
    <t>ソフトふりかけ　牛肉しぐれ煮</t>
  </si>
  <si>
    <t>粋な贅沢　ソフトふりかけ　うにわかめ</t>
  </si>
  <si>
    <t>粋な贅沢ソフトふりかけ鯛ほぐし大袋</t>
  </si>
  <si>
    <t>40G</t>
  </si>
  <si>
    <t>粋な贅沢　ソフトふりかけ　うなぎ　大袋</t>
  </si>
  <si>
    <t>４０ｇ</t>
  </si>
  <si>
    <t>かつおとごまの浅炊き</t>
  </si>
  <si>
    <t>かつおとカリカリ梅の浅炊き</t>
  </si>
  <si>
    <t>かつおと昆布の浅炊き</t>
  </si>
  <si>
    <t>かつおと生姜の浅炊き</t>
  </si>
  <si>
    <t>ソフトふりかけいか昆布</t>
  </si>
  <si>
    <t>田中食品</t>
  </si>
  <si>
    <t>ﾀﾅｶｼｮｸﾋﾝ</t>
  </si>
  <si>
    <t>ソフトふりかけ梅ひじき</t>
  </si>
  <si>
    <t>ソフトふりかけわさび昆布</t>
  </si>
  <si>
    <t>ﾀﾅｶｼﾖｸﾋﾝ</t>
  </si>
  <si>
    <t>ソフトふりかけひじきちりめん</t>
  </si>
  <si>
    <t>ソフトふりかけ焼鮭</t>
  </si>
  <si>
    <t>ひじきごはん</t>
  </si>
  <si>
    <t>川本昆布食品</t>
  </si>
  <si>
    <t>ｶﾜﾓﾄ</t>
  </si>
  <si>
    <t>さば昆布</t>
  </si>
  <si>
    <t>澤田食品</t>
  </si>
  <si>
    <t>ｻﾜﾀﾞｼｮｸﾋﾝ</t>
  </si>
  <si>
    <t>神戸ビーフの旨味ステーキふりかけ</t>
  </si>
  <si>
    <t>いか昆布</t>
  </si>
  <si>
    <t>ｻﾜﾀﾞｼﾖｸﾋﾝ</t>
  </si>
  <si>
    <t>タコ昆布</t>
  </si>
  <si>
    <t>シャキット梅ちりめん</t>
  </si>
  <si>
    <t>ゴロっと北海ホタテの焦がし醤油ふりかけ</t>
  </si>
  <si>
    <t>ソフトふりかけしそわかめ</t>
  </si>
  <si>
    <t>ソフトふりかけしそわかめ鮭入り</t>
  </si>
  <si>
    <t>ソフトふりかけしそわかめ鮭とたらこ入り</t>
  </si>
  <si>
    <t>ソフトふりかけしそわかめ梅入り</t>
  </si>
  <si>
    <t>BIGソフトふりかけしそわかめ</t>
  </si>
  <si>
    <t>ｳﾉﾉﾔ</t>
  </si>
  <si>
    <t>BIGソフトふりかけしそわかめ鮭入り</t>
  </si>
  <si>
    <t>BIGソフトふりかけしそわかめ鮭とたらこ入り</t>
  </si>
  <si>
    <t>鮭入り芽ふり</t>
  </si>
  <si>
    <t>香り芽本舗</t>
  </si>
  <si>
    <t>ｶｵﾘﾒﾎﾝﾎﾟ</t>
  </si>
  <si>
    <t>梅入りわかめふりかけ</t>
  </si>
  <si>
    <t>しそわかめ</t>
  </si>
  <si>
    <t>さけ入りわかめふりかけ</t>
  </si>
  <si>
    <t>ちりめん入りわかめふりかけ</t>
  </si>
  <si>
    <t>めかぶ</t>
  </si>
  <si>
    <t>あおさといわしふりかけ</t>
  </si>
  <si>
    <t>ｶｸｻ</t>
  </si>
  <si>
    <t>潮の華するめふりかけ</t>
  </si>
  <si>
    <t>中価格帯１０９~１７７円</t>
  </si>
  <si>
    <t>生風味おべんとうたらこ</t>
  </si>
  <si>
    <t>生風味おべんとう明太子</t>
  </si>
  <si>
    <t>生風味おべんとうツナマヨネー</t>
  </si>
  <si>
    <t>生風味お弁当さけ</t>
  </si>
  <si>
    <t>3袋</t>
  </si>
  <si>
    <t>カリカリ梅しらす</t>
  </si>
  <si>
    <t>カリカリ梅しそわかめ</t>
  </si>
  <si>
    <t>カリカリ梅_たらこ昆布_４０ｇ</t>
  </si>
  <si>
    <t>カリカリ梅赤しそ</t>
  </si>
  <si>
    <t>カリカリ梅　お徳用</t>
  </si>
  <si>
    <t>ごぼうと牛そぼろ</t>
  </si>
  <si>
    <t>サクサクしょうゆ</t>
  </si>
  <si>
    <t>ごま入りしそひじき</t>
  </si>
  <si>
    <t>大忠食品</t>
  </si>
  <si>
    <t>ﾀﾞｲﾁｭｳ</t>
  </si>
  <si>
    <t>にんべん牛そぼろふりかけすき焼き風味</t>
  </si>
  <si>
    <t>おかかふりかけ胡麻</t>
  </si>
  <si>
    <t>おかかふりかけ昆布</t>
  </si>
  <si>
    <t>お茶碗一杯でしじみ７０個分のちからしじみソフトふりかけ</t>
  </si>
  <si>
    <t>133g</t>
  </si>
  <si>
    <t>期間限定のりたま＆ひよこチップ</t>
  </si>
  <si>
    <t>ソフトふりかけごぼうおかか</t>
  </si>
  <si>
    <t>ソフトふりかけ鮭めんたい</t>
  </si>
  <si>
    <t>ソフトふりかけすき焼き風</t>
  </si>
  <si>
    <t>ソフトふりかけ鶏ごぼう</t>
  </si>
  <si>
    <t>ソフトふりかけ黒豚甘辛醤油煮</t>
  </si>
  <si>
    <t>ソフトふりかけ味わかめかつおだし　大袋</t>
  </si>
  <si>
    <t>ソフトふりかけ味わかめしそ大袋</t>
  </si>
  <si>
    <t>ソフトふりかけ味わかめあごだし</t>
  </si>
  <si>
    <t>鰹節屋ふりかけかつお</t>
  </si>
  <si>
    <t>24g</t>
  </si>
  <si>
    <t>鰹節屋ふりかけかつお梅</t>
  </si>
  <si>
    <t>鰹節屋の贅沢なおかか山椒</t>
  </si>
  <si>
    <t>ヤマキ鰹節屋のちょっと贅沢なふりかけおかか　20ｇ</t>
  </si>
  <si>
    <t>コリコリ茎わかめ</t>
  </si>
  <si>
    <t>コリコリ茎わかめ　鮭</t>
  </si>
  <si>
    <t>コリコリ茎わかめ　梅かつお</t>
  </si>
  <si>
    <t>ごはんにかけて赤しそタイプ</t>
  </si>
  <si>
    <t>22ｇ</t>
  </si>
  <si>
    <t>ﾀﾅｶ</t>
  </si>
  <si>
    <t>万能おかずしょうが</t>
  </si>
  <si>
    <t>ｼｺｸｹﾝｼﾖｳ</t>
  </si>
  <si>
    <t>BIGソフトふりかけしそわかめ梅入り</t>
  </si>
  <si>
    <t>牛肉そぼろふりかけ</t>
  </si>
  <si>
    <t>井上商店</t>
  </si>
  <si>
    <t>ｲﾉｳｴｼｮｳﾃﾝ</t>
  </si>
  <si>
    <t>シソワカメ</t>
  </si>
  <si>
    <t>しそ入りひじきふりかけ</t>
  </si>
  <si>
    <t>鮭入りひじきふりかけ</t>
  </si>
  <si>
    <t>ちりめんわかめふりかけ</t>
  </si>
  <si>
    <t>カリカリワカメフリカケシソ</t>
  </si>
  <si>
    <t>低価格帯８１~１０８円</t>
  </si>
  <si>
    <t>生タイプふりかけしそわかめ</t>
  </si>
  <si>
    <t>ｳﾗｼﾏﾉﾘ</t>
  </si>
  <si>
    <t>生ふりかけしそわかめちりめ</t>
  </si>
  <si>
    <t>生ふりかけしそわかめ鮭入り</t>
  </si>
  <si>
    <t>生ふりかけしそわかめ辛子明</t>
  </si>
  <si>
    <t>瀬戸内産　ちりめん</t>
  </si>
  <si>
    <t>もう一杯おかわりおかか</t>
  </si>
  <si>
    <t>ソフトふりかけひじき_２８ｇ</t>
  </si>
  <si>
    <t>かつおおかかふりかけ</t>
  </si>
  <si>
    <t>ひじきふりかけ</t>
  </si>
  <si>
    <t>わかめバンザイほぐし鮭</t>
  </si>
  <si>
    <t>わかめバンザイカリカリ梅</t>
  </si>
  <si>
    <t>わかめバンザイ茎わかめ</t>
  </si>
  <si>
    <t>おとなのソフトふりかけさけ</t>
  </si>
  <si>
    <t>大人のソフトふり鶏そぼろ</t>
  </si>
  <si>
    <t>おとなのソフトふりかけたらこ</t>
  </si>
  <si>
    <t>おとなソフトふりかけちりめん山椒</t>
  </si>
  <si>
    <t>永谷園大人のソフトふりかけすきやき</t>
  </si>
  <si>
    <t>生姜部　きざみ生姜</t>
  </si>
  <si>
    <t>生姜部　きざみ生姜　鶏そぼろ入り</t>
  </si>
  <si>
    <t>ソフトふりかけゆかり</t>
  </si>
  <si>
    <t>三島食品</t>
  </si>
  <si>
    <t>ﾐｼﾏｼｮｸﾋﾝ</t>
  </si>
  <si>
    <t>ソフトふりかけおかか</t>
  </si>
  <si>
    <t>ソフトふりかけしそ</t>
  </si>
  <si>
    <t>ソフトふりかけさけ</t>
  </si>
  <si>
    <t>ソフトふりかけちりめん高菜</t>
  </si>
  <si>
    <t>ソフトふりかけ豚味噌そぼろ</t>
  </si>
  <si>
    <t>ソフトふりかけひじき鶏そぼろ</t>
  </si>
  <si>
    <t>ソフトふりかけ　大粒カリカリ梅としその実入ＮＰ</t>
  </si>
  <si>
    <t>ソフトふりかけ葉唐辛子こんぶ</t>
  </si>
  <si>
    <t>ソフトふりかけおかか昆布NP</t>
  </si>
  <si>
    <t>ソフトふりかけツナマヨ</t>
  </si>
  <si>
    <t>ソフトふりかけ牛＆たまごそぼろ</t>
  </si>
  <si>
    <t>ソフトふりかけ梅ちりめん</t>
  </si>
  <si>
    <t>ソフトチキンドライカレー</t>
  </si>
  <si>
    <t>ソフトふりかけラー油とりそぼろ</t>
  </si>
  <si>
    <t>ソフトふりかけ豚しょうが焼き味</t>
  </si>
  <si>
    <t>ソフトふり_生姜とまぐろ</t>
  </si>
  <si>
    <t>ソフトふりかけ　ビビンバ味　２８ｇ</t>
  </si>
  <si>
    <t>ソフトふりかけ明太子と３種の海藻</t>
  </si>
  <si>
    <t>ソフトふりかけ　チキンライス味</t>
  </si>
  <si>
    <t>ソフトふりかけほぐし貝柱山椒</t>
  </si>
  <si>
    <t>ソフトふりかけ炭火焼肉そぼろ</t>
  </si>
  <si>
    <t>ソフトふりかけチーズカレーそぼろ</t>
  </si>
  <si>
    <t>ソフトふりかけ牛そぼろごぼう</t>
  </si>
  <si>
    <t>ソフトふりかけ梅かつお</t>
  </si>
  <si>
    <t>ソフトふりかけ牛肉しぐれ煮</t>
  </si>
  <si>
    <t>ソフトふりかけさば炙り焼き風</t>
  </si>
  <si>
    <t>ソフトふりかけかつ丼味</t>
  </si>
  <si>
    <t>ソフトふりかけにんにくラー油</t>
  </si>
  <si>
    <t>ソフトふりかけ牛カレー</t>
  </si>
  <si>
    <t>ソフトふりかけさつまいも</t>
  </si>
  <si>
    <t>ソフトふりかけたらこ</t>
  </si>
  <si>
    <t>ソフトふりかけちりめん山椒</t>
  </si>
  <si>
    <t>ソフトふりかけ明太子</t>
  </si>
  <si>
    <t>ソフトふり鶏＆たまごそぼろ</t>
  </si>
  <si>
    <t>ソフトふりかけあさり佃煮風</t>
  </si>
  <si>
    <t>ソフトふりかけ牛そぼろ</t>
  </si>
  <si>
    <t>ソフトふりかけ　梅しそ</t>
  </si>
  <si>
    <t>田中食品旅行の友</t>
  </si>
  <si>
    <t>田中　ごはんにまぜてソフト豚キムチ味</t>
  </si>
  <si>
    <t>ソフトふりかけ　鶏そぼろ</t>
  </si>
  <si>
    <t>ソフトふりかけ　鮭そぼろ</t>
  </si>
  <si>
    <t>ソフトふりかけ　ひじきちりめん</t>
  </si>
  <si>
    <t>田中　ごはんにまぜてソフト焼き鳥</t>
  </si>
  <si>
    <t>ごはんに混ぜてソフトひじきちりめん</t>
  </si>
  <si>
    <t>ごはんにまぜてソフト鮭そぼろ</t>
  </si>
  <si>
    <t>田中　ごはんにまぜてソフトたらこ</t>
  </si>
  <si>
    <t>田中　ごはんにまぜてソフトぶり塩焼き味</t>
  </si>
  <si>
    <t>ごはんに混ぜてソフト梅しそ</t>
  </si>
  <si>
    <t>ひじきふりかけ　かつお</t>
  </si>
  <si>
    <t>しそわかめ　しそ風味</t>
  </si>
  <si>
    <t>しそわかめ　鮭入り</t>
  </si>
  <si>
    <t>しそわかめ　明太子入り</t>
  </si>
  <si>
    <t>しそわかめ　鯖入り</t>
  </si>
  <si>
    <t>しそ風味わかめミニ</t>
  </si>
  <si>
    <t>広伝</t>
  </si>
  <si>
    <t>ﾋﾛﾃﾞﾝ</t>
  </si>
  <si>
    <t>しそひじきミニ</t>
  </si>
  <si>
    <t>真富士屋　ふりかけ職人　国産鶏そぼろ</t>
  </si>
  <si>
    <t>真富士屋食品</t>
  </si>
  <si>
    <t>ﾏﾌｼﾞﾔ</t>
  </si>
  <si>
    <t>真富士屋　ふりかけ職人　国産豚そぼろ</t>
  </si>
  <si>
    <t>真富士屋　ふりかけ職人　厳選まぐろ</t>
  </si>
  <si>
    <t>台湾魚鬆（乾燥フレ-ク）</t>
  </si>
  <si>
    <t>ｱｼﾞｲﾁﾊﾞﾝ</t>
  </si>
  <si>
    <t>旨味ごぼうおかか</t>
  </si>
  <si>
    <t>たくあん風おかか</t>
  </si>
  <si>
    <t>わかめご飯の素鮭入り</t>
  </si>
  <si>
    <t>わかめご飯の素鰹入り</t>
  </si>
  <si>
    <t>そぼろふりかけ</t>
  </si>
  <si>
    <t>ふりかけ小袋</t>
  </si>
  <si>
    <t>のりかつお</t>
  </si>
  <si>
    <t>31g</t>
  </si>
  <si>
    <t>のりたま</t>
  </si>
  <si>
    <t>しそふりかけ</t>
  </si>
  <si>
    <t>御飯の友25g10個セット</t>
  </si>
  <si>
    <t>10個入セット</t>
  </si>
  <si>
    <t>のりごま塩ふりかけ</t>
  </si>
  <si>
    <t>かきふりかけ</t>
  </si>
  <si>
    <t>ごましお</t>
  </si>
  <si>
    <t>御飯の友</t>
  </si>
  <si>
    <t>ごま塩白</t>
  </si>
  <si>
    <t>ごま塩黒</t>
  </si>
  <si>
    <t>ごましおNP</t>
  </si>
  <si>
    <t>46g</t>
  </si>
  <si>
    <t>減塩ごましお</t>
  </si>
  <si>
    <t>旅行の友</t>
  </si>
  <si>
    <t>松阪牛ふりかけ</t>
  </si>
  <si>
    <t>味の明太ふりかけ赤いごま</t>
  </si>
  <si>
    <t>納豆ふりかけ</t>
  </si>
  <si>
    <t>タクセイ</t>
  </si>
  <si>
    <t>ﾀｸｾｲ</t>
  </si>
  <si>
    <t>若生昆布ふりかけ</t>
  </si>
  <si>
    <t>井口食品</t>
  </si>
  <si>
    <t>ｲﾉｸﾁｼｮｸﾋﾝ</t>
  </si>
  <si>
    <t>味のりふりかけ</t>
  </si>
  <si>
    <t>パリパリわかめ兄弟韓国ごま油風味</t>
  </si>
  <si>
    <t>パリパリわかめ兄弟梅ごましそ風味</t>
  </si>
  <si>
    <t>パリパリわかめ香ばしかつお醤油味</t>
  </si>
  <si>
    <t>大阪王将餃子ふりかけ</t>
  </si>
  <si>
    <t>塩さばふりかけ</t>
  </si>
  <si>
    <t>白子ガリゴリふりかけガーリック</t>
  </si>
  <si>
    <t>白子</t>
  </si>
  <si>
    <t>ｼﾗｺ</t>
  </si>
  <si>
    <t>カンジャンケジャン風ふりかけ</t>
  </si>
  <si>
    <t>ニコニコのり</t>
  </si>
  <si>
    <t>ﾆｺﾆｺﾉﾘ</t>
  </si>
  <si>
    <t>ロゼチキン風ふりかけ</t>
  </si>
  <si>
    <t>ふりかけの起点わさび</t>
  </si>
  <si>
    <t>ニチフリ食品</t>
  </si>
  <si>
    <t>ﾆﾁﾌﾘ</t>
  </si>
  <si>
    <t>梅わさびふりかけ</t>
  </si>
  <si>
    <t>減塩御飯の友</t>
  </si>
  <si>
    <t>44g</t>
  </si>
  <si>
    <t>味くらべ花ちりめん</t>
  </si>
  <si>
    <t>42g</t>
  </si>
  <si>
    <t>のり弁慶ふりかけ梅</t>
  </si>
  <si>
    <t>ﾊｺﾞﾛﾓﾌ-ｽﾞ</t>
  </si>
  <si>
    <t>韓国風のりふりかけ</t>
  </si>
  <si>
    <t>浜乙女</t>
  </si>
  <si>
    <t>ﾊﾏｵﾄﾒ</t>
  </si>
  <si>
    <t>たまごが大きいたまごふりかけ</t>
  </si>
  <si>
    <t>さるかに合戦</t>
  </si>
  <si>
    <t>やま磯</t>
  </si>
  <si>
    <t>ﾔﾏｲｿ</t>
  </si>
  <si>
    <t>えごま海苔ふりかけ</t>
  </si>
  <si>
    <t>阿蘇高菜ふりかけ</t>
  </si>
  <si>
    <t>大盛　納豆ふりかけ　</t>
  </si>
  <si>
    <t>ｵｵﾓﾘｼｮｸﾋﾝ</t>
  </si>
  <si>
    <t>らー油ふりかけ</t>
  </si>
  <si>
    <t>のりカケルくんしそかつお味</t>
  </si>
  <si>
    <t>小善本店</t>
  </si>
  <si>
    <t>ｺｾﾞﾝﾎﾝﾃﾝ</t>
  </si>
  <si>
    <t>のりカケルくんわさび味</t>
  </si>
  <si>
    <t>のりカケルくんごま油と塩味</t>
  </si>
  <si>
    <t>宮崎地頭鶏ふりかけ</t>
  </si>
  <si>
    <t>長崎皿うどんふりかけ</t>
  </si>
  <si>
    <t>大分柚子胡椒ふりかけ</t>
  </si>
  <si>
    <t>選んでe海苔めんたいふりかけ</t>
  </si>
  <si>
    <t>吉野家牛丼ふりかけ</t>
  </si>
  <si>
    <t>ウーケ</t>
  </si>
  <si>
    <t>ｳｰｹ</t>
  </si>
  <si>
    <t>ごま塩化学調味料無添加</t>
  </si>
  <si>
    <t>ヨコセロ</t>
  </si>
  <si>
    <t>ﾖｺﾛｾ</t>
  </si>
  <si>
    <t>牛角ふりかけのりごま香る旨塩味</t>
  </si>
  <si>
    <t>あご入りにんにく卵黄ふりかけ</t>
  </si>
  <si>
    <t>ヘイセイ</t>
  </si>
  <si>
    <t>ﾍｲｾｲ</t>
  </si>
  <si>
    <t>あご漁師のあご入り力ふりかけ</t>
  </si>
  <si>
    <t>スタミナ納豆ふりかけ</t>
  </si>
  <si>
    <t>袋入り黒ごましお</t>
  </si>
  <si>
    <t>カレーふりかけ甘口</t>
  </si>
  <si>
    <t>ｳﾗｼﾏ</t>
  </si>
  <si>
    <t>カレーふりかけ　中辛</t>
  </si>
  <si>
    <t>浦島海苔贅沢うにふりかけ</t>
  </si>
  <si>
    <t>浦島海苔</t>
  </si>
  <si>
    <t>味付のりふりかけ</t>
  </si>
  <si>
    <t>サクうまエビ</t>
  </si>
  <si>
    <t>30ｇ</t>
  </si>
  <si>
    <t>誘惑のふりかけ海老イカ</t>
  </si>
  <si>
    <t>まぜまぜふりかけ</t>
  </si>
  <si>
    <t>87g</t>
  </si>
  <si>
    <t>しそすりごま</t>
  </si>
  <si>
    <t>卵かけごはんふりかけだし醤油</t>
  </si>
  <si>
    <t>ｼﾗｺﾉﾘ</t>
  </si>
  <si>
    <t>卵かけごはんふりかけにんにく</t>
  </si>
  <si>
    <t>こんぶ屋のふりかけ</t>
  </si>
  <si>
    <t>37G</t>
  </si>
  <si>
    <t>ｾｶﾞﾜ</t>
  </si>
  <si>
    <t>ごろごまふりかけ　かつお</t>
  </si>
  <si>
    <t>ごろごまふりかけ　梅</t>
  </si>
  <si>
    <t>ふりかける熟成ジャバンのり</t>
  </si>
  <si>
    <t>アマニ粒入りふりかけ　かつお味　３０ｇ</t>
  </si>
  <si>
    <t>ニチフリ　ペヤング激辛やきそば味ふりかけ　２０ｇ</t>
  </si>
  <si>
    <t>20G</t>
  </si>
  <si>
    <t>ニチフリ　ミルキーふりかけ　やさい風味　２０ｇ</t>
  </si>
  <si>
    <t>金龍焼肉のたれ味ふりかけ</t>
  </si>
  <si>
    <t>ﾆﾁﾌﾘｼｮｸﾋﾝ</t>
  </si>
  <si>
    <t>ペヤング塩ガーリック焼そばふりかけ</t>
  </si>
  <si>
    <t>バター醤油ふりかけ</t>
  </si>
  <si>
    <t>岩下の新生姜味ふりかけ</t>
  </si>
  <si>
    <t>ほぐし鰹ふりかけ</t>
  </si>
  <si>
    <t>明太マヨ味ふりかけ</t>
  </si>
  <si>
    <t>地養卵使用たまごふりかけ</t>
  </si>
  <si>
    <t>小魚のｽｽﾒふりかけ</t>
  </si>
  <si>
    <t>永谷園　海藻のｽｽﾒふりかけ</t>
  </si>
  <si>
    <t>永谷園　七味ふりかけ　かつお七味</t>
  </si>
  <si>
    <t>永谷園　七味ふりかけ　鮭七味</t>
  </si>
  <si>
    <t>永谷園　七味ふりかけ　鶏七味</t>
  </si>
  <si>
    <t>ゆず胡椒ふりかけ</t>
  </si>
  <si>
    <t>山椒ふりかけ</t>
  </si>
  <si>
    <t>ぽん酢ふりかけ</t>
  </si>
  <si>
    <t>七味ふりかけ</t>
  </si>
  <si>
    <t>パリサク海鮮バター醤油味</t>
  </si>
  <si>
    <t>成吉思汗ふりかけ</t>
  </si>
  <si>
    <t>ｼｮｸﾄﾞｳﾗｸ(ﾌｸﾛ)</t>
  </si>
  <si>
    <t>28G</t>
  </si>
  <si>
    <t>ﾌﾀﾊﾞのりかつお30</t>
  </si>
  <si>
    <t>ﾌﾀﾊﾞごま塩(黒)40</t>
  </si>
  <si>
    <t>ゆずこしょうふりかけ</t>
  </si>
  <si>
    <t>ﾌﾚｯｼｭﾀﾗｺ</t>
  </si>
  <si>
    <t>のりたまごふりかけ</t>
  </si>
  <si>
    <t>のりごまふりかけ</t>
  </si>
  <si>
    <t>かつお味ふりかけ</t>
  </si>
  <si>
    <t>32ｇ</t>
  </si>
  <si>
    <t>豚骨味ふりかけ</t>
  </si>
  <si>
    <t>パパッとふりふり　かつお</t>
  </si>
  <si>
    <t>パパッとフリフリ　たまご</t>
  </si>
  <si>
    <t>パパッとふりふり　さけ</t>
  </si>
  <si>
    <t>トムヤムクン　ふりかけ</t>
  </si>
  <si>
    <t>ガパオ　ふりかけ　</t>
  </si>
  <si>
    <t>きつね　ふりかけ</t>
  </si>
  <si>
    <t>たぬき　ふりかけ</t>
  </si>
  <si>
    <t>パパッとふりかけクリームシチュー</t>
  </si>
  <si>
    <t>ﾊｺﾞﾛﾓﾌｰｽﾞ</t>
  </si>
  <si>
    <t>パパッとふりかけ　たまかつ</t>
  </si>
  <si>
    <t>麺ズふりかけ醤油らぁめん味</t>
  </si>
  <si>
    <t>麺ズふりかけ焼きそば味</t>
  </si>
  <si>
    <t>パパッとふりかけ　かつお</t>
  </si>
  <si>
    <t>パパッとふりかけコーンポタージュ</t>
  </si>
  <si>
    <t>のり弁慶ふりかけ</t>
  </si>
  <si>
    <t>天下無添のり弁慶ふりかけ</t>
  </si>
  <si>
    <t>ﾊｺﾞﾛﾓﾌｽﾞ</t>
  </si>
  <si>
    <t>のり弁慶ふりかけ昆布</t>
  </si>
  <si>
    <t>ゆかり五穀入り</t>
  </si>
  <si>
    <t>ゆかり青菜入り</t>
  </si>
  <si>
    <t>かおり</t>
  </si>
  <si>
    <t>のりたまNP</t>
  </si>
  <si>
    <t>すきやきNP</t>
  </si>
  <si>
    <t>たらこふりかけNP</t>
  </si>
  <si>
    <t>味道楽NP</t>
  </si>
  <si>
    <t>本かつおNP</t>
  </si>
  <si>
    <t>19g</t>
  </si>
  <si>
    <t>ピンクの梅ごましおNP</t>
  </si>
  <si>
    <t>ごま一粒一粒に味をつけたごましお</t>
  </si>
  <si>
    <t>たらこNP</t>
  </si>
  <si>
    <t>海苔わさびふりかけNP</t>
  </si>
  <si>
    <t>磯香のりふりかけNP</t>
  </si>
  <si>
    <t>旨味さけふりかけNP</t>
  </si>
  <si>
    <t>梅かつおふりかけ</t>
  </si>
  <si>
    <t>海苔しらすNP</t>
  </si>
  <si>
    <t>香味しそNP</t>
  </si>
  <si>
    <t>海苔明太ふりかけNP</t>
  </si>
  <si>
    <t>とりたまごふりかけNP</t>
  </si>
  <si>
    <t>たま道楽NP</t>
  </si>
  <si>
    <t>磯香のりふりかけ</t>
  </si>
  <si>
    <t>サクッと玉ねぎわかめ旨塩味</t>
  </si>
  <si>
    <t>しそしらすふりかけ</t>
  </si>
  <si>
    <t>牛わさびふりかけ</t>
  </si>
  <si>
    <t>乳酸菌ふりかけかつお野菜</t>
  </si>
  <si>
    <t>２７ｇ</t>
  </si>
  <si>
    <t>乳酸菌ふりかけしらす小魚</t>
  </si>
  <si>
    <t>ぺパたま</t>
  </si>
  <si>
    <t>てりマヨふりかけ</t>
  </si>
  <si>
    <t>海苔わさびふりかけ</t>
  </si>
  <si>
    <t>とりたまごふりかけ</t>
  </si>
  <si>
    <t>うめこんぶふりかけ</t>
  </si>
  <si>
    <t>田中　のりたまご</t>
  </si>
  <si>
    <t>野菜カレ－ふりかけ</t>
  </si>
  <si>
    <t>25ｇ</t>
  </si>
  <si>
    <t>たまごにかけるお醤油ふりかけ</t>
  </si>
  <si>
    <t>減塩　旅行の友</t>
  </si>
  <si>
    <t>御当地ふりかけわさび</t>
  </si>
  <si>
    <t>お好み焼き用ふりかけ</t>
  </si>
  <si>
    <t>タラタラしてんじゃねーよフリカケ</t>
  </si>
  <si>
    <t>味源</t>
  </si>
  <si>
    <t>ｱｼﾞｹﾞﾝ</t>
  </si>
  <si>
    <t>大阪王将　麻婆ふりかけ　</t>
  </si>
  <si>
    <t>２０G</t>
  </si>
  <si>
    <t>ｲｰﾄｱﾝﾄﾞ</t>
  </si>
  <si>
    <t>カリカリワカメフリカケ</t>
  </si>
  <si>
    <t>熊本玉名ラーメン風ふりかけ</t>
  </si>
  <si>
    <t>23ｇ</t>
  </si>
  <si>
    <t>スーパー大麦ふりかけ梅かつお</t>
  </si>
  <si>
    <t>タコライスふりかけ</t>
  </si>
  <si>
    <t>くまモンのふりかけうまか小魚</t>
  </si>
  <si>
    <t>くまモンのふりかけうまか野菜</t>
  </si>
  <si>
    <t>のりふりかけ</t>
  </si>
  <si>
    <t>ワカメふりかけ</t>
  </si>
  <si>
    <t>博多めんたいふりかけ</t>
  </si>
  <si>
    <t>37g</t>
  </si>
  <si>
    <t>有明のりふりかけ</t>
  </si>
  <si>
    <t>長崎いりこふりかけ</t>
  </si>
  <si>
    <t>熊本青菜ふりかけ</t>
  </si>
  <si>
    <t>鹿児島鰹ふりかけ</t>
  </si>
  <si>
    <t>梅しそふりかけ_大袋</t>
  </si>
  <si>
    <t>キムチふりかけ　大袋</t>
  </si>
  <si>
    <t>小魚ふりかけ_大袋</t>
  </si>
  <si>
    <t>野菜ふりかけ大袋</t>
  </si>
  <si>
    <t>たまごふりかけ</t>
  </si>
  <si>
    <t>梅しそふりかけ</t>
  </si>
  <si>
    <t>キムチふりかけ</t>
  </si>
  <si>
    <t>小魚ふりかけ</t>
  </si>
  <si>
    <t>野菜ふりかけ</t>
  </si>
  <si>
    <t>かつおふりかけ</t>
  </si>
  <si>
    <t>どこでもチキンライスふりかけ</t>
  </si>
  <si>
    <t>どこでもちらし寿司ふりかけ</t>
  </si>
  <si>
    <t>くまもん　かつおふりかけ</t>
  </si>
  <si>
    <t>くまもん　たまごふりかけ</t>
  </si>
  <si>
    <t>くまもん　小魚ふりかけ</t>
  </si>
  <si>
    <t>官兵衛くん明太子ふりかけ</t>
  </si>
  <si>
    <t>国産原料　鮭ふりかけ</t>
  </si>
  <si>
    <t>三角ふりかけ　のりかつお</t>
  </si>
  <si>
    <t>かつおみりんふりかけ</t>
  </si>
  <si>
    <t>三角健康野菜</t>
  </si>
  <si>
    <t>三角ふりかけ　のり玉子</t>
  </si>
  <si>
    <t>ふりかけ　小魚カルシウム</t>
  </si>
  <si>
    <t>かつおふりかけ　大袋</t>
  </si>
  <si>
    <t>たまごふりかけ　大袋</t>
  </si>
  <si>
    <t>ふりかけかつお袋　国産原料</t>
  </si>
  <si>
    <t>国産原料　小魚ふりかけ</t>
  </si>
  <si>
    <t>緑黄色野菜ふりかけ中袋</t>
  </si>
  <si>
    <t>小魚ふりかけ_中袋</t>
  </si>
  <si>
    <t>緑黄野菜ふりかけ中袋</t>
  </si>
  <si>
    <t>小魚ふりかけ中袋</t>
  </si>
  <si>
    <t>味噌ふりかけ</t>
  </si>
  <si>
    <t>21.5g</t>
  </si>
  <si>
    <t>ごま味噌ふりかけ</t>
  </si>
  <si>
    <t>ふりかけかつお</t>
  </si>
  <si>
    <t>ふりかけしゃけ</t>
  </si>
  <si>
    <t>ふりかけのりたまご</t>
  </si>
  <si>
    <t>大豆のおかげ　こうばし醤油味　袋３０ｇ</t>
  </si>
  <si>
    <t>３０食品ふりかけ</t>
  </si>
  <si>
    <t>野菜３０食品ふりかけ</t>
  </si>
  <si>
    <t>うなぎふりかけ蒲焼味</t>
  </si>
  <si>
    <t>チーズふりかけ</t>
  </si>
  <si>
    <t>マヨネーズ味ふりかけ</t>
  </si>
  <si>
    <t>チャーシュー丼風ふりかけ</t>
  </si>
  <si>
    <t>唐揚げ丼風ふりかけ</t>
  </si>
  <si>
    <t>ペヤングソースやきそば味ふりかけ</t>
  </si>
  <si>
    <t>ニチフリ　きゅうりのキューちゃん味ふりかけ　２０ｇ</t>
  </si>
  <si>
    <t>ご飯がススムキムチ味ふりかけ</t>
  </si>
  <si>
    <t>炒飯風ふりかけ創味シャンタン使用</t>
  </si>
  <si>
    <t>松屋牛めし味ふりかけ</t>
  </si>
  <si>
    <t>おにぎりせんべい味ふりかけ</t>
  </si>
  <si>
    <t>食品超濃厚バター醤油ふりかけ</t>
  </si>
  <si>
    <t>うなぎふりかけ</t>
  </si>
  <si>
    <t>焼肉ふりかけ</t>
  </si>
  <si>
    <t>スタミナ丼風ふりかけ</t>
  </si>
  <si>
    <t>松屋創業ビーフカレー味ふりかけ</t>
  </si>
  <si>
    <t>焼肉ふりかけ黄金の味中辛使用</t>
  </si>
  <si>
    <t>ノザキのコンビーフ味ふりかけ</t>
  </si>
  <si>
    <t>ホークスふりかけ　のりたまご</t>
  </si>
  <si>
    <t>ＳＢホークス　ごま塩ふりかけ</t>
  </si>
  <si>
    <t>ホークスふりかけ　めんたいこ</t>
  </si>
  <si>
    <t>ホークスふりかけ　野菜</t>
  </si>
  <si>
    <t>そばめしふりかけソース</t>
  </si>
  <si>
    <t>そばめしふりかけカレー</t>
  </si>
  <si>
    <t>減塩ごま塩</t>
  </si>
  <si>
    <t>松茸の味ふりかけ</t>
  </si>
  <si>
    <t>胡麻のｽｽﾒふりかけ</t>
  </si>
  <si>
    <t>永谷園　のりしおふりかけ</t>
  </si>
  <si>
    <t>しょうがふりかけ　２５ｇ</t>
  </si>
  <si>
    <t>スマイルふりかけたまごやさい</t>
  </si>
  <si>
    <t>スマイルふりかけのりごま</t>
  </si>
  <si>
    <t>スマイルふりかけかつお</t>
  </si>
  <si>
    <t>味くらべ花ちりめん　</t>
  </si>
  <si>
    <t>わさびふりかけ</t>
  </si>
  <si>
    <t>しらすふりかけ</t>
  </si>
  <si>
    <t>パパッとふりふり七味唐辛子</t>
  </si>
  <si>
    <t>パパッとふりふり辛子明太</t>
  </si>
  <si>
    <t>パパッとふりかけしそ</t>
  </si>
  <si>
    <t>パパッとふりかけさけ</t>
  </si>
  <si>
    <t>パパッとふりかけ辛子明太</t>
  </si>
  <si>
    <t>パパッとふりかけ四川麻婆</t>
  </si>
  <si>
    <t>マルアイ</t>
  </si>
  <si>
    <t>ﾏﾙｱｲ</t>
  </si>
  <si>
    <t>うめこ</t>
  </si>
  <si>
    <t>減塩ゆかり</t>
  </si>
  <si>
    <t>かつお</t>
  </si>
  <si>
    <t>ゆかり</t>
  </si>
  <si>
    <t>ゆかり梅入り</t>
  </si>
  <si>
    <t>13g</t>
  </si>
  <si>
    <t>しげき</t>
  </si>
  <si>
    <t>ﾐｼﾏｼﾖｸﾋﾝ</t>
  </si>
  <si>
    <t>瀬戸風味</t>
  </si>
  <si>
    <t>のり香味</t>
  </si>
  <si>
    <t>かつおみりん</t>
  </si>
  <si>
    <t>CoCo壱番屋カレーふりかけ</t>
  </si>
  <si>
    <t>のり弁の秘密かつおふりかけ</t>
  </si>
  <si>
    <t>のり弁の秘密かつおふりかけマヨネーズ風味</t>
  </si>
  <si>
    <t>のり弁の秘密かつおふりかけわさび</t>
  </si>
  <si>
    <t>ゆかりしょうが入り</t>
  </si>
  <si>
    <t>五穀ごましお</t>
  </si>
  <si>
    <t>のりたまニューパック</t>
  </si>
  <si>
    <t>すきやきニューパック</t>
  </si>
  <si>
    <t>43g</t>
  </si>
  <si>
    <t>たらこニューパック</t>
  </si>
  <si>
    <t>味道楽</t>
  </si>
  <si>
    <t>丸美屋　ごましお</t>
  </si>
  <si>
    <t>本かつおふりかけＮパック</t>
  </si>
  <si>
    <t>しその香</t>
  </si>
  <si>
    <t>期間限定チップ入りのりたま</t>
  </si>
  <si>
    <t>減塩ごましおNP</t>
  </si>
  <si>
    <t>しその香_じゃこ入り_ニューパック</t>
  </si>
  <si>
    <t>しその香枝豆入りＮＰ</t>
  </si>
  <si>
    <t>２４ｇ</t>
  </si>
  <si>
    <t>お花のしその香</t>
  </si>
  <si>
    <t>しその香粗刻み</t>
  </si>
  <si>
    <t>焼肉ふりかけ炭焼き風</t>
  </si>
  <si>
    <t>丸美屋　スパイシーカレーふりかけ　ＮＰ</t>
  </si>
  <si>
    <t>丸美屋　チズハムふりかけ　ＮＰ</t>
  </si>
  <si>
    <t>磯香のりふりかけ_袋</t>
  </si>
  <si>
    <t>旨味さけふりかけ</t>
  </si>
  <si>
    <t>旨みさけふりかけ</t>
  </si>
  <si>
    <t>はらぺこふりかけえび天</t>
  </si>
  <si>
    <t>はらぺこふりかけ串カツ</t>
  </si>
  <si>
    <t>はらぺこふりかけお好み焼き味</t>
  </si>
  <si>
    <t>たまごかけ用味わいおかか</t>
  </si>
  <si>
    <t>たまごかけ用香味のり</t>
  </si>
  <si>
    <t>ゆかりごはんしその香</t>
  </si>
  <si>
    <t>しその香カリカリ梅入り</t>
  </si>
  <si>
    <t>さけふり</t>
  </si>
  <si>
    <t>雑穀ふりかけ野菜入り</t>
  </si>
  <si>
    <t>自由軒　カレーふりかけ</t>
  </si>
  <si>
    <t>赤から鍋風味ふりかけ</t>
  </si>
  <si>
    <t>のり玉子ふりかけ</t>
  </si>
  <si>
    <t>おかかふりかけ</t>
  </si>
  <si>
    <t>のりたまご_30g</t>
  </si>
  <si>
    <t>赤しそ梅入り</t>
  </si>
  <si>
    <t>青しそ</t>
  </si>
  <si>
    <t>低塩タイプしそふりかけ</t>
  </si>
  <si>
    <t>からし明太</t>
  </si>
  <si>
    <t>素材そのまま　赤しそ</t>
  </si>
  <si>
    <t>田中食品鰹みりん焼</t>
  </si>
  <si>
    <t>田中食品磯一番</t>
  </si>
  <si>
    <t>赤しそ</t>
  </si>
  <si>
    <t>減塩赤しそ</t>
  </si>
  <si>
    <t>田中　ピリ辛　生姜ふりかけ</t>
  </si>
  <si>
    <t>田中食品うめしそ</t>
  </si>
  <si>
    <t>田中食品えびふりかけ</t>
  </si>
  <si>
    <t>無添加ふりかけ小魚</t>
  </si>
  <si>
    <t>無添加ふりかけ鰹</t>
  </si>
  <si>
    <t>田中　無添加ふりかけたまご</t>
  </si>
  <si>
    <t>田中　無添加ふりかけ梅かつお</t>
  </si>
  <si>
    <t>ゴマでいきいきかつお</t>
  </si>
  <si>
    <t>ゴマでいきいきさけ</t>
  </si>
  <si>
    <t>ゴマでいきいき　やさい</t>
  </si>
  <si>
    <t>ゴマでいきいきわさびふりかけ</t>
  </si>
  <si>
    <t>３０g</t>
  </si>
  <si>
    <t>北海道海鮮ふりかけ</t>
  </si>
  <si>
    <t>北海大和</t>
  </si>
  <si>
    <t>ﾎｯｶｲﾔﾏﾄ</t>
  </si>
  <si>
    <t>北海道野菜ふりかけ</t>
  </si>
  <si>
    <t>富士宮ソースやきそばふりかけ</t>
  </si>
  <si>
    <t>ﾄｰﾉｰ</t>
  </si>
  <si>
    <t>しょうが焼きふりかけ</t>
  </si>
  <si>
    <t>ふりかけ　かつお</t>
  </si>
  <si>
    <t>ふりかけ　さけ</t>
  </si>
  <si>
    <t>ふりかけ　たまご</t>
  </si>
  <si>
    <t>ふりかけ　小魚</t>
  </si>
  <si>
    <t>ふりかけ　からしめんたい</t>
  </si>
  <si>
    <t>ふりかけ　しそ</t>
  </si>
  <si>
    <t>ふりかけ香味さけ</t>
  </si>
  <si>
    <t>ふりかけ香味かつお</t>
  </si>
  <si>
    <t>ふりかけ14種の野菜</t>
  </si>
  <si>
    <t>ふりかけたまごとのり</t>
  </si>
  <si>
    <t>カレーふりかけ</t>
  </si>
  <si>
    <t>シーラックバリ勝男クングイッとひといき編17g</t>
  </si>
  <si>
    <t>17G</t>
  </si>
  <si>
    <t>シーラック</t>
  </si>
  <si>
    <t>ｼｰﾗｯｸ</t>
  </si>
  <si>
    <t>ふりかけ大袋</t>
  </si>
  <si>
    <t>ゴマでいきいきカルシウムふりかけかつお</t>
  </si>
  <si>
    <t>タナカ食品</t>
  </si>
  <si>
    <t>ごまでいきいきカルシウムふりかけたまご</t>
  </si>
  <si>
    <t>ごまでいきいきカルシウムふりかけさけ</t>
  </si>
  <si>
    <t>ごまでいきいきカルシウムふりかけわさび</t>
  </si>
  <si>
    <t>明太納豆ふりかけねばぴりり</t>
  </si>
  <si>
    <t>のりたま　大袋_3個ｾｯﾄ</t>
  </si>
  <si>
    <t>58g*3</t>
  </si>
  <si>
    <t>すきやき　大袋_3個ｾｯﾄ</t>
  </si>
  <si>
    <t>84g*3</t>
  </si>
  <si>
    <t>ごはん海苔ふりかけかつお味</t>
  </si>
  <si>
    <t>もったいないわかめとごまふりかけ</t>
  </si>
  <si>
    <t>クロスオン</t>
  </si>
  <si>
    <t>ｱｽﾃﾞｨﾗｲﾄ</t>
  </si>
  <si>
    <t>もったいないふりかけわかめとごま明太子風味</t>
  </si>
  <si>
    <t>もったいないふりかけわかめとごまわさび風味</t>
  </si>
  <si>
    <t>バリッザクッ海苔わかめ</t>
  </si>
  <si>
    <t>赤野菜ふりかけ</t>
  </si>
  <si>
    <t>牛丼ふりかけ</t>
  </si>
  <si>
    <t>至極の海苔ふりかけ袋</t>
  </si>
  <si>
    <t>十穀かつをふりかけ</t>
  </si>
  <si>
    <t>チーズたまふりかけ</t>
  </si>
  <si>
    <t>緑黄野菜ふりかけ</t>
  </si>
  <si>
    <t>鮭と海藻ふりかけ</t>
  </si>
  <si>
    <t>旨辛とうがらしふりかけ</t>
  </si>
  <si>
    <t>かね七　のりかつお　４０ｇ</t>
  </si>
  <si>
    <t>ｶﾒﾔ_わさびふりかけ袋</t>
  </si>
  <si>
    <t>カメヤ食品</t>
  </si>
  <si>
    <t>ｶﾒﾔ</t>
  </si>
  <si>
    <t>大袋ふりかけごま塩</t>
  </si>
  <si>
    <t>大袋ふりかけのりたまご</t>
  </si>
  <si>
    <t>永谷園減塩ふりかけ5種の野菜</t>
  </si>
  <si>
    <t>丼ふりかけ牛丼</t>
  </si>
  <si>
    <t>丼ふりかけ天丼</t>
  </si>
  <si>
    <t>丼ふりかけかつ丼</t>
  </si>
  <si>
    <t>超ふりかけ焼肉</t>
  </si>
  <si>
    <t>超ふりかけ鶏そぼろ</t>
  </si>
  <si>
    <t>超ふりかけカレー</t>
  </si>
  <si>
    <t>永谷園超ふりかけ餃子</t>
  </si>
  <si>
    <t>超ふりかけ　カレー</t>
  </si>
  <si>
    <t>超ふりかけ　焼鮭</t>
  </si>
  <si>
    <t>超ふりかけ　明太子</t>
  </si>
  <si>
    <t>超ふりかけ_鶏そぼろ_袋</t>
  </si>
  <si>
    <t>超ふりかけ　うなぎ</t>
  </si>
  <si>
    <t>毎日パクパクたんぱく質ふりかけ大豆ナッツ</t>
  </si>
  <si>
    <t>毎日パクパクたんぱく質ふりかけおかか納豆</t>
  </si>
  <si>
    <t>パリサク黒コショー</t>
  </si>
  <si>
    <t>パリサクおかかチーズ</t>
  </si>
  <si>
    <t>御飯の友大袋</t>
  </si>
  <si>
    <t>御飯の友（大袋）</t>
  </si>
  <si>
    <t>きざみ塩こんぶ梅しそ</t>
  </si>
  <si>
    <t>フジッコ</t>
  </si>
  <si>
    <t>ﾌｼﾞｯｺ</t>
  </si>
  <si>
    <t>きざみ塩こんぶごま入り袋</t>
  </si>
  <si>
    <t>かつお大袋</t>
  </si>
  <si>
    <t>ゆかり徳用袋</t>
  </si>
  <si>
    <t>ゆかり梅入り大袋</t>
  </si>
  <si>
    <t>ゆかり大袋</t>
  </si>
  <si>
    <t>海苔香味</t>
  </si>
  <si>
    <t>ユカリダイ</t>
  </si>
  <si>
    <t>ゆかり業務用</t>
  </si>
  <si>
    <t>62g</t>
  </si>
  <si>
    <t>すきやき</t>
  </si>
  <si>
    <t>たらこ</t>
  </si>
  <si>
    <t>本かつお</t>
  </si>
  <si>
    <t>のりたま大袋</t>
  </si>
  <si>
    <t>すきやき大袋</t>
  </si>
  <si>
    <t>たらこ大袋</t>
  </si>
  <si>
    <t>味道楽大</t>
  </si>
  <si>
    <t>本かつお大袋</t>
  </si>
  <si>
    <t>52g</t>
  </si>
  <si>
    <t>味道楽大袋</t>
  </si>
  <si>
    <t>海苔わさびふりかけ大袋</t>
  </si>
  <si>
    <t>磯香のりふりかけ大袋</t>
  </si>
  <si>
    <t>旨味さけふりかけ大袋</t>
  </si>
  <si>
    <t>梅かつおふりかけ大袋</t>
  </si>
  <si>
    <t>海苔しらすふりかけ大袋</t>
  </si>
  <si>
    <t>香味しそふりかけ大袋</t>
  </si>
  <si>
    <t>海苔明太ふりかけ大袋</t>
  </si>
  <si>
    <t>焼肉ふりかけ大袋</t>
  </si>
  <si>
    <t>たま道楽</t>
  </si>
  <si>
    <t>鮭めんたいふりかけ</t>
  </si>
  <si>
    <t>磯香のり　大袋</t>
  </si>
  <si>
    <t>ごま油味わかめふりかけ</t>
  </si>
  <si>
    <t>ごま油味わかめふりかけ玉ねぎ入</t>
  </si>
  <si>
    <t>こだわり食感　野菜ふりかけ</t>
  </si>
  <si>
    <t>こだわり食感　海苔かつおふりかけ</t>
  </si>
  <si>
    <t>こだわり食感　海老ひじきふりかけ</t>
  </si>
  <si>
    <t>ペパたま大袋</t>
  </si>
  <si>
    <t>てりマヨふりかけ大袋</t>
  </si>
  <si>
    <t>とりたまごふりかけ大袋</t>
  </si>
  <si>
    <t>韓国海苔風ふりかけ旨塩味大袋</t>
  </si>
  <si>
    <t>韓国海苔風ふりかけキンパ風プルコギ味大袋</t>
  </si>
  <si>
    <t>韓国海苔風ふり旨辛ニンニク大袋</t>
  </si>
  <si>
    <t>徳用ふりかけ　さけ</t>
  </si>
  <si>
    <t>徳用ふりかけ_野菜</t>
  </si>
  <si>
    <t>無添加ふりかけ　鰹</t>
  </si>
  <si>
    <t>無添加ふりかけひじき</t>
  </si>
  <si>
    <t>徳用ふりかけさけ</t>
  </si>
  <si>
    <t>徳用ふりかけ野菜</t>
  </si>
  <si>
    <t>無添加ふりかけ金ごま鰹のり入り</t>
  </si>
  <si>
    <t>徳用ふりかけいわし</t>
  </si>
  <si>
    <t>浜乙女徳用ふりかけ野菜</t>
  </si>
  <si>
    <t>なっとうふりかけ</t>
  </si>
  <si>
    <t>えびふりかけ</t>
  </si>
  <si>
    <t>ﾂｳﾎｳ</t>
  </si>
  <si>
    <t>梅ふりかけ</t>
  </si>
  <si>
    <t>通宝海苔　野菜ふりかけ　３５ｇ</t>
  </si>
  <si>
    <t>通宝海苔天草産いわしふりかけ40g</t>
  </si>
  <si>
    <t>まごわやさしいふりかけ</t>
  </si>
  <si>
    <t>通宝納豆ふりかけ+ベジタブル35g</t>
  </si>
  <si>
    <t>35G</t>
  </si>
  <si>
    <t>からし蓮根風ふりかけ</t>
  </si>
  <si>
    <t>通宝明太子納豆ふりかけ35g</t>
  </si>
  <si>
    <t>海苔好きのための海苔ふりかけ</t>
  </si>
  <si>
    <t>モロヘイヤふりかけ</t>
  </si>
  <si>
    <t>香り極めたみそラーメン味ふりかけ</t>
  </si>
  <si>
    <t>香り極めたごまにんにく味ふりかけ</t>
  </si>
  <si>
    <t>香り極めた__濃厚チーズ味ふりかけ</t>
  </si>
  <si>
    <t>旅行の友　徳用</t>
  </si>
  <si>
    <t>旅行の友　大袋</t>
  </si>
  <si>
    <t>旅行の友大袋</t>
  </si>
  <si>
    <t>無添加ふりかけ　たまご</t>
  </si>
  <si>
    <t>無添加ふりかけ海苔</t>
  </si>
  <si>
    <t>野菜ふりかけだし入</t>
  </si>
  <si>
    <t>ごまひじきふりかけだし入</t>
  </si>
  <si>
    <t>わさびふりかけだし入</t>
  </si>
  <si>
    <t>うなぎ蒲焼ふりかけ</t>
  </si>
  <si>
    <t>小善本店のりカケルくん青のり味</t>
  </si>
  <si>
    <t>小善本店のりカケルくんこんがり醤油味</t>
  </si>
  <si>
    <t>カクサぶっかけご飯の友かつおとのり</t>
  </si>
  <si>
    <t>カクサ</t>
  </si>
  <si>
    <t>カクサぶっかけご飯の友いわしとのり</t>
  </si>
  <si>
    <t>徳山物産　韓国ふりかけのり　４５ｇ</t>
  </si>
  <si>
    <t>45G</t>
  </si>
  <si>
    <t>徳山物産</t>
  </si>
  <si>
    <t>本かつおふりかけ</t>
  </si>
  <si>
    <t>さけふりかけ</t>
  </si>
  <si>
    <t>辛子明太子ふりかけ</t>
  </si>
  <si>
    <t>のりわさびふりかけ</t>
  </si>
  <si>
    <t>漁師めしの素</t>
  </si>
  <si>
    <t>ザクッとラー油ふりかけ</t>
  </si>
  <si>
    <t>かねふく明太子ふりかけ</t>
  </si>
  <si>
    <t>男梅ふりかけ</t>
  </si>
  <si>
    <t>あおさふりかけ</t>
  </si>
  <si>
    <t>誘惑のふりかけ牛ブタ</t>
  </si>
  <si>
    <t>リョクオウショクヤサイフリカ</t>
  </si>
  <si>
    <t>しらす野沢菜の味</t>
  </si>
  <si>
    <t>小倉食品</t>
  </si>
  <si>
    <t>ｵｸﾞﾗｼｮｸﾋﾝ</t>
  </si>
  <si>
    <t>ふりかけごま　あおさ味</t>
  </si>
  <si>
    <t>ふりかけごま　うに味</t>
  </si>
  <si>
    <t>Ａ-ＬＡＢＥＬふりかけ　鮭</t>
  </si>
  <si>
    <t>A-Labelふりかけおかか</t>
  </si>
  <si>
    <t>こどものふりかけ　たまご</t>
  </si>
  <si>
    <t>こどものふりかけ　やさい</t>
  </si>
  <si>
    <t>焼はまぐりの味ふりかけ</t>
  </si>
  <si>
    <t>ﾌﾀﾊﾞのりごま30</t>
  </si>
  <si>
    <t>パッカー　のり風味</t>
  </si>
  <si>
    <t>パッカー　かつお味</t>
  </si>
  <si>
    <t>パッカー_かつおみりん</t>
  </si>
  <si>
    <t>パッカーたまご味</t>
  </si>
  <si>
    <t>パッカー　さけたらこ</t>
  </si>
  <si>
    <t>とうがらしふりかけ</t>
  </si>
  <si>
    <t>フレッシュのりかつお</t>
  </si>
  <si>
    <t>フレッシュのりたまご</t>
  </si>
  <si>
    <t>フレッシュのりごま</t>
  </si>
  <si>
    <t>フレッシュしそごま</t>
  </si>
  <si>
    <t>ﾌﾚｼｭのりたま</t>
  </si>
  <si>
    <t>パパッとふりかけわさび</t>
  </si>
  <si>
    <t>サクッとわかめごま油しょうゆ</t>
  </si>
  <si>
    <t>海苔しらすふりかけ</t>
  </si>
  <si>
    <t>徳用ふりかけ　いわし</t>
  </si>
  <si>
    <t>徳用ふりかけわさび</t>
  </si>
  <si>
    <t>ふりかけるザクザクわかめ韓国風ごま油風味</t>
  </si>
  <si>
    <t>ふりかけるザクザクわかめ食べるラー油味</t>
  </si>
  <si>
    <t>ふりかけるザクザクわかめ生姜香るねぎ塩味</t>
  </si>
  <si>
    <t>フリカケカツオ</t>
  </si>
  <si>
    <t>フリカケタマゴ</t>
  </si>
  <si>
    <t>フリカケサケ</t>
  </si>
  <si>
    <t>カルシウムかつお</t>
  </si>
  <si>
    <t>45ｇ</t>
  </si>
  <si>
    <t>ｶﾘｼｳﾑふりかけﾀﾏｺﾞ</t>
  </si>
  <si>
    <t>ｶﾙｼｳﾑふりかけｻｹ</t>
  </si>
  <si>
    <t>ｶﾙｼｳﾑふりかけ野菜</t>
  </si>
  <si>
    <t>カルシウムふりかけ</t>
  </si>
  <si>
    <t>食べるラ－油ふりかけ</t>
  </si>
  <si>
    <t>ごましお梅入り</t>
  </si>
  <si>
    <t>たまごかけごはんの素</t>
  </si>
  <si>
    <t>花かつおふりかけ袋</t>
  </si>
  <si>
    <t>38ｇ</t>
  </si>
  <si>
    <t>丸美屋フーズ</t>
  </si>
  <si>
    <t>ﾏﾙﾐﾔﾌ-ｽﾞ</t>
  </si>
  <si>
    <t>贅沢焼えびふりかけ</t>
  </si>
  <si>
    <t>スーパー大麦ふりかけひじき味</t>
  </si>
  <si>
    <t>真誠　ごまもりもり２１種の野菜入のりたまご　２８ｇ</t>
  </si>
  <si>
    <t>真誠　ごまもりもり２１種の野菜入のりかつお　２８ｇ</t>
  </si>
  <si>
    <t>カラムーチョホットチリ味ふりかけ</t>
  </si>
  <si>
    <t>すっぱむーちょ_梅ふりかけ</t>
  </si>
  <si>
    <t>スコーン和風ＢＢＱ味ふりかけ</t>
  </si>
  <si>
    <t>ぺヤングソースやきそば味ふりかけ</t>
  </si>
  <si>
    <t>わさムーチョ旨わさび味ふりかけ</t>
  </si>
  <si>
    <t>ニチフリ　きゅうりのキューちゃん味ふりかけ　２５ｇ</t>
  </si>
  <si>
    <t>ﾆﾁﾌﾁ</t>
  </si>
  <si>
    <t>ニチフリ　ご飯がススムキムチ味ふりかけ　２５ｇ</t>
  </si>
  <si>
    <t>ポテトチップスのり塩味ふりかけ</t>
  </si>
  <si>
    <t>しそしらすふりかけ大袋</t>
  </si>
  <si>
    <t>あつ！おいしい！たまご</t>
  </si>
  <si>
    <t>28ｇ</t>
  </si>
  <si>
    <t>大袋カルシュウムふりかけ　かつお</t>
  </si>
  <si>
    <t>大袋カルシュウムふりかけ　たまご</t>
  </si>
  <si>
    <t>大袋カルシュウムふりかけ　さけ</t>
  </si>
  <si>
    <t>大袋カルシュウムふりかけ　やさい</t>
  </si>
  <si>
    <t>57g</t>
  </si>
  <si>
    <t>ミニパックキャラクター</t>
  </si>
  <si>
    <t>田中　ハローキティおさかなふりかけ</t>
  </si>
  <si>
    <t>8P</t>
  </si>
  <si>
    <t>ミニモニふりかけミニ</t>
  </si>
  <si>
    <t>20p</t>
  </si>
  <si>
    <t>ワールドワン</t>
  </si>
  <si>
    <t>ﾜｰﾙﾄﾞﾜﾝ</t>
  </si>
  <si>
    <t>きかんしゃトーマスふりかけ</t>
  </si>
  <si>
    <t>32袋入</t>
  </si>
  <si>
    <t>天装戦隊_ゴセイジャー</t>
  </si>
  <si>
    <t>20入り</t>
  </si>
  <si>
    <t>ドラえもんふりかけ</t>
  </si>
  <si>
    <t>2.2g×20P</t>
  </si>
  <si>
    <t>ドラえもんふりかけお得な32袋</t>
  </si>
  <si>
    <t>70.4g</t>
  </si>
  <si>
    <t>ﾆﾁﾌﾘ_特命戦隊ｺﾞｰﾊﾞｽﾀｰｽﾞ_ふりかけ20袋</t>
  </si>
  <si>
    <t>20袋</t>
  </si>
  <si>
    <t>獣電キョウリュウジャーふりか</t>
  </si>
  <si>
    <t>ニチフリ　烈車戦隊トッキュウジャー</t>
  </si>
  <si>
    <t>2.2g×20</t>
  </si>
  <si>
    <t>ニンニンジャーふりかけ</t>
  </si>
  <si>
    <t>動物戦隊ジュウオウジャーふりかけ</t>
  </si>
  <si>
    <t>宇宙戦隊キュウレンジャーふりかけ20P</t>
  </si>
  <si>
    <t>ルパンレンジャーＶＳパトレンジャーふりかけ20Ｐ</t>
  </si>
  <si>
    <t>リュウソウジャーふりかけ20P</t>
  </si>
  <si>
    <t>魔進戦隊キラメイジャーフリカケ20P</t>
  </si>
  <si>
    <t>20袋入</t>
  </si>
  <si>
    <t>箱入りきかんしゃトーマスふりかけ28P</t>
  </si>
  <si>
    <t>28袋入</t>
  </si>
  <si>
    <t>機界戦隊ゼンカイジャーふりかけ</t>
  </si>
  <si>
    <t>おさるのジョージふりかけ</t>
  </si>
  <si>
    <t>暴太郎戦隊ドンブラーズふりかけ</t>
  </si>
  <si>
    <t>王様戦隊キングオージャーふりかけ</t>
  </si>
  <si>
    <t>20ﾌｸﾛ</t>
  </si>
  <si>
    <t>ウルトラマンマックスふりかけ</t>
  </si>
  <si>
    <t>ディズニーミニパックふりかけ</t>
  </si>
  <si>
    <t>リラックマふりかけ</t>
  </si>
  <si>
    <t>永谷園お弁当パズル</t>
  </si>
  <si>
    <t>ディズニープリンセスふりかけ</t>
  </si>
  <si>
    <t>アンパンマンふりかけミニ</t>
  </si>
  <si>
    <t>妖怪ウォッチふりかけ</t>
  </si>
  <si>
    <t>名探偵コナンふりかけ</t>
  </si>
  <si>
    <t>チコちゃんに叱られるふりかけ</t>
  </si>
  <si>
    <t>学研の図鑑LIVE恐竜ふりかけ</t>
  </si>
  <si>
    <t>46.4g</t>
  </si>
  <si>
    <t>クレヨンしんちゃんふりかけミニ</t>
  </si>
  <si>
    <t>とっとこハム太郎ふりかけ</t>
  </si>
  <si>
    <t>仮面ライダふりかけミニパック</t>
  </si>
  <si>
    <t>仮面ライダーふりかけミニ</t>
  </si>
  <si>
    <t>仮面ライダーふりかけミニＰ_Ｗ</t>
  </si>
  <si>
    <t>仮面ライダーオーズミニ</t>
  </si>
  <si>
    <t>仮面ライダーふりかけミニパックフォーゼ</t>
  </si>
  <si>
    <t>丸美屋　仮面Ｒウィザードふりかけミニ</t>
  </si>
  <si>
    <t>仮面ライダーガイムふりかけ　ミニパック</t>
  </si>
  <si>
    <t>仮面ライダードライブふりかけミニパック</t>
  </si>
  <si>
    <t>仮面ライダーゴーストふりミニパック</t>
  </si>
  <si>
    <t>仮面Ｒエグゼイドふりかけミニパック</t>
  </si>
  <si>
    <t>仮面ライダービルドふりかけミニＰ</t>
  </si>
  <si>
    <t>仮面ライダージオウふりかけミニパック</t>
  </si>
  <si>
    <t>仮面ライダーゼロワンふりかけミニパック</t>
  </si>
  <si>
    <t>仮面ライダーセイバーふりかけミニパック</t>
  </si>
  <si>
    <t>仮面ライダーリバイスふりかけミニパック</t>
  </si>
  <si>
    <t>ぜんまいざむらいミニパック</t>
  </si>
  <si>
    <t>はなかっぱふりかけミニパック</t>
  </si>
  <si>
    <t>しまじろうふりかけミニパック</t>
  </si>
  <si>
    <t>ワンピースふりかけ　ミニパック</t>
  </si>
  <si>
    <t>ドラゴンボールふりかけミニＰ</t>
  </si>
  <si>
    <t>ミニオンズふりかけミニパック</t>
  </si>
  <si>
    <t>すみっコぐらしふりかけミニパック</t>
  </si>
  <si>
    <t>鬼滅の刃ふりかけミニパック</t>
  </si>
  <si>
    <t>プリキュアふりかけミニパック</t>
  </si>
  <si>
    <t>スイートプリキュアふりかけミニパック</t>
  </si>
  <si>
    <t>スマイルプリキュアふりかけミニパック</t>
  </si>
  <si>
    <t>丸美屋　ドキドキプリキュアふりかけ　ﾐﾆパック</t>
  </si>
  <si>
    <t>ハピネスチャージプリキュアふりかけミニパック</t>
  </si>
  <si>
    <t>GOプリンセスプリキュア　ふりかけミニパック</t>
  </si>
  <si>
    <t>Ｍプリキュアふりかけミニパック</t>
  </si>
  <si>
    <t>Kプリキュアふりかけミニパック</t>
  </si>
  <si>
    <t>ＨＵＧっとプリキュアふりかけミニパック</t>
  </si>
  <si>
    <t>２．５Ｘ２０</t>
  </si>
  <si>
    <t>ジュエルペットふりかけミニ</t>
  </si>
  <si>
    <t>アイカツふりかけミニパック</t>
  </si>
  <si>
    <t>僕のヒーローアカデミアふりかけミニパック</t>
  </si>
  <si>
    <t>ちいかわふりかけミニパック</t>
  </si>
  <si>
    <t>マインクラフトふりかけミニパック</t>
  </si>
  <si>
    <t>トロピカルージュプリキュアふりかけミニパック</t>
  </si>
  <si>
    <t>ひろがるスカイプリキュアふりかけミニパック</t>
  </si>
  <si>
    <t>ワンダフルプリキュアふりかけミニパック</t>
  </si>
  <si>
    <t>キミとアイドルプリキュアふりかけミニパック</t>
  </si>
  <si>
    <t>ガッシュベルふりかけミニ</t>
  </si>
  <si>
    <t>ポケモンふりかけミニパック</t>
  </si>
  <si>
    <t>アトムふりかけミニパック</t>
  </si>
  <si>
    <t>ハローキティふりかけ</t>
  </si>
  <si>
    <t>ケロケロケロッピふりかけ</t>
  </si>
  <si>
    <t>コロコロクリリン２０Ｐ</t>
  </si>
  <si>
    <t>ポップンベリー２０Ｐ</t>
  </si>
  <si>
    <t>キキララフリカケ</t>
  </si>
  <si>
    <t>シナモンロールふりかけ</t>
  </si>
  <si>
    <t>アヤンキーふりかけ２０Ｐ</t>
  </si>
  <si>
    <t>サンリオキャラクターズやさいふりかけ20袋入り</t>
  </si>
  <si>
    <t>サンリオキャラクターズふりかけ</t>
  </si>
  <si>
    <t>スヌーピーふりかけミニパック</t>
  </si>
  <si>
    <t>仮面ライダーギーツふりかけミニパック</t>
  </si>
  <si>
    <t>仮面ライダーガッチャードふりかけミニパック</t>
  </si>
  <si>
    <t>ヒミツのここたまふりかけミニパック</t>
  </si>
  <si>
    <t>クレヨンしんちゃんふりかけミニパック</t>
  </si>
  <si>
    <t>パウパトロールふりかけミニパック</t>
  </si>
  <si>
    <t>すみっコぐらしふりかけ</t>
  </si>
  <si>
    <t>アイカツふりかけ</t>
  </si>
  <si>
    <t>鬼滅の刃ふりかけ梅＆たまご</t>
  </si>
  <si>
    <t>鬼滅の刃ふりかけ鮭＆たまご</t>
  </si>
  <si>
    <t>呪術廻戦ふりかけさけおかか</t>
  </si>
  <si>
    <t>SPY×FAMILYふりかけ</t>
  </si>
  <si>
    <t>パウパトふりかけたまごさけ</t>
  </si>
  <si>
    <t>17.6g</t>
  </si>
  <si>
    <t>しんちゃんふりかけたまごおかか</t>
  </si>
  <si>
    <t>ポケモンふりかけたまごさけ</t>
  </si>
  <si>
    <t>ちいかわふりかけたまごたらこ</t>
  </si>
  <si>
    <t>SPY×FAMILYふりかけたまご＆さけ</t>
  </si>
  <si>
    <t>ぐでたま　たまごふりかけ</t>
  </si>
  <si>
    <t>KIRIMIちゃん　さけふりかけ</t>
  </si>
  <si>
    <t>うんこ漢字ドリル　カレーふりかけ</t>
  </si>
  <si>
    <t>田中　セサミストリートふりかけ</t>
  </si>
  <si>
    <t>ハローキティ無添加緑黄色野菜ふりかけ</t>
  </si>
  <si>
    <t>ハローキティ無添加おさかなふりかけ</t>
  </si>
  <si>
    <t>ハローキティ無添加たまごふりかけ</t>
  </si>
  <si>
    <t>2.2g×8P</t>
  </si>
  <si>
    <t>ムシキングふりかけ　さけ</t>
  </si>
  <si>
    <t>ムシキングふりかけ　おかか</t>
  </si>
  <si>
    <t>ドラエモンミニおかか＋鮭</t>
  </si>
  <si>
    <t>ポケモンフリカケ　オカカ</t>
  </si>
  <si>
    <t>5袋</t>
  </si>
  <si>
    <t>ポケモンフリカケ　サケ</t>
  </si>
  <si>
    <t>ラブ＆ベリーふりかけ</t>
  </si>
  <si>
    <t>くまのプーさんふりかけミニ</t>
  </si>
  <si>
    <t>アンパンマン容器付きふりかけ</t>
  </si>
  <si>
    <t>97g</t>
  </si>
  <si>
    <t>ヒーリングっどプリキュアふりかけミニパック</t>
  </si>
  <si>
    <t>ポケモンふりかけたまご＆さけ</t>
  </si>
  <si>
    <t>クレヨンしんちゃんふりかけたまご＆おかか</t>
  </si>
  <si>
    <t>ミニオンふりかけたまご＆さけ</t>
  </si>
  <si>
    <t>ミニパックレギュラー</t>
  </si>
  <si>
    <t>緑黄野菜ふりかけミニ</t>
  </si>
  <si>
    <t>ベジふり</t>
  </si>
  <si>
    <t>３８ｇ</t>
  </si>
  <si>
    <t>ｵﾓﾘﾔ</t>
  </si>
  <si>
    <t>素材を味わうふりかけ</t>
  </si>
  <si>
    <t>おいしく元気ふりかけ20Ｐ</t>
  </si>
  <si>
    <t>ふりかけ詰め合わせ　よくばり食堂</t>
  </si>
  <si>
    <t>12P</t>
  </si>
  <si>
    <t>ニチフリ　科学調味料無添加ふりかけ　２０袋　４０ｇ</t>
  </si>
  <si>
    <t>おとなのふりかけミニパック</t>
  </si>
  <si>
    <t>おとなのふりかけミニパック２</t>
  </si>
  <si>
    <t>おとなふりかけミニ春夏編</t>
  </si>
  <si>
    <t>33.6G</t>
  </si>
  <si>
    <t>おとなのふりかけミニその1</t>
  </si>
  <si>
    <t>29.2g</t>
  </si>
  <si>
    <t>おとなのふりかけミニその2</t>
  </si>
  <si>
    <t>34.4g</t>
  </si>
  <si>
    <t>さまさまふりかけミニ</t>
  </si>
  <si>
    <t>おとなのふりかけミニ_その3</t>
  </si>
  <si>
    <t>おとなのふりかけミニ_第三弾3</t>
  </si>
  <si>
    <t>おとなのふりかけミニ青春編</t>
  </si>
  <si>
    <t>御飯の友ミニパック</t>
  </si>
  <si>
    <t>2.5g×20P</t>
  </si>
  <si>
    <t>のりたまミニパック</t>
  </si>
  <si>
    <t>のりたま＆バラエティ</t>
  </si>
  <si>
    <t>お弁当諸君ミニパック20袋入</t>
  </si>
  <si>
    <t>40.8g</t>
  </si>
  <si>
    <t>みんなのふりかけバラエティーミニパック</t>
  </si>
  <si>
    <t>39.2g</t>
  </si>
  <si>
    <t>のりたま＆バラエティー6種</t>
  </si>
  <si>
    <t>素材香るふりかけミニパック</t>
  </si>
  <si>
    <t>のりたまバラエティー2</t>
  </si>
  <si>
    <t>いわしふりかけ</t>
  </si>
  <si>
    <t>無添加ふりかけ</t>
  </si>
  <si>
    <t>ふりかけアソートパック</t>
  </si>
  <si>
    <t>2g×20</t>
  </si>
  <si>
    <t>おたのしみふりかけ4種</t>
  </si>
  <si>
    <t>20入</t>
  </si>
  <si>
    <t>素材探求ふりかけ</t>
  </si>
  <si>
    <t>こだわり５選</t>
  </si>
  <si>
    <t>混ぜ込み</t>
  </si>
  <si>
    <t>ごま油香る鶏そぼろごはん</t>
  </si>
  <si>
    <t>わかめご飯</t>
  </si>
  <si>
    <t>33ｇ</t>
  </si>
  <si>
    <t>わかめご飯　梅じそ</t>
  </si>
  <si>
    <t>わかめご飯　鮭</t>
  </si>
  <si>
    <t>わかめご飯　ごま青菜</t>
  </si>
  <si>
    <t>わかめご飯　とうもろこし味</t>
  </si>
  <si>
    <t>ごはんに混ぜてこんがり醤油味</t>
  </si>
  <si>
    <t>チュモッパの素</t>
  </si>
  <si>
    <t>日新通商</t>
  </si>
  <si>
    <t>ﾆｯｼﾝﾂｳｼｮｳ</t>
  </si>
  <si>
    <t>混ぜ込みきざみたくあん</t>
  </si>
  <si>
    <t>タキコミワカメダイ</t>
  </si>
  <si>
    <t>混ぜ込みわかめ世界ビリヤニ風</t>
  </si>
  <si>
    <t>20.1g</t>
  </si>
  <si>
    <t>限定混ぜ込みわかめ鯛めし風</t>
  </si>
  <si>
    <t>限定混ぜ込みわかめうな牛</t>
  </si>
  <si>
    <t>期間限定混ぜ込みわかめちりめん</t>
  </si>
  <si>
    <t>18.9g</t>
  </si>
  <si>
    <t>期間限定混ぜ込みわかめ牛ごぼう</t>
  </si>
  <si>
    <t>12.3g</t>
  </si>
  <si>
    <t>プレミアム混ぜ込みわかめ松茸</t>
  </si>
  <si>
    <t>9.3g</t>
  </si>
  <si>
    <t>混ぜ込みわかめ栗ごはん風</t>
  </si>
  <si>
    <t>16.5g</t>
  </si>
  <si>
    <t>期間限定混ぜ込みわかめあさり</t>
  </si>
  <si>
    <t>15.3g</t>
  </si>
  <si>
    <t>期間限定　混ぜ込みわかめ　梅ひじき</t>
  </si>
  <si>
    <t>16.8g</t>
  </si>
  <si>
    <t>期間限定　混ぜ込みわかめ　塩かつお</t>
  </si>
  <si>
    <t>プレミアム混ぜ込みわかめ牛れんこん</t>
  </si>
  <si>
    <t>21.3g</t>
  </si>
  <si>
    <t>混ぜ込みわかめ松茸</t>
  </si>
  <si>
    <t>11.4g</t>
  </si>
  <si>
    <t>混ぜ込みわかめうなぎ蒲焼風</t>
  </si>
  <si>
    <t>26.4g</t>
  </si>
  <si>
    <t>混ぜ込みわかめ鯛めし風</t>
  </si>
  <si>
    <t>10.2g</t>
  </si>
  <si>
    <t>タニタ食堂_監修_雑穀混ぜ込みごはん</t>
  </si>
  <si>
    <t>3g×5</t>
  </si>
  <si>
    <t>からし高菜激辛</t>
  </si>
  <si>
    <t>樽味屋</t>
  </si>
  <si>
    <t>ﾀﾙﾐﾔ</t>
  </si>
  <si>
    <t>鯛めしの素</t>
  </si>
  <si>
    <t>7g×3</t>
  </si>
  <si>
    <t>じゃこ飯の素</t>
  </si>
  <si>
    <t>男梅混ぜご飯</t>
  </si>
  <si>
    <t>しらす磯の味</t>
  </si>
  <si>
    <t>しらすさけの味</t>
  </si>
  <si>
    <t>おむすび山梅じそ青菜</t>
  </si>
  <si>
    <t>おむすび山鮭青菜</t>
  </si>
  <si>
    <t>おむすび山　鶏おこわ風味</t>
  </si>
  <si>
    <t>おむすび山　たまごおかか</t>
  </si>
  <si>
    <t>おむすび山焼きたらこ</t>
  </si>
  <si>
    <t>おむすび山ごま昆布</t>
  </si>
  <si>
    <t>おむすび山　梅じそ</t>
  </si>
  <si>
    <t>おむすび山焼肉屋のたれごはん</t>
  </si>
  <si>
    <t>おむすび山トマト＆エッグ</t>
  </si>
  <si>
    <t>味わいじゃこごはん明太子</t>
  </si>
  <si>
    <t>味わいじゃこごはん青菜</t>
  </si>
  <si>
    <t>味わいじゃこごはんわかめ</t>
  </si>
  <si>
    <t>味わいじゃこごはん　青菜</t>
  </si>
  <si>
    <t>味わいじゃこごはん　わかめ</t>
  </si>
  <si>
    <t>味わいじゃこごはん　梅じそ</t>
  </si>
  <si>
    <t>味わいじゃこごはん　明太子</t>
  </si>
  <si>
    <t>ごまリッチ　鮭</t>
  </si>
  <si>
    <t>ごまリッチ_梅</t>
  </si>
  <si>
    <t>ごまリッチ　明太子</t>
  </si>
  <si>
    <t>ごまリッチかつお</t>
  </si>
  <si>
    <t>どらえもん混ぜごはんの素</t>
  </si>
  <si>
    <t>12.6g</t>
  </si>
  <si>
    <t>クレイジーソルトバターライスの素</t>
  </si>
  <si>
    <t>クレイジーソルトバジルライスの素</t>
  </si>
  <si>
    <t>減塩混ぜ込ごはん焼鮭</t>
  </si>
  <si>
    <t>34G</t>
  </si>
  <si>
    <t>彩りごはん混ぜ込み</t>
  </si>
  <si>
    <t>ｶﾚｰ</t>
  </si>
  <si>
    <t>彩りごはん混ぜ込み青菜</t>
  </si>
  <si>
    <t>彩りごはん混ぜ込み鮭</t>
  </si>
  <si>
    <t>彩りごはん混ぜ込み梅じそ</t>
  </si>
  <si>
    <t>アンパンマンまぜこみごはん鮭わかめ</t>
  </si>
  <si>
    <t>アンパンマンまぜこみ　青菜わかめ</t>
  </si>
  <si>
    <t>アンパンマンまぜこみ野菜</t>
  </si>
  <si>
    <t>鮭わかめご飯</t>
  </si>
  <si>
    <t>炊き込みわかめまろやか味噌</t>
  </si>
  <si>
    <t>ひろし</t>
  </si>
  <si>
    <t>ひろし大袋</t>
  </si>
  <si>
    <t>炊き込みわかめ</t>
  </si>
  <si>
    <t>炊き込みわかめしょうゆが香る</t>
  </si>
  <si>
    <t>菜めし</t>
  </si>
  <si>
    <t>菜めし徳用袋</t>
  </si>
  <si>
    <t>鮭ひろし</t>
  </si>
  <si>
    <t>国産赤しそ･梅使用ゆかり梅入り</t>
  </si>
  <si>
    <t>炊き込みわかめ醤油が香る</t>
  </si>
  <si>
    <t>炊き込みわかめかつおだしが旨い</t>
  </si>
  <si>
    <t>だしひろし</t>
  </si>
  <si>
    <t>炊き込みわかめ　紅鮭</t>
  </si>
  <si>
    <t>炊き込みわかめ　香ばしあられ</t>
  </si>
  <si>
    <t>炊き込みわかめ紅鮭</t>
  </si>
  <si>
    <t>炊き込みわかめ広島菜</t>
  </si>
  <si>
    <t>三島菜めし</t>
  </si>
  <si>
    <t>紅鮭菜めし</t>
  </si>
  <si>
    <t>梅　菜めし</t>
  </si>
  <si>
    <t>カリカリ梅しそふりかけ</t>
  </si>
  <si>
    <t>あかり</t>
  </si>
  <si>
    <t>五穀美餐　わかめ</t>
  </si>
  <si>
    <t>ﾐｼﾏ</t>
  </si>
  <si>
    <t>混ぜ込みわかめさつまいも</t>
  </si>
  <si>
    <t>混ぜ込みわかめえび天むす風</t>
  </si>
  <si>
    <t>混ぜ込みわかめすき焼き風</t>
  </si>
  <si>
    <t>混ぜ込みわかめ鮭めんたい</t>
  </si>
  <si>
    <t>混ぜ込みわかめ牛そぼろ</t>
  </si>
  <si>
    <t>混ぜ込みわかめごぼうおかか</t>
  </si>
  <si>
    <t>混ぜ込みひつまぶし風</t>
  </si>
  <si>
    <t>23.1g</t>
  </si>
  <si>
    <t>簡単まぜごはんの素ひじき鶏そぼろ</t>
  </si>
  <si>
    <t>69g</t>
  </si>
  <si>
    <t>混ぜ込みこぎつねめし</t>
  </si>
  <si>
    <t>混ぜ込みチュモッパ</t>
  </si>
  <si>
    <t>ヤマキ鰹節屋のちょっと贅沢な混ぜ込みおかか　20ｇ</t>
  </si>
  <si>
    <t>わかめごはん　ちりめん</t>
  </si>
  <si>
    <t>24ｇ</t>
  </si>
  <si>
    <t>わかめごはん青菜入り</t>
  </si>
  <si>
    <t>わかめごはん</t>
  </si>
  <si>
    <t>わかめごはん香ばし醤油味</t>
  </si>
  <si>
    <t>まぜるだけ韓国風海苔巻きキンパ味</t>
  </si>
  <si>
    <t>まぜるだけ韓国風海苔巻き激辛キンパ味</t>
  </si>
  <si>
    <t>ごはんにあう菜ごま</t>
  </si>
  <si>
    <t>田中　むすび塩かつおだし</t>
  </si>
  <si>
    <t>田中　５種のまぜむすび</t>
  </si>
  <si>
    <t>10P</t>
  </si>
  <si>
    <t>ハローキティまぜこみライス　チキンライス味</t>
  </si>
  <si>
    <t>ハローキティまぜこみライス　カレーピラフ味</t>
  </si>
  <si>
    <t>大袋わかめごはん香ばし醤油味</t>
  </si>
  <si>
    <t>わかめごはん香ばし醤油　めかぶ入り</t>
  </si>
  <si>
    <t>ｺﾞﾊﾝﾆﾏｾﾞﾃﾜｶﾅﾄｼｬｹ</t>
  </si>
  <si>
    <t>ごはんにまぜて若菜と梅しそ</t>
  </si>
  <si>
    <t>わかめごはん　大根若葉入り大</t>
  </si>
  <si>
    <t>ワカメゴハンワカナイリ</t>
  </si>
  <si>
    <t>ワカメゴハンウメイリ</t>
  </si>
  <si>
    <t>まぜこみチュモッパ</t>
  </si>
  <si>
    <t>ご飯に混ぜ込み醤油ごま</t>
  </si>
  <si>
    <t>ご飯に混ぜ込みかつおごま</t>
  </si>
  <si>
    <t>混ぜ込み若菜</t>
  </si>
  <si>
    <t>混ぜ込み鮭</t>
  </si>
  <si>
    <t>混ぜ込み梅じそ</t>
  </si>
  <si>
    <t>焼おに　しょうゆ</t>
  </si>
  <si>
    <t>3p</t>
  </si>
  <si>
    <t>焼おに　みそ</t>
  </si>
  <si>
    <t>混ぜごはんの素　とりたまご</t>
  </si>
  <si>
    <t>混ぜごはんの素　青菜</t>
  </si>
  <si>
    <t>混ぜごはんの素　梅しそ</t>
  </si>
  <si>
    <t>混ぜごはんの素つぶつぶコーン</t>
  </si>
  <si>
    <t>混ぜごはんの素釜飯風とり五目</t>
  </si>
  <si>
    <t>おむすび山鮭わかめ</t>
  </si>
  <si>
    <t>おむすび山梅かつお</t>
  </si>
  <si>
    <t>おむすび山青菜</t>
  </si>
  <si>
    <t>おむすび山しそ</t>
  </si>
  <si>
    <t>おむすび山青しそちりめん</t>
  </si>
  <si>
    <t>ミツカンおむすび山たらこ</t>
  </si>
  <si>
    <t>おむすび山赤飯風味</t>
  </si>
  <si>
    <t>おむすび山ドライカレー</t>
  </si>
  <si>
    <t>おむすび山鮭わかめ　チャック袋タイプ</t>
  </si>
  <si>
    <t>おむすび山青菜　チャック袋タイプ</t>
  </si>
  <si>
    <t>おむすび山梅かつお　チャック袋タイプ</t>
  </si>
  <si>
    <t>おむすび山焼きたらこ　チャック袋タイプ</t>
  </si>
  <si>
    <t>おむすび山ごま昆布　チャック袋タイプ</t>
  </si>
  <si>
    <t>おむすび山　むすびすし　生姜香る鮭ちらし</t>
  </si>
  <si>
    <t>おむすび山　むすびすし　じゃこちらし</t>
  </si>
  <si>
    <t>おむすび山　たまご青菜</t>
  </si>
  <si>
    <t>おむすび山　栗ごはん</t>
  </si>
  <si>
    <t>おむすび山　焼きおにぎり風味</t>
  </si>
  <si>
    <t>おむすび山　梅じゃこおこわ風味</t>
  </si>
  <si>
    <t>おむすび山　香ばしえび</t>
  </si>
  <si>
    <t>おむすび山味わいかつお</t>
  </si>
  <si>
    <t>おむすび山焼おにぎり</t>
  </si>
  <si>
    <t>おむすび山　サーモン＆チーズ</t>
  </si>
  <si>
    <t>おむすび山炒飯</t>
  </si>
  <si>
    <t>おむすび山ごま油香る肉味噌ごはん</t>
  </si>
  <si>
    <t>だしむすび_かつおだし</t>
  </si>
  <si>
    <t>だしむすび_昆布だし</t>
  </si>
  <si>
    <t>だしむすびあさりだし袋３０ｇ</t>
  </si>
  <si>
    <t>だしむすび　鶏だし</t>
  </si>
  <si>
    <t>彩りごはん_混ぜ込み青菜</t>
  </si>
  <si>
    <t>彩りごはん_混ぜ込み鮭</t>
  </si>
  <si>
    <t>彩りごはん_混ぜ込み梅じそ</t>
  </si>
  <si>
    <t>彩りごはん　混ぜ込みたらこ</t>
  </si>
  <si>
    <t>ポケモンオムスビ　サケ</t>
  </si>
  <si>
    <t>ポケモンオムスビ　アオナ</t>
  </si>
  <si>
    <t>ポケモンオムスビオカカ</t>
  </si>
  <si>
    <t>おとなのおむすび炙り風鮭</t>
  </si>
  <si>
    <t>おとなのおむすび熟成辛子明太子</t>
  </si>
  <si>
    <t>おとなのおむすび炭火牛焼肉味</t>
  </si>
  <si>
    <t>おむすび１０個　鮭わかめ</t>
  </si>
  <si>
    <t>おむすび１０個　青菜</t>
  </si>
  <si>
    <t>彩りごはん混ぜ込み　たらこ</t>
  </si>
  <si>
    <t>彩りごはん混ぜ込みカレー</t>
  </si>
  <si>
    <t>彩りごはん混ぜ込み　とりたまご</t>
  </si>
  <si>
    <t>くまのプーさん　おむすび</t>
  </si>
  <si>
    <t>ミッキーマウス　おむすび</t>
  </si>
  <si>
    <t>わかめ混ぜご飯鮭</t>
  </si>
  <si>
    <t>わかめ混ぜご飯しそ</t>
  </si>
  <si>
    <t>わかめ混ぜご飯若菜</t>
  </si>
  <si>
    <t>わかめ混ぜご飯明太子昆布</t>
  </si>
  <si>
    <t>わかめ混ぜご飯しらす</t>
  </si>
  <si>
    <t>わかめ混ぜご飯おかか</t>
  </si>
  <si>
    <t>わかめ混ぜご飯明太子</t>
  </si>
  <si>
    <t>炊込みわかめ</t>
  </si>
  <si>
    <t>炊き込みわかめざく切り梅</t>
  </si>
  <si>
    <t>玉子菜めし</t>
  </si>
  <si>
    <t>五穀美餐　生姜</t>
  </si>
  <si>
    <t>混ぜ込み_わかめ</t>
  </si>
  <si>
    <t>混ぜ込み_若菜</t>
  </si>
  <si>
    <t>混ぜ込み_梅じそ</t>
  </si>
  <si>
    <t>混ぜ込みわかめ明太子</t>
  </si>
  <si>
    <t>混ぜ込みわかめしらす</t>
  </si>
  <si>
    <t>混ぜ込みわかめ　しそ昆布</t>
  </si>
  <si>
    <t>混ぜ込みわかめ鶏そぼろ</t>
  </si>
  <si>
    <t>混ぜ込みわかめ香るごま油味</t>
  </si>
  <si>
    <t>混ぜ込みわかめ鮭バター醤油</t>
  </si>
  <si>
    <t>混ぜ込みわかめ　えび</t>
  </si>
  <si>
    <t>混ぜ込みわかめ香るしそ味</t>
  </si>
  <si>
    <t>混ぜ込みわかめ肉みそ</t>
  </si>
  <si>
    <t>混ぜ込みわかめ大袋</t>
  </si>
  <si>
    <t>混ぜ込みわかめ鮭</t>
  </si>
  <si>
    <t>混ぜ込みわかめ若菜</t>
  </si>
  <si>
    <t>混ぜ込みわかめ梅じそ</t>
  </si>
  <si>
    <t>混ぜ込みわかめおかか</t>
  </si>
  <si>
    <t>混ぜ込みわかめしそ昆布</t>
  </si>
  <si>
    <t>混ぜ込みわかめたらこ</t>
  </si>
  <si>
    <t>混ぜ込みわかめ枝豆</t>
  </si>
  <si>
    <t>混ぜ込みわかめごぼう</t>
  </si>
  <si>
    <t>混ぜ込みわかめ高菜</t>
  </si>
  <si>
    <t>混ぜ込みわかめ彩り野菜</t>
  </si>
  <si>
    <t>混ぜ込みわかめ　彩り海藻</t>
  </si>
  <si>
    <t>混ぜ込みわかめ　彩り雑穀</t>
  </si>
  <si>
    <t>混ぜ込みわかめ貝柱</t>
  </si>
  <si>
    <t>混ぜ込みわかめねぎ味噌</t>
  </si>
  <si>
    <t>混ぜ込みわかめ和風ツナマヨ</t>
  </si>
  <si>
    <t>混ぜ込みわかめおかかチーズ</t>
  </si>
  <si>
    <t>混ぜ込みわかめ明太マヨ</t>
  </si>
  <si>
    <t>混ぜ込みわかめ</t>
  </si>
  <si>
    <t>混ぜ込みわかめごぼうきんぴら風</t>
  </si>
  <si>
    <t>混ぜ込みわかめ鮭バタ醤油</t>
  </si>
  <si>
    <t>混ぜ込みわかめ_若菜</t>
  </si>
  <si>
    <t>混ぜ込みわかめ_鮭</t>
  </si>
  <si>
    <t>混ぜ込みわかめ_梅じそ</t>
  </si>
  <si>
    <t>混ぜ込みわかめ_しらす</t>
  </si>
  <si>
    <t>混ぜ込みわかめ_たらこ</t>
  </si>
  <si>
    <t>混ぜ込みわかめ_しそ昆布</t>
  </si>
  <si>
    <t>混ぜ込みわかめ　高菜</t>
  </si>
  <si>
    <t>混ぜ込みわかめ　おかか　袋</t>
  </si>
  <si>
    <t>混ぜ込みわかめ_えび</t>
  </si>
  <si>
    <t>混ぜ込みわかめ　彩り野菜</t>
  </si>
  <si>
    <t>混ぜ込みわかめ彩り雑穀</t>
  </si>
  <si>
    <t>混ぜ込みわかめ　枝豆　袋３３ｇ</t>
  </si>
  <si>
    <t>混ぜ込みわかめ_ごぼう_きんぴら風</t>
  </si>
  <si>
    <t>混ぜ込みわかめ栗ごはん</t>
  </si>
  <si>
    <t>混ぜ込みわかめ鮭貝柱</t>
  </si>
  <si>
    <t>混ぜ込みわかめ天むす</t>
  </si>
  <si>
    <t>23.7g</t>
  </si>
  <si>
    <t>混ぜ込みわかめ世界のビビンバ風</t>
  </si>
  <si>
    <t>21.9g</t>
  </si>
  <si>
    <t>混ぜ込みわかめ世界の中華おこわ風</t>
  </si>
  <si>
    <t>22.8g</t>
  </si>
  <si>
    <t>彩り素材おむすびの素梅ちりめん</t>
  </si>
  <si>
    <t>彩り素材おむすびの素鮭枝豆</t>
  </si>
  <si>
    <t>彩り素材おむすびの素高菜めんたい</t>
  </si>
  <si>
    <t>混ぜ込み赤しそ若菜</t>
  </si>
  <si>
    <t>混ぜ込み赤しそ梅おかか</t>
  </si>
  <si>
    <t>混ぜ込み赤しそ昆布かつお</t>
  </si>
  <si>
    <t>混ぜ込み赤しそ枝豆</t>
  </si>
  <si>
    <t>混ぜ込み赤しそ梅ひじき</t>
  </si>
  <si>
    <t>まぜごはんの素かしわ飯</t>
  </si>
  <si>
    <t>混ぜ込み炒飯風焼豚</t>
  </si>
  <si>
    <t>混ぜ込み炒飯風　五目　26ｇ</t>
  </si>
  <si>
    <t>混ぜ込みひじき</t>
  </si>
  <si>
    <t>混ぜ込みひじき梅しそ</t>
  </si>
  <si>
    <t>混ぜ込み十穀青菜</t>
  </si>
  <si>
    <t>混ぜ込み十穀鮭</t>
  </si>
  <si>
    <t>混ぜ込み悪魔飯</t>
  </si>
  <si>
    <t>混ぜ込み悪魔めし焦がしねぎ塩</t>
  </si>
  <si>
    <t>混ぜ込み悪魔めしやみつき鰹だし</t>
  </si>
  <si>
    <t>混ぜ込み十穀鮭25g</t>
  </si>
  <si>
    <t>トッポギセット国産</t>
  </si>
  <si>
    <t>わかめご飯レギュラー</t>
  </si>
  <si>
    <t>わかめご飯鮭</t>
  </si>
  <si>
    <t>わかめご飯梅じそ</t>
  </si>
  <si>
    <t>わかめごはん_梅かつお入り</t>
  </si>
  <si>
    <t>わかめごはん_野沢菜入り</t>
  </si>
  <si>
    <t>わかめごはん　鮭入り</t>
  </si>
  <si>
    <t>わかめごはん梅しそ入り</t>
  </si>
  <si>
    <t>減塩わかめごはん</t>
  </si>
  <si>
    <t>ゴハンニマゼテワカナトゴマ</t>
  </si>
  <si>
    <t>ゴハンニマゼテワカナトコサケ</t>
  </si>
  <si>
    <t>ゴハンニマゼテワカナトウメ</t>
  </si>
  <si>
    <t>ごはんにまぜて若菜とめんたい</t>
  </si>
  <si>
    <t>ごはんに混ぜて若菜と小魚</t>
  </si>
  <si>
    <t>ごはんに混ぜて五目ごはん</t>
  </si>
  <si>
    <t>田中　ｺﾞﾊﾝﾆﾏｾﾞﾃ_梅しょうが</t>
  </si>
  <si>
    <t>ごはんにまぜて6つの海のめぐみ</t>
  </si>
  <si>
    <t>ごはんにまぜてきんぴらごぼう味</t>
  </si>
  <si>
    <t>ごはんにまぜて若菜とごま</t>
  </si>
  <si>
    <t>ごはんにまぜて若菜と鮭</t>
  </si>
  <si>
    <t>ごはんにまぜて若菜と小魚</t>
  </si>
  <si>
    <t>ごはんにまぜて６色の野菜</t>
  </si>
  <si>
    <t>ごはんにまぜて十穀ごはん</t>
  </si>
  <si>
    <t>ごはんに混ぜていりこみそ味</t>
  </si>
  <si>
    <t>田中ごはんにまぜて若菜とひじき</t>
  </si>
  <si>
    <t>ごはんにまぜて若菜と辛子めんたい</t>
  </si>
  <si>
    <t>田中ごはんにまぜて若菜と小魚</t>
  </si>
  <si>
    <t>ごはんにまぜて6色の野菜</t>
  </si>
  <si>
    <t>田中食品ごはんにまぜて若菜と昆布</t>
  </si>
  <si>
    <t>ごはんにまぜて梅おかかと発芽玄米</t>
  </si>
  <si>
    <t>ごはんにまぜて　香ばしごぼうと発芽玄米　</t>
  </si>
  <si>
    <t>31G</t>
  </si>
  <si>
    <t>ごはんにまぜていりこみそ味</t>
  </si>
  <si>
    <t>ごはんにまぜて若菜とひじき</t>
  </si>
  <si>
    <t>ごはんにまぜてこんがり醤油味</t>
  </si>
  <si>
    <t>ごはんにまぜて五目ごはん</t>
  </si>
  <si>
    <t>田中　雑穀まぜごはん</t>
  </si>
  <si>
    <t>田中　雑穀まぜごはん梅しそ入り</t>
  </si>
  <si>
    <t>おむすび用さけとわかめ</t>
  </si>
  <si>
    <t>田中　おむすび用わかめと青菜</t>
  </si>
  <si>
    <t>田中_おむすび用　さけとわかめ</t>
  </si>
  <si>
    <t>田中_おむすび用　明太子</t>
  </si>
  <si>
    <t>だしの旨み　まぜごはん　さけ</t>
  </si>
  <si>
    <t>だしの旨み　まぜごはん　梅しそ</t>
  </si>
  <si>
    <t>だしの旨み　まぜごはん　わかめ</t>
  </si>
  <si>
    <t>ごはんにあう菜_さけ</t>
  </si>
  <si>
    <t>ごはんにあう菜_しそ</t>
  </si>
  <si>
    <t>ごはんにあう菜　たまご入り</t>
  </si>
  <si>
    <t>まぜていきいきたまごふりかけ</t>
  </si>
  <si>
    <t>おむすびづくしめんたい昆布</t>
  </si>
  <si>
    <t>おむすびづくし紅鮭わかめ</t>
  </si>
  <si>
    <t>おむすびづくし青菜</t>
  </si>
  <si>
    <t>福島青唐しそきゅうり</t>
  </si>
  <si>
    <t>菊甲食品</t>
  </si>
  <si>
    <t>ﾄｸｻﾝｼｮｸﾋﾝ</t>
  </si>
  <si>
    <t>八宝美人</t>
  </si>
  <si>
    <t>大袋分包</t>
  </si>
  <si>
    <t>ぶっかけそうめんの具　えび天　13.4ｇ</t>
  </si>
  <si>
    <t>13.4g</t>
  </si>
  <si>
    <t>30種の素材が入った野菜ふりかけ</t>
  </si>
  <si>
    <t>30種の素材が入ったたまごふりかけ</t>
  </si>
  <si>
    <t>スティックごま塩</t>
  </si>
  <si>
    <t>2.8g×16</t>
  </si>
  <si>
    <t>ふりかけいろいろミニパック3個セット</t>
  </si>
  <si>
    <t>ふりかけミックス</t>
  </si>
  <si>
    <t>12本</t>
  </si>
  <si>
    <t>2.5g×36</t>
  </si>
  <si>
    <t>フリカケミックス</t>
  </si>
  <si>
    <t>ふりかける納豆からし風味</t>
  </si>
  <si>
    <t>ふりかけ詰め合わせ　５０Ｐ</t>
  </si>
  <si>
    <t>ふりかけ詰め合せ</t>
  </si>
  <si>
    <t>32P</t>
  </si>
  <si>
    <t>バラエティふりかけ32袋</t>
  </si>
  <si>
    <t>ふりかけ詰合せ　ごち弁ふりかけ　１６ｇ</t>
  </si>
  <si>
    <t>ふりかけ詰め合せ40袋</t>
  </si>
  <si>
    <t>お弁当屋さんのふりかけおかか風味</t>
  </si>
  <si>
    <t>1.5g×50P</t>
  </si>
  <si>
    <t>お弁当屋さんのふりかけ　さけ風味</t>
  </si>
  <si>
    <t>2g*50P</t>
  </si>
  <si>
    <t>お弁当屋さんのふりかけ　たまご風味</t>
  </si>
  <si>
    <t>1.7g*50P</t>
  </si>
  <si>
    <t>減塩混ぜ込ごはん肉味噌</t>
  </si>
  <si>
    <t>おとなのふりかけ力士味噌味</t>
  </si>
  <si>
    <t>おとなのふりかけ焼たらこ</t>
  </si>
  <si>
    <t>おとなのふりかけ　ちりめん山椒</t>
  </si>
  <si>
    <t>13Ｇ</t>
  </si>
  <si>
    <t>えびふりかにふり</t>
  </si>
  <si>
    <t>10.6g</t>
  </si>
  <si>
    <t>おとなのふりかけ旨味からすみ</t>
  </si>
  <si>
    <t>8.1g</t>
  </si>
  <si>
    <t>おとなのふりかけ海苔たまご</t>
  </si>
  <si>
    <t>13.5g</t>
  </si>
  <si>
    <t>おとなのふりかけ辛子明太子</t>
  </si>
  <si>
    <t>8.5g</t>
  </si>
  <si>
    <t>おとなのふりかけ本かつお</t>
  </si>
  <si>
    <t>9.2g</t>
  </si>
  <si>
    <t>おとなのふりかけ紅鮭</t>
  </si>
  <si>
    <t>8.4g</t>
  </si>
  <si>
    <t>おとなのふりかけわさび</t>
  </si>
  <si>
    <t>おとなのふりかけ梅しそ</t>
  </si>
  <si>
    <t>ご飯の友パック</t>
  </si>
  <si>
    <t>はごろも　デコふり５色さけ風味</t>
  </si>
  <si>
    <t>5食</t>
  </si>
  <si>
    <t>はごろも　デコふり５色たまご風味</t>
  </si>
  <si>
    <t>ﾃﾞｺふり_6色_さけ風味</t>
  </si>
  <si>
    <t>ﾃﾞｺふり_6色_たまご風味</t>
  </si>
  <si>
    <t>デコふりチャーハン風味どうぶつえん</t>
  </si>
  <si>
    <t>デコふりチャーハン風味すいぞくかん</t>
  </si>
  <si>
    <t>デコふり_５色ふりかけ</t>
  </si>
  <si>
    <t>4g×5</t>
  </si>
  <si>
    <t>ごましおスティック</t>
  </si>
  <si>
    <t>のりたまレトロパッケージ</t>
  </si>
  <si>
    <t>のりたまツナマヨ</t>
  </si>
  <si>
    <t>のりトリオ</t>
  </si>
  <si>
    <t>14.4g</t>
  </si>
  <si>
    <t>のりたまマヨコンビ</t>
  </si>
  <si>
    <t>ふりかけチップトリオ</t>
  </si>
  <si>
    <t>京風七味ふりかけ</t>
  </si>
  <si>
    <t>うにふりかけ</t>
  </si>
  <si>
    <t>カラフルふりかけ８Ｐ</t>
  </si>
  <si>
    <t>のりたま＆バラエティー10袋入</t>
  </si>
  <si>
    <t>22.5g</t>
  </si>
  <si>
    <t>３食レトロ</t>
  </si>
  <si>
    <t>ぶっかけそうめんの具　きつね風　10.6ｇ</t>
  </si>
  <si>
    <t>ごま塩　小袋</t>
  </si>
  <si>
    <t>16P</t>
  </si>
  <si>
    <t>一食用ふりかけ　のり</t>
  </si>
  <si>
    <t>2.2g×50袋</t>
  </si>
  <si>
    <t>一食用ふりかけ　かつお</t>
  </si>
  <si>
    <t>2.3g×50袋</t>
  </si>
  <si>
    <t>一食用ふりかけ　たまご</t>
  </si>
  <si>
    <t>一食用ふりかけミックス</t>
  </si>
  <si>
    <t>50袋</t>
  </si>
  <si>
    <t>スポーツ応援ふりかけ５袋</t>
  </si>
  <si>
    <t>５袋</t>
  </si>
  <si>
    <t>田中　むすび塩こんぶだし</t>
  </si>
  <si>
    <t>いろいろミニパック</t>
  </si>
  <si>
    <t>30P</t>
  </si>
  <si>
    <t>ミニパック30袋入パート2</t>
  </si>
  <si>
    <t>62.5g</t>
  </si>
  <si>
    <t>ミニパック30袋入</t>
  </si>
  <si>
    <t>30p</t>
  </si>
  <si>
    <t>ミニパック詰合せ</t>
  </si>
  <si>
    <t>低塩タイプしそ</t>
  </si>
  <si>
    <t>鉄ふりかけ　かつお</t>
  </si>
  <si>
    <t>カルシウムふりかけ　小魚</t>
  </si>
  <si>
    <t>亜鉛ふりかけ　のり</t>
  </si>
  <si>
    <t>グルコサミンふりかけ　梅</t>
  </si>
  <si>
    <t>のりかつお　８Ｐ</t>
  </si>
  <si>
    <t>8p</t>
  </si>
  <si>
    <t>のりたまご　８Ｐ</t>
  </si>
  <si>
    <t>しそ　８Ｐ</t>
  </si>
  <si>
    <t>給食用50食ふりかけ詰め合わせ</t>
  </si>
  <si>
    <t>50個</t>
  </si>
  <si>
    <t>弁当用50食ふりかけたまご</t>
  </si>
  <si>
    <t>2.2×50P</t>
  </si>
  <si>
    <t>ふりかけ4種詰合せ</t>
  </si>
  <si>
    <t>2.5g×40P</t>
  </si>
  <si>
    <t>北海ふりかけ</t>
  </si>
  <si>
    <t>紀州ふりかけ</t>
  </si>
  <si>
    <t>九州ふりかけ</t>
  </si>
  <si>
    <t>おとなのふりかけ_納豆</t>
  </si>
  <si>
    <t>ふりふりキッズ　カレー</t>
  </si>
  <si>
    <t>ふりふりキッズ　焼肉</t>
  </si>
  <si>
    <t>ふりふりキッズ　ハンバーグ</t>
  </si>
  <si>
    <t>塩鮭さまさま</t>
  </si>
  <si>
    <t>オカカサマサマ</t>
  </si>
  <si>
    <t>梅干さまさま</t>
  </si>
  <si>
    <t>ナットウサマサマ</t>
  </si>
  <si>
    <t>玉子さまさま</t>
  </si>
  <si>
    <t>永谷園　おとなのふりかけうに</t>
  </si>
  <si>
    <t>ミッキーマウスふりかけ_鮭わかめ_５袋</t>
  </si>
  <si>
    <t>すきやき＆のりたま</t>
  </si>
  <si>
    <t>たれサクふりかけ　焼肉味</t>
  </si>
  <si>
    <t>18.2G</t>
  </si>
  <si>
    <t>タレふりかけえび天丼味</t>
  </si>
  <si>
    <t>タレふりかけ　焼肉味</t>
  </si>
  <si>
    <t>25.2g</t>
  </si>
  <si>
    <t>タレふりかけ　すき焼き味</t>
  </si>
  <si>
    <t>プラレールふりかけたまご＆さけ</t>
  </si>
  <si>
    <t>キムチ</t>
  </si>
  <si>
    <t>10p</t>
  </si>
  <si>
    <t>とうがらし</t>
  </si>
  <si>
    <t>からしめんたい</t>
  </si>
  <si>
    <t>鮭キムチふりかけ</t>
  </si>
  <si>
    <t>鮭たまごふりかけ</t>
  </si>
  <si>
    <t>鮭こんぶふりかけ</t>
  </si>
  <si>
    <t>鮭ごまふりかけ</t>
  </si>
  <si>
    <t>瓶・容器</t>
  </si>
  <si>
    <t>瀬戸風味カップ</t>
  </si>
  <si>
    <t>のり香味　カップ</t>
  </si>
  <si>
    <t>カツオミリンカップ</t>
  </si>
  <si>
    <t>猿蟹合戦</t>
  </si>
  <si>
    <t>山磯一休さんふりかけ</t>
  </si>
  <si>
    <t>さるかに合戦_3個ｾｯﾄ</t>
  </si>
  <si>
    <t>3個ｾｯﾄ</t>
  </si>
  <si>
    <t>ごま塩</t>
  </si>
  <si>
    <t>フローレス</t>
  </si>
  <si>
    <t>ﾌﾛｰﾚｽ</t>
  </si>
  <si>
    <t>食べる唐辛子ふりかけ</t>
  </si>
  <si>
    <t>ﾏﾙｼﾝﾌｰｽﾞ</t>
  </si>
  <si>
    <t>贅沢ふりかけ</t>
  </si>
  <si>
    <t>住吉海苔本舗</t>
  </si>
  <si>
    <t>ｽﾐﾖｼﾉﾘﾎﾝﾎﾟ</t>
  </si>
  <si>
    <t>のりかけ</t>
  </si>
  <si>
    <t>朝の香</t>
  </si>
  <si>
    <t>30束入</t>
  </si>
  <si>
    <t>しらすふりかけ　瓶</t>
  </si>
  <si>
    <t>ｶﾒﾔｼｮｸﾋﾝ</t>
  </si>
  <si>
    <t>DelicaDeli辛子高菜</t>
  </si>
  <si>
    <t>15gx4</t>
  </si>
  <si>
    <t>サンポー食品</t>
  </si>
  <si>
    <t>ｻﾝﾎﾟｰ</t>
  </si>
  <si>
    <t>DelicaDeli柚子胡椒辛子高菜</t>
  </si>
  <si>
    <t>ふりかけさくさく梅</t>
  </si>
  <si>
    <t>ﾄｳﾊﾄ</t>
  </si>
  <si>
    <t>ふりさく梅シソ</t>
  </si>
  <si>
    <t>なめ茸鰹だし仕立て</t>
  </si>
  <si>
    <t>120Ｇ</t>
  </si>
  <si>
    <t>ﾅｶﾞﾉﾄﾏﾄ</t>
  </si>
  <si>
    <t>ﾐｯｷｰﾏｳｽふりかけ</t>
  </si>
  <si>
    <t>御飯の友瓶</t>
  </si>
  <si>
    <t>味ごま</t>
  </si>
  <si>
    <t>３食パック</t>
  </si>
  <si>
    <t>59g</t>
  </si>
  <si>
    <t>わさびふりかけ瓶入</t>
  </si>
  <si>
    <t>ごま塩瓶</t>
  </si>
  <si>
    <t>海苔わさびふりかけ瓶入</t>
  </si>
  <si>
    <t>やくみ処わさび風味瓶入</t>
  </si>
  <si>
    <t>やくみ処あげ玉風味瓶入</t>
  </si>
  <si>
    <t>ピカチュウふりかけ容器入</t>
  </si>
  <si>
    <t>ミニオンズふりかけ容器入</t>
  </si>
  <si>
    <t>ちいかわふりかけ容器入</t>
  </si>
  <si>
    <t>おぱんちゅうさぎフリカケ</t>
  </si>
  <si>
    <t>のっけるふりかけ牛そぼろ</t>
  </si>
  <si>
    <t>のっけるふりかけ肉坦々</t>
  </si>
  <si>
    <t>のっけるふりかけ</t>
  </si>
  <si>
    <t>３色パック</t>
  </si>
  <si>
    <t>めんたいふりかけ</t>
  </si>
  <si>
    <t>やま磯_わさび薬味</t>
  </si>
  <si>
    <t>一休さん瓶入</t>
  </si>
  <si>
    <t>４８ｇ</t>
  </si>
  <si>
    <t>えびしらすふりかけ</t>
  </si>
  <si>
    <t>混ぜ込みわかめご飯</t>
  </si>
  <si>
    <t>混ぜ込みわかめごはん</t>
  </si>
  <si>
    <t>ﾀﾅｶｶｯﾄわかめ45G</t>
  </si>
  <si>
    <t>雲丹ふりかけ</t>
  </si>
  <si>
    <t>みなり</t>
  </si>
  <si>
    <t>ﾐﾅﾘ</t>
  </si>
  <si>
    <t>明太子ふりかけ</t>
  </si>
  <si>
    <t>みなり　のどぐろ煮付風味　ふりかけ　箱８５ｇ</t>
  </si>
  <si>
    <t>ねぎ海苔</t>
  </si>
  <si>
    <t>ﾄｳｶｲﾉｳｻﾝ</t>
  </si>
  <si>
    <t>韃靼そばふりかけ</t>
  </si>
  <si>
    <t>ゆずごま</t>
  </si>
  <si>
    <t>80G</t>
  </si>
  <si>
    <t>ﾄｳﾎｳ</t>
  </si>
  <si>
    <t>キムチごま</t>
  </si>
  <si>
    <t>カレーごま</t>
  </si>
  <si>
    <t>梅ごま</t>
  </si>
  <si>
    <t>醤油ごま</t>
  </si>
  <si>
    <t>ガーリックごま</t>
  </si>
  <si>
    <t>わさびごま</t>
  </si>
  <si>
    <t>雑穀ふりかけ</t>
  </si>
  <si>
    <t>特ふりビン入たまご</t>
  </si>
  <si>
    <t>特ふりビン入わさび風味</t>
  </si>
  <si>
    <t>特ふりビン入かつお風味</t>
  </si>
  <si>
    <t>特ふりビン入明太子</t>
  </si>
  <si>
    <t>特ふりビン入かつお</t>
  </si>
  <si>
    <t>旅の友　瓶</t>
  </si>
  <si>
    <t>かつおみりんヤキビン</t>
  </si>
  <si>
    <t>のり玉子　瓶</t>
  </si>
  <si>
    <t>しそ瓶</t>
  </si>
  <si>
    <t>しらすさけふりかけ　瓶</t>
  </si>
  <si>
    <t>手のりたま</t>
  </si>
  <si>
    <t>チップ入り手のりたま</t>
  </si>
  <si>
    <t>プチプチたらこさん</t>
  </si>
  <si>
    <t>にんにん味道楽丸</t>
  </si>
  <si>
    <t>ゴーゴーごましおくん</t>
  </si>
  <si>
    <t>チップ入りゴーゴーごましおくん</t>
  </si>
  <si>
    <t>3色パック</t>
  </si>
  <si>
    <t>ふなっしー　ふりかけ</t>
  </si>
  <si>
    <t>海苔屋さんのふりかけかつお</t>
  </si>
  <si>
    <t>平和食品</t>
  </si>
  <si>
    <t>ﾍｲﾜｼｮｸﾋﾝ</t>
  </si>
  <si>
    <t>海苔屋さんのふりかけ味のり</t>
  </si>
  <si>
    <t>シーウィングス　ふりかけごま塩</t>
  </si>
  <si>
    <t>シーウィングス</t>
  </si>
  <si>
    <t>ｼｰｳｨﾝｸﾞｽ</t>
  </si>
  <si>
    <t>ハチ食品</t>
  </si>
  <si>
    <t>ﾊﾁｼｮｸﾋﾝ</t>
  </si>
  <si>
    <t>ピンクの梅ごましおちゃん　容器入</t>
  </si>
  <si>
    <t>ごましお　容器</t>
  </si>
  <si>
    <t>梅ごま塩　容器</t>
  </si>
  <si>
    <t>わさび薬味</t>
  </si>
  <si>
    <t>ゆずパッパッ瓶</t>
  </si>
  <si>
    <t>ごはんにかけるバリ勝男クン</t>
  </si>
  <si>
    <t>ごはんにかけるパリのり子</t>
  </si>
  <si>
    <t>デカ盛子持ちきくらげ</t>
  </si>
  <si>
    <t>丸味食品</t>
  </si>
  <si>
    <t>ﾏﾙﾐｼｮｸﾋﾝ</t>
  </si>
  <si>
    <t>徳用</t>
  </si>
  <si>
    <t>鮭ふりかけ</t>
  </si>
  <si>
    <t>汎用型</t>
  </si>
  <si>
    <t>岩下の新生姜味お茶漬け</t>
  </si>
  <si>
    <t>きざみ塩こんぶごま入りボトル</t>
  </si>
  <si>
    <t>フリフリ塩こんぶしそボトル</t>
  </si>
  <si>
    <t>料理好きのあなたへ　キリっと生姜</t>
  </si>
  <si>
    <t>カットわかめ業務用</t>
  </si>
  <si>
    <t>13kg</t>
  </si>
  <si>
    <t>カンコクイワノリ</t>
  </si>
  <si>
    <t>24枚入</t>
  </si>
  <si>
    <t>ｲﾄｳ</t>
  </si>
  <si>
    <t>サブキャラフル星型</t>
  </si>
  <si>
    <t>2.8g</t>
  </si>
  <si>
    <t>バンダイ</t>
  </si>
  <si>
    <t>ﾊﾞﾝﾀﾞｲ</t>
  </si>
  <si>
    <t>サブキャラフルハート型</t>
  </si>
  <si>
    <t>キャラフルミッキーマウス</t>
  </si>
  <si>
    <t>2g</t>
  </si>
  <si>
    <t>キャラフルねこ</t>
  </si>
  <si>
    <t>2.5g</t>
  </si>
  <si>
    <t>韓国岩のり</t>
  </si>
  <si>
    <t>伊藤水産</t>
  </si>
  <si>
    <t>ｲﾄｳｽｲｻﾝ</t>
  </si>
  <si>
    <t>おかずがっこ甘口</t>
  </si>
  <si>
    <t>ｲﾜﾃｹﾝｻﾝ</t>
  </si>
  <si>
    <t>おかずがっこ甘辛</t>
  </si>
  <si>
    <t>有明海産海苔ふりかけセット</t>
  </si>
  <si>
    <t>70g×2_8切8枚×5</t>
  </si>
  <si>
    <t>Ｊ・Ｊフーズ・プランニング</t>
  </si>
  <si>
    <t>ﾁﾖﾉﾘ</t>
  </si>
  <si>
    <t>博多辛子めんたい粉</t>
  </si>
  <si>
    <t>ロングノリ</t>
  </si>
  <si>
    <t>ｲﾉｸﾁ</t>
  </si>
  <si>
    <t>カイソウサラダ　和風</t>
  </si>
  <si>
    <t>カイソウサラダ　韓国風</t>
  </si>
  <si>
    <t>スシノリ　アカ</t>
  </si>
  <si>
    <t>5枚</t>
  </si>
  <si>
    <t>スシノリ　ムラサキ</t>
  </si>
  <si>
    <t>おかず海苔</t>
  </si>
  <si>
    <t>おかずのり３Ｐ</t>
  </si>
  <si>
    <t>6枚×3</t>
  </si>
  <si>
    <t>梅しそのり</t>
  </si>
  <si>
    <t>竹炭手巻達人</t>
  </si>
  <si>
    <t>10枚</t>
  </si>
  <si>
    <t>食卓の香り１２Ｐ</t>
  </si>
  <si>
    <t>12p</t>
  </si>
  <si>
    <t>寿司のり金扇</t>
  </si>
  <si>
    <t>すしのり　銀選</t>
  </si>
  <si>
    <t>モミノリ　２０Ｇ</t>
  </si>
  <si>
    <t>ごましょうゆ</t>
  </si>
  <si>
    <t>カタギ食品</t>
  </si>
  <si>
    <t>ｶﾀｷﾞ</t>
  </si>
  <si>
    <t>ごましお白　青玉入り</t>
  </si>
  <si>
    <t>ごましお　黒</t>
  </si>
  <si>
    <t>台湾産　素干しえび</t>
  </si>
  <si>
    <t>チキンライスの素</t>
  </si>
  <si>
    <t>カモ井食品工業</t>
  </si>
  <si>
    <t>ｶﾓｲ</t>
  </si>
  <si>
    <t>玉九錦糸たまごカレンダー</t>
  </si>
  <si>
    <t>寿司屋横丁　黒</t>
  </si>
  <si>
    <t>卓上追いカツオのり</t>
  </si>
  <si>
    <t>32枚</t>
  </si>
  <si>
    <t>卓上うめしそのり</t>
  </si>
  <si>
    <t>お弁当用のり佃煮</t>
  </si>
  <si>
    <t>10g*6</t>
  </si>
  <si>
    <t>ｼﾏﾉｶ</t>
  </si>
  <si>
    <t>きざみのり</t>
  </si>
  <si>
    <t>サン海苔</t>
  </si>
  <si>
    <t>ｻﾝﾉﾘ</t>
  </si>
  <si>
    <t>焼もみのり</t>
  </si>
  <si>
    <t>有明産　すしはね</t>
  </si>
  <si>
    <t>おかずのりグリーン</t>
  </si>
  <si>
    <t>焼めしの素3人前</t>
  </si>
  <si>
    <t>30.9g</t>
  </si>
  <si>
    <t>ドライカレー</t>
  </si>
  <si>
    <t>ﾏﾙﾁｬﾝ</t>
  </si>
  <si>
    <t>ニチロぷるるんりんご</t>
  </si>
  <si>
    <t>ふりかけパスタにんにく醤油</t>
  </si>
  <si>
    <t>ポケモンお弁当カレーポーク</t>
  </si>
  <si>
    <t>ポケモンオベントカレーチュウカラ</t>
  </si>
  <si>
    <t>お茶づけ海苔新生活</t>
  </si>
  <si>
    <t>8p+1</t>
  </si>
  <si>
    <t>さけ茶づけ新生活</t>
  </si>
  <si>
    <t>6p+1</t>
  </si>
  <si>
    <t>梅干茶づけ新生活</t>
  </si>
  <si>
    <t>イリコ</t>
  </si>
  <si>
    <t>角切り塩っぺ</t>
  </si>
  <si>
    <t>アーモンドフイッシュ</t>
  </si>
  <si>
    <t>8g×6</t>
  </si>
  <si>
    <t>小えびカレンダー</t>
  </si>
  <si>
    <t>ふりかけ昆布</t>
  </si>
  <si>
    <t>日高食品工業</t>
  </si>
  <si>
    <t>ﾋﾀﾞｶ</t>
  </si>
  <si>
    <t>徳とろろ</t>
  </si>
  <si>
    <t>ほんぽ</t>
  </si>
  <si>
    <t>ﾎﾝﾎﾟ</t>
  </si>
  <si>
    <t>アオノリ</t>
  </si>
  <si>
    <t>味とろろ大袋</t>
  </si>
  <si>
    <t>丸美屋　プリキュア　キャラめんトッピング　１４ｇ</t>
  </si>
  <si>
    <t>トサカツオ</t>
  </si>
  <si>
    <t>いりこ削り２００</t>
  </si>
  <si>
    <t>食べる煮干カレンダー</t>
  </si>
  <si>
    <t>サラダヨウカツオパック</t>
  </si>
  <si>
    <t>ﾆﾎﾞｼ</t>
  </si>
  <si>
    <t>安田食品さざなみファミリーパック35g</t>
  </si>
  <si>
    <t>ﾔｽﾀﾞ</t>
  </si>
  <si>
    <t>さざなみファミリーパック</t>
  </si>
  <si>
    <t>ﾔｽﾀﾞｼｮｸﾋﾝ</t>
  </si>
  <si>
    <t>わさび薬味Rパック</t>
  </si>
  <si>
    <t>ふえるわかめちゃん</t>
  </si>
  <si>
    <t>食べるいりこ</t>
  </si>
  <si>
    <t>ﾔﾅｶﾞ</t>
  </si>
  <si>
    <t>つけもの昆布</t>
  </si>
  <si>
    <t>龍口緑豆春雨</t>
  </si>
  <si>
    <t>ﾐﾈｹﾞﾝ</t>
  </si>
  <si>
    <t>もみのり</t>
  </si>
  <si>
    <t>永瀬屋</t>
  </si>
  <si>
    <t>ﾅｶﾞｾﾔ</t>
  </si>
  <si>
    <t>サクラデンブ　アオ</t>
  </si>
  <si>
    <t>堂本食品</t>
  </si>
  <si>
    <t>ｶｸｲﾁ</t>
  </si>
  <si>
    <t>お好み焼きふりかけ</t>
  </si>
  <si>
    <t>カットワカメ</t>
  </si>
  <si>
    <t>島内商事</t>
  </si>
  <si>
    <t>ﾔﾏｻﾞｷｼｮｸﾊﾝ</t>
  </si>
  <si>
    <t>イリコ　　トクダイ</t>
  </si>
  <si>
    <t>ﾏﾙｲﾁｶｲｻﾝ</t>
  </si>
  <si>
    <t>ケヅリブシ</t>
  </si>
  <si>
    <t>無添加いりこ</t>
  </si>
  <si>
    <t>削り節</t>
  </si>
  <si>
    <t>佃煮こんぶごま入り</t>
  </si>
  <si>
    <t>八百屋さんのポテトチップス</t>
  </si>
  <si>
    <t>75ｇ</t>
  </si>
  <si>
    <t>ｼｮｳﾅﾝ</t>
  </si>
  <si>
    <t>ｷｸﾗｹﾞｳﾗｼﾛ</t>
  </si>
  <si>
    <t>ﾜﾀﾅﾍﾞﾉﾘ</t>
  </si>
  <si>
    <t>桜えび２５ｇ</t>
  </si>
  <si>
    <t>海産物問屋カネゲン</t>
  </si>
  <si>
    <t>ｶﾈｹﾞﾝ</t>
  </si>
  <si>
    <t>スープもできるいわしふりかけ</t>
  </si>
  <si>
    <t>おいしいわかめ</t>
  </si>
  <si>
    <t>ﾄｸﾔﾏﾌﾞｯｻﾝ</t>
  </si>
  <si>
    <t>スシノリ</t>
  </si>
  <si>
    <t>100枚</t>
  </si>
  <si>
    <t>4枚</t>
  </si>
  <si>
    <t>アジツキモミノリ</t>
  </si>
  <si>
    <t>いりこ</t>
  </si>
  <si>
    <t>剣先するめ</t>
  </si>
  <si>
    <t>お徳用だし昆布</t>
  </si>
  <si>
    <t>前島食品</t>
  </si>
  <si>
    <t>ﾏｴｼﾞﾏｼｮｸﾋﾝ</t>
  </si>
  <si>
    <t>カリュウ　ネコンブ</t>
  </si>
  <si>
    <t>5g×10</t>
  </si>
  <si>
    <t>ﾏｴｼﾞﾏ</t>
  </si>
  <si>
    <t>ハナカツオ</t>
  </si>
  <si>
    <t>マルモ</t>
  </si>
  <si>
    <t>ﾏﾙﾓ</t>
  </si>
  <si>
    <t>新さつま節　２本組</t>
  </si>
  <si>
    <t>ソフト削り１０Ｐ</t>
  </si>
  <si>
    <t>3g×10</t>
  </si>
  <si>
    <t>アジタテジョウズカツオパック</t>
  </si>
  <si>
    <t>新さつま節３本組</t>
  </si>
  <si>
    <t>薩摩のかつお飯</t>
  </si>
  <si>
    <t>丸庄</t>
  </si>
  <si>
    <t>味にぎりのり１２袋</t>
  </si>
  <si>
    <t>6切6枚×12</t>
  </si>
  <si>
    <t>丸政水産</t>
  </si>
  <si>
    <t>ﾏﾙﾏｻｽｲｻﾝ</t>
  </si>
  <si>
    <t>アジツケニギリメシ</t>
  </si>
  <si>
    <t>10袋</t>
  </si>
  <si>
    <t>味付もみのり</t>
  </si>
  <si>
    <t>１００タバノリ　ビンイリ</t>
  </si>
  <si>
    <t>100束</t>
  </si>
  <si>
    <t>アジツキノリ</t>
  </si>
  <si>
    <t>10束</t>
  </si>
  <si>
    <t>味付のり４束</t>
  </si>
  <si>
    <t>8切5枚×4</t>
  </si>
  <si>
    <t>アジツケノリツメカエヨウ</t>
  </si>
  <si>
    <t>30束</t>
  </si>
  <si>
    <t>味のり（キズ）５</t>
  </si>
  <si>
    <t>焼のり大判</t>
  </si>
  <si>
    <t>4束</t>
  </si>
  <si>
    <t>焼のり（Ｍ）</t>
  </si>
  <si>
    <t>シーラックバリ勝男クン辛いけどウマイ編17g</t>
  </si>
  <si>
    <t>シーラックバリ勝男クンハイッチーズ編17g</t>
  </si>
  <si>
    <t>バリ勝女チャンキレイはゆずれない編17g</t>
  </si>
  <si>
    <t>オカズノリ</t>
  </si>
  <si>
    <t>前田海苔</t>
  </si>
  <si>
    <t>ﾏｴﾀﾞﾉﾘ</t>
  </si>
  <si>
    <t>小羽</t>
  </si>
  <si>
    <t>松尾食品</t>
  </si>
  <si>
    <t>かえり</t>
  </si>
  <si>
    <t>片口</t>
  </si>
  <si>
    <t>アジ子</t>
  </si>
  <si>
    <t>片口いわし</t>
  </si>
  <si>
    <t>やきあご</t>
  </si>
  <si>
    <t>胡麻いりこ</t>
  </si>
  <si>
    <t>あじ子にぼし</t>
  </si>
  <si>
    <t>千切大根</t>
  </si>
  <si>
    <t>山芋こんぶ</t>
  </si>
  <si>
    <t>ケンサキスルメ</t>
  </si>
  <si>
    <t>味のり海峡</t>
  </si>
  <si>
    <t>50束</t>
  </si>
  <si>
    <t>山口県漁連販売</t>
  </si>
  <si>
    <t>ｷﾞｮﾚﾝ</t>
  </si>
  <si>
    <t>漁連おかず海苔</t>
  </si>
  <si>
    <t>にぼしいりこ</t>
  </si>
  <si>
    <t>トロロコンブ</t>
  </si>
  <si>
    <t>ヌカドココンブ</t>
  </si>
  <si>
    <t>ヤサイコンブ</t>
  </si>
  <si>
    <t>ダシコンブ</t>
  </si>
  <si>
    <t>テンネンリシリコンブ</t>
  </si>
  <si>
    <t>いりこ３００Ｇ</t>
  </si>
  <si>
    <t>クロキクラゲ</t>
  </si>
  <si>
    <t>オカズイリコ</t>
  </si>
  <si>
    <t>オダシコンブ</t>
  </si>
  <si>
    <t>キナコ</t>
  </si>
  <si>
    <t>早煮昆布</t>
  </si>
  <si>
    <t>モミノリ</t>
  </si>
  <si>
    <t>オボロコンブ</t>
  </si>
  <si>
    <t>アオノリコ</t>
  </si>
  <si>
    <t>ホシエビ</t>
  </si>
  <si>
    <t>メヒジキ</t>
  </si>
  <si>
    <t>サクラエビ</t>
  </si>
  <si>
    <t>カットダシコンブ</t>
  </si>
  <si>
    <t>オトクヨウカットダシコンブ</t>
  </si>
  <si>
    <t>ネツキハヤニコンブ</t>
  </si>
  <si>
    <t>ホンバニボシイリコ</t>
  </si>
  <si>
    <t>ワカメ</t>
  </si>
  <si>
    <t>韓国のり</t>
  </si>
  <si>
    <t>ｶﾝｺｸ</t>
  </si>
  <si>
    <t>カンコクアジツキノリ</t>
  </si>
  <si>
    <t>8切8枚×10</t>
  </si>
  <si>
    <t>ﾊｿﾝｼﾞｮﾝ</t>
  </si>
  <si>
    <t>韓国海苔</t>
  </si>
  <si>
    <t>6枚×10</t>
  </si>
  <si>
    <t>ｼﾝｶﾞﾈ</t>
  </si>
  <si>
    <t>お茶漬</t>
  </si>
  <si>
    <t>アソート</t>
  </si>
  <si>
    <t>お茶づけ海苔3個セット</t>
  </si>
  <si>
    <t>お茶漬け詰合せ</t>
  </si>
  <si>
    <t>浦島のりお茶漬け3種詰合わせ</t>
  </si>
  <si>
    <t>10袋入</t>
  </si>
  <si>
    <t>２種のお茶づけさけとのり</t>
  </si>
  <si>
    <t>47.8g</t>
  </si>
  <si>
    <t>２種のお茶づけうめとのり</t>
  </si>
  <si>
    <t>47.4g</t>
  </si>
  <si>
    <t>お茶漬亭10袋</t>
  </si>
  <si>
    <t>お茶漬職人粋</t>
  </si>
  <si>
    <t>お茶漬職人贅</t>
  </si>
  <si>
    <t>30.4g</t>
  </si>
  <si>
    <t>お茶漬けめぐり</t>
  </si>
  <si>
    <t>白子お茶漬めぐり</t>
  </si>
  <si>
    <t>白子お茶漬けめぐり</t>
  </si>
  <si>
    <t>味わい茶漬け4種</t>
  </si>
  <si>
    <t>42.6g</t>
  </si>
  <si>
    <t>お茶漬けのり特別編</t>
  </si>
  <si>
    <t>プリキュアお茶づけ</t>
  </si>
  <si>
    <t>家族のお茶漬けわさび</t>
  </si>
  <si>
    <t>家族のしらす茶漬け</t>
  </si>
  <si>
    <t>家族のさけ茶漬け大袋</t>
  </si>
  <si>
    <t>家族のたらこ茶漬け</t>
  </si>
  <si>
    <t>家族のしそ昆布茶漬け大袋</t>
  </si>
  <si>
    <t>SPY×FAMILYお茶づけ</t>
  </si>
  <si>
    <t>家族のお茶漬け海苔</t>
  </si>
  <si>
    <t>家族のお茶漬け鮭</t>
  </si>
  <si>
    <t>家族のお茶漬け梅</t>
  </si>
  <si>
    <t>三味詰め合せ（のりさけうめ）</t>
  </si>
  <si>
    <t>8袋</t>
  </si>
  <si>
    <t>ﾘｷｭｳｱﾝ</t>
  </si>
  <si>
    <t>お茶漬け詰め合わせ</t>
  </si>
  <si>
    <t>お茶漬詰合せ4種</t>
  </si>
  <si>
    <t>39.6g</t>
  </si>
  <si>
    <t>ピロー</t>
  </si>
  <si>
    <t>キャラクター</t>
  </si>
  <si>
    <t>ニチフリ　ゴーバスターズお茶漬</t>
  </si>
  <si>
    <t>ニチフリ獣電戦隊キョウリュウジャーお茶漬け</t>
  </si>
  <si>
    <t>烈車戦隊　トッキュウジャーお茶漬け</t>
  </si>
  <si>
    <t>宇宙戦隊キュウレンジャーお茶づけ４袋</t>
  </si>
  <si>
    <t>13.2G</t>
  </si>
  <si>
    <t>ルパンレンジャーVSパトレンジャーお茶づけ</t>
  </si>
  <si>
    <t>ドラえもんお茶漬け</t>
  </si>
  <si>
    <t>13.2g</t>
  </si>
  <si>
    <t>くまのプーさんお茶づけ</t>
  </si>
  <si>
    <t>妖怪ウォッチ茶づけ</t>
  </si>
  <si>
    <t>15.6g</t>
  </si>
  <si>
    <t>それいけアンパンマンお茶づけ</t>
  </si>
  <si>
    <t>ポケモンお茶漬け</t>
  </si>
  <si>
    <t>鬼滅の刃お茶づけ</t>
  </si>
  <si>
    <t>12.8g</t>
  </si>
  <si>
    <t>ちいかわおちゃづけ</t>
  </si>
  <si>
    <t>プリキュアお茶漬け</t>
  </si>
  <si>
    <t>スマイルプリキュアお茶漬け4袋</t>
  </si>
  <si>
    <t>ドキドキプリキュアお茶漬け</t>
  </si>
  <si>
    <t>ハピネスチャージプリキュアお茶づけ</t>
  </si>
  <si>
    <t>GOプリンセスプリキュア　お茶漬け</t>
  </si>
  <si>
    <t>ＨＵＧっとプリキュア　お茶づけ　４袋</t>
  </si>
  <si>
    <t>14.4G</t>
  </si>
  <si>
    <t>ヒーリングっどプリキュアお茶づけ</t>
  </si>
  <si>
    <t>トロピカルージュプリキュアお茶づけ</t>
  </si>
  <si>
    <t>HSプリキュアお茶づけ</t>
  </si>
  <si>
    <t>ワンダフルプリキュアお茶づけ</t>
  </si>
  <si>
    <t>キミとアイドルプリキュアお茶づけ</t>
  </si>
  <si>
    <t>呪術廻戦お茶づけ海苔</t>
  </si>
  <si>
    <t>お茶づけ海苔10個セット</t>
  </si>
  <si>
    <t>永谷園　お茶づけ海苔　６ｇ×８　２個セット</t>
  </si>
  <si>
    <t>２個セット</t>
  </si>
  <si>
    <t>お茶づけ海苔８袋入　5個セット</t>
  </si>
  <si>
    <t>のりのり茶漬け</t>
  </si>
  <si>
    <t>14p</t>
  </si>
  <si>
    <t>かねふく明太子茶漬</t>
  </si>
  <si>
    <t>37.2g</t>
  </si>
  <si>
    <t>男梅茶漬</t>
  </si>
  <si>
    <t>33.6g</t>
  </si>
  <si>
    <t>柿の種わさび茶漬け</t>
  </si>
  <si>
    <t>32.4g</t>
  </si>
  <si>
    <t>わさび茶漬け</t>
  </si>
  <si>
    <t>七草茶漬け</t>
  </si>
  <si>
    <t>3食入り</t>
  </si>
  <si>
    <t>白子お茶漬けサラサラのり</t>
  </si>
  <si>
    <t>6袋入</t>
  </si>
  <si>
    <t>白子お茶漬けサラサラ鮭</t>
  </si>
  <si>
    <t>白子お茶漬けサラサラわさび</t>
  </si>
  <si>
    <t>お茶漬けサラサラ_のり６Ｐ</t>
  </si>
  <si>
    <t>お茶漬けサラサラ_サケ４Ｐ</t>
  </si>
  <si>
    <t>お茶漬けサラサラ野沢菜わさび</t>
  </si>
  <si>
    <t>お茶漬けサラサラさけ</t>
  </si>
  <si>
    <t>お茶漬けサラサラわさび</t>
  </si>
  <si>
    <t>お茶漬けサラサラカリカリ梅</t>
  </si>
  <si>
    <t>冷やし塩すだち茶づけ</t>
  </si>
  <si>
    <t>さけ青菜茶づけ</t>
  </si>
  <si>
    <t>3.6gX3P</t>
  </si>
  <si>
    <t>たらこわかめ茶づけ</t>
  </si>
  <si>
    <t>3.3gX3P</t>
  </si>
  <si>
    <t>だしごこちだし茶づけかつお袋</t>
  </si>
  <si>
    <t>24.5g</t>
  </si>
  <si>
    <t>お茶漬けのり</t>
  </si>
  <si>
    <t>お茶づけ海苔8袋入</t>
  </si>
  <si>
    <t>冷やし麦茶づけ　梅かつお</t>
  </si>
  <si>
    <t>18.3ｇ</t>
  </si>
  <si>
    <t>冷やし麦茶づけ　焼とうもろこし</t>
  </si>
  <si>
    <t>13.8g</t>
  </si>
  <si>
    <t>冷やし麦茶漬け　天茶</t>
  </si>
  <si>
    <t>１９ｇ</t>
  </si>
  <si>
    <t>一杯でしじみ７０個分のちからしじみ茶漬け</t>
  </si>
  <si>
    <t>冷やし麦茶漬け　梅かつお</t>
  </si>
  <si>
    <t>サケ茶漬け</t>
  </si>
  <si>
    <t>さけ茶づけ6袋入</t>
  </si>
  <si>
    <t>34.8g</t>
  </si>
  <si>
    <t>ウメボシ茶漬け</t>
  </si>
  <si>
    <t>梅干茶づけ6袋入</t>
  </si>
  <si>
    <t>たらこ茶漬け</t>
  </si>
  <si>
    <t>たらこ茶づけ6袋入</t>
  </si>
  <si>
    <t>中華風_鶏粥風茶づけ</t>
  </si>
  <si>
    <t>5g×3</t>
  </si>
  <si>
    <t>和風たまご粥風茶づけ</t>
  </si>
  <si>
    <t>だし茶漬け</t>
  </si>
  <si>
    <t>31.8g</t>
  </si>
  <si>
    <t>わさび茶づけ3袋入</t>
  </si>
  <si>
    <t>15.9g</t>
  </si>
  <si>
    <t>大人御膳紅鮭</t>
  </si>
  <si>
    <t>5.3g</t>
  </si>
  <si>
    <t>大人御膳梅干茶漬け</t>
  </si>
  <si>
    <t>5g</t>
  </si>
  <si>
    <t>ニッポンうまいもん巡り鯛茶づけ</t>
  </si>
  <si>
    <t>26.7g</t>
  </si>
  <si>
    <t>ニッポンうまいもん巡り鶏飯</t>
  </si>
  <si>
    <t>12.9g</t>
  </si>
  <si>
    <t>うまいもん巡りとんこつ明太茶づけ</t>
  </si>
  <si>
    <t>18.6g</t>
  </si>
  <si>
    <t>業務用お茶づけ海苔</t>
  </si>
  <si>
    <t>4.7g*50P</t>
  </si>
  <si>
    <t>梅干茶づけ小袋１袋増量</t>
  </si>
  <si>
    <t>6袋＋1</t>
  </si>
  <si>
    <t>永谷園お茶漬け海苔８Ｐ合格カレー茶漬け付</t>
  </si>
  <si>
    <t>55.5g</t>
  </si>
  <si>
    <t>お茶づけ海苔小袋１袋増量</t>
  </si>
  <si>
    <t>8袋＋1</t>
  </si>
  <si>
    <t>さけ茶づけ小袋１袋増量</t>
  </si>
  <si>
    <t>永谷園さけ茶漬け６Ｐ合格カレー茶漬け付</t>
  </si>
  <si>
    <t>40.5g</t>
  </si>
  <si>
    <t>お茶づけ海苔8袋2個パック</t>
  </si>
  <si>
    <t>さけ茶づけ6袋2個パック</t>
  </si>
  <si>
    <t>梅干茶づけ6袋2個パック</t>
  </si>
  <si>
    <t>お茶づけ海苔8袋入　だし茶漬けのり小袋1袋付</t>
  </si>
  <si>
    <t>53.6g</t>
  </si>
  <si>
    <t>さけ茶づけ6袋入　だし茶漬けのり小袋1袋付</t>
  </si>
  <si>
    <t>梅干茶づけ6袋入　だし茶漬けのり小袋1袋付</t>
  </si>
  <si>
    <t>わさび茶づけ6袋入　だし茶漬けのり小袋1袋付</t>
  </si>
  <si>
    <t>さけ茶づけわさび付き</t>
  </si>
  <si>
    <t>梅干茶づけわさび付き</t>
  </si>
  <si>
    <t>わさび茶づけ１袋増量</t>
  </si>
  <si>
    <t>ちゃ茶ちゃっとのり茶漬</t>
  </si>
  <si>
    <t>ちゃ茶ちゃっとさけ茶漬</t>
  </si>
  <si>
    <t>ちゃ茶ちゃっとわさび茶漬</t>
  </si>
  <si>
    <t>家族のお茶漬塩こんぶ</t>
  </si>
  <si>
    <t>家族のわさび茶漬け大袋</t>
  </si>
  <si>
    <t>家族のわさび鰹茶漬け大袋</t>
  </si>
  <si>
    <t>家族の鶏だし茶漬け参鶏湯風大袋</t>
  </si>
  <si>
    <t>家族の野菜だし茶漬け大袋</t>
  </si>
  <si>
    <t>家族の減塩海苔茶漬け</t>
  </si>
  <si>
    <t>家族の濃い鰹だし茶漬け大袋</t>
  </si>
  <si>
    <t>家族の焼きあごだし茶漬け</t>
  </si>
  <si>
    <t>丸美屋　濃い抹茶茶漬け　長袋分包　４０ｇ</t>
  </si>
  <si>
    <t>丸美屋　濃い鰹だし茶漬け　長袋分包　４０．６ｇ</t>
  </si>
  <si>
    <t>40.6G</t>
  </si>
  <si>
    <t>スープ茶漬け</t>
  </si>
  <si>
    <t>47.6g</t>
  </si>
  <si>
    <t>鮭茶漬けのり</t>
  </si>
  <si>
    <t>業務用　お茶漬けのり</t>
  </si>
  <si>
    <t>336g</t>
  </si>
  <si>
    <t>あさりしぐれ煮風茶漬け</t>
  </si>
  <si>
    <t>お茶漬けさけ</t>
  </si>
  <si>
    <t>お茶漬けうめ</t>
  </si>
  <si>
    <t>大容量</t>
  </si>
  <si>
    <t>永谷園梅干茶漬け６Ｐ合格カレー茶漬け付</t>
  </si>
  <si>
    <t>家族の海苔茶漬け大袋</t>
  </si>
  <si>
    <t>家族のうめ茶漬け大袋</t>
  </si>
  <si>
    <t>家族のたらこ茶漬け大袋</t>
  </si>
  <si>
    <t>家族の塩こんぶ茶漬け大袋</t>
  </si>
  <si>
    <t>家族の鯛だし茶漬け大袋</t>
  </si>
  <si>
    <t>家族の鶏だし茶漬け参鶏湯風</t>
  </si>
  <si>
    <t>家族の貝だし茶漬け大袋</t>
  </si>
  <si>
    <t>お茶漬け海苔８袋東海道カード付</t>
  </si>
  <si>
    <t>さけ茶漬け6袋東海道カード付</t>
  </si>
  <si>
    <t>梅干茶漬け6袋東海道カード付</t>
  </si>
  <si>
    <t>お茶漬けわかめ</t>
  </si>
  <si>
    <t>かみむら屋</t>
  </si>
  <si>
    <t>提案型</t>
  </si>
  <si>
    <t>大袋</t>
  </si>
  <si>
    <t>茶漬け塩こんぶ_鮭</t>
  </si>
  <si>
    <t>ｵｸﾞﾗﾔｺﾝﾌﾞ</t>
  </si>
  <si>
    <t>すべて国産のり茶漬</t>
  </si>
  <si>
    <t>すべて国産さけ茶漬</t>
  </si>
  <si>
    <t>9.6g</t>
  </si>
  <si>
    <t>北海道海鮮茶漬け３種ぐ入り</t>
  </si>
  <si>
    <t>85g×3</t>
  </si>
  <si>
    <t>北海道秋鮭・明太子茶漬け</t>
  </si>
  <si>
    <t>75g×3</t>
  </si>
  <si>
    <t>紀州梅茶漬け</t>
  </si>
  <si>
    <t>北海道秋鮭茶漬け</t>
  </si>
  <si>
    <t>茶漬け一番磯の味</t>
  </si>
  <si>
    <t>茶漬け一番しその味</t>
  </si>
  <si>
    <t>わかめ茶漬け</t>
  </si>
  <si>
    <t>しそ入わかめ茶漬け</t>
  </si>
  <si>
    <t>梅わか茶漬ミニ</t>
  </si>
  <si>
    <t>分包</t>
  </si>
  <si>
    <t>納豆茶漬け</t>
  </si>
  <si>
    <t>7.4g×2</t>
  </si>
  <si>
    <t>たら茶漬</t>
  </si>
  <si>
    <t>大森屋　オートミール茶漬　鮭たまご　</t>
  </si>
  <si>
    <t>16.5GX2</t>
  </si>
  <si>
    <t>大森屋　オートミール茶漬　梅わかめ　</t>
  </si>
  <si>
    <t>16GX2</t>
  </si>
  <si>
    <t>おとなのお茶づけのり</t>
  </si>
  <si>
    <t>おとなのお茶漬け鮭</t>
  </si>
  <si>
    <t>おとなのお茶漬け梅</t>
  </si>
  <si>
    <t>おとなのお茶づけわさび</t>
  </si>
  <si>
    <t>鯛だし茶づけ</t>
  </si>
  <si>
    <t>夜のお茶漬け_とんこつ茶漬け</t>
  </si>
  <si>
    <t>6袋</t>
  </si>
  <si>
    <t>朝のお茶づけみそ仕立て</t>
  </si>
  <si>
    <t>おだしぞうすいさけ</t>
  </si>
  <si>
    <t>おだしぞうすいかに風味</t>
  </si>
  <si>
    <t>パパッと減塩おだしぞうすいさけ</t>
  </si>
  <si>
    <t>パパッと減塩おだしぞうすいかに風味</t>
  </si>
  <si>
    <t>めかぶ茶漬</t>
  </si>
  <si>
    <t>しじみ茶漬</t>
  </si>
  <si>
    <t>5.7g×5</t>
  </si>
  <si>
    <t>北海道知床鶏だし茶漬け</t>
  </si>
  <si>
    <t>9g×3</t>
  </si>
  <si>
    <t>トーノーうなぎ茶漬け</t>
  </si>
  <si>
    <t>3人前</t>
  </si>
  <si>
    <t>あごだし茶漬け焼えび入り</t>
  </si>
  <si>
    <t>ナスズケノモト</t>
  </si>
  <si>
    <t>井上清助商店</t>
  </si>
  <si>
    <t>お茶づけ海苔4個セット</t>
  </si>
  <si>
    <t>湘和にんにくたまり漬</t>
  </si>
  <si>
    <t>湘和千切り生姜（紅生姜）</t>
  </si>
  <si>
    <t>海苔茶漬け</t>
  </si>
  <si>
    <t>鮭茶漬け</t>
  </si>
  <si>
    <t>梅茶漬け</t>
  </si>
  <si>
    <t>ゆず茶漬け</t>
  </si>
  <si>
    <t>インスタントマッシュポテト</t>
  </si>
  <si>
    <t>椎茸肉厚</t>
  </si>
  <si>
    <t>ｴﾘｴ</t>
  </si>
  <si>
    <t>お惣菜ひじき</t>
  </si>
  <si>
    <t>153g</t>
  </si>
  <si>
    <t>お惣菜きざみ昆布</t>
  </si>
  <si>
    <t>マイサイズ　スープごはんの素</t>
  </si>
  <si>
    <t>お茶漬５袋</t>
  </si>
  <si>
    <t>発芽玄米粉入りなめたけ茶漬け</t>
  </si>
  <si>
    <t>トマト茶漬け</t>
  </si>
  <si>
    <t>たら茶漬け</t>
  </si>
  <si>
    <t>たらこんぶ茶漬け</t>
  </si>
  <si>
    <t>お茶漬亭</t>
  </si>
  <si>
    <t>47.2g</t>
  </si>
  <si>
    <t>漁師めし茶漬</t>
  </si>
  <si>
    <t>26G</t>
  </si>
  <si>
    <t>だしわかめ茶漬け</t>
  </si>
  <si>
    <t>だしわかめ茶漬け　梅しそ</t>
  </si>
  <si>
    <t>クルトン　カレンダー</t>
  </si>
  <si>
    <t>味噌汁の具　カレンダー</t>
  </si>
  <si>
    <t>中国産椎茸　中葉</t>
  </si>
  <si>
    <t>北川</t>
  </si>
  <si>
    <t>ｷﾀｶﾞﾜ</t>
  </si>
  <si>
    <t>椎茸　ふるさと香味</t>
  </si>
  <si>
    <t>椎茸お徳用中葉</t>
  </si>
  <si>
    <t>イリゴマ　シロ</t>
  </si>
  <si>
    <t>イリゴマ　クロ</t>
  </si>
  <si>
    <t>洗いゴマ　白</t>
  </si>
  <si>
    <t>カンピーかんてん（赤）２本</t>
  </si>
  <si>
    <t>2本</t>
  </si>
  <si>
    <t>料理人カット春雨</t>
  </si>
  <si>
    <t>スリゴマシロ</t>
  </si>
  <si>
    <t>かどや製油</t>
  </si>
  <si>
    <t>ｶﾄﾞﾔｾｲﾕ</t>
  </si>
  <si>
    <t>緑豆春雨ブロック</t>
  </si>
  <si>
    <t>40g×2</t>
  </si>
  <si>
    <t>ｼﾓﾀﾞｼｮｳｼﾞ</t>
  </si>
  <si>
    <t>いりごま黒</t>
  </si>
  <si>
    <t>カレンダー和えもの一番ごま</t>
  </si>
  <si>
    <t>カレンダー和えもの一番五穀</t>
  </si>
  <si>
    <t>お茶漬けさらさら　のり</t>
  </si>
  <si>
    <t>茶漬けさらさら　サケ</t>
  </si>
  <si>
    <t>お茶漬けさらさら　わさび袋</t>
  </si>
  <si>
    <t>お茶漬けアソート３Ｐ</t>
  </si>
  <si>
    <t>お茶漬けさらさらのり</t>
  </si>
  <si>
    <t>お茶漬けさらさら鮭</t>
  </si>
  <si>
    <t>お茶漬けさらさらわさび</t>
  </si>
  <si>
    <t>梅しそ茶漬け</t>
  </si>
  <si>
    <t>お茶漬けさらさら野沢菜</t>
  </si>
  <si>
    <t>めかぶとろろ</t>
  </si>
  <si>
    <t>瀬川食品</t>
  </si>
  <si>
    <t>ｾｶﾞﾜｼｮｸﾋﾝ</t>
  </si>
  <si>
    <t>ネコンブイリトロロ</t>
  </si>
  <si>
    <t>お茶漬気分_梅</t>
  </si>
  <si>
    <t>お茶漬気分_のり</t>
  </si>
  <si>
    <t>お茶漬気分_鮭</t>
  </si>
  <si>
    <t>とくまるこうやくん</t>
  </si>
  <si>
    <t>登喜和冷凍食品</t>
  </si>
  <si>
    <t>ﾂﾙﾊﾌﾞﾀｴ</t>
  </si>
  <si>
    <t>ダイヤ豆腐</t>
  </si>
  <si>
    <t>ダイヤ食品</t>
  </si>
  <si>
    <t>ｱｻﾋﾏﾂ</t>
  </si>
  <si>
    <t>ダイヤトウフ　５Ｐ</t>
  </si>
  <si>
    <t>コウヤドウフ　トクヨウオレ</t>
  </si>
  <si>
    <t>野沢菜茶漬</t>
  </si>
  <si>
    <t>4g×3</t>
  </si>
  <si>
    <t>トクセン　ナメタケチヤヅケ</t>
  </si>
  <si>
    <t>ナガノトマト</t>
  </si>
  <si>
    <t>鮭ほぐし茶づけ</t>
  </si>
  <si>
    <t>貝柱しぐれ茶づけ</t>
  </si>
  <si>
    <t>中華茶漬け鶏スープ</t>
  </si>
  <si>
    <t>中華茶漬け海鮮スープ</t>
  </si>
  <si>
    <t>刻み具材のお茶漬けザサイ生姜</t>
  </si>
  <si>
    <t>刻み具材のお茶漬け高菜じゃこ</t>
  </si>
  <si>
    <t>刻み具材のお茶漬け鶏柚子胡椒</t>
  </si>
  <si>
    <t>夜のお茶漬け　鯛だしの茶漬け</t>
  </si>
  <si>
    <t>13.6g</t>
  </si>
  <si>
    <t>冷しウーロン茶漬け　貝柱</t>
  </si>
  <si>
    <t>冷やし烏龍茶づけ　蒸し鶏</t>
  </si>
  <si>
    <t>冷やし烏龍茶漬蒸鶏あっさごま</t>
  </si>
  <si>
    <t>冷やし烏龍茶漬つゆだく牛丼風</t>
  </si>
  <si>
    <t>朝のお茶づけ和からし納豆</t>
  </si>
  <si>
    <t>15.2g</t>
  </si>
  <si>
    <t>とんこつ茶づけ</t>
  </si>
  <si>
    <t>ピリ辛高菜茶づけ</t>
  </si>
  <si>
    <t>極うまスープ茶漬け塩豚</t>
  </si>
  <si>
    <t>スープ茶漬け　こく醤油</t>
  </si>
  <si>
    <t>15.8g</t>
  </si>
  <si>
    <t>スープ茶漬けキムチチゲ風</t>
  </si>
  <si>
    <t>だし茶漬さけ</t>
  </si>
  <si>
    <t>ラーメン茶漬け　鳥だし</t>
  </si>
  <si>
    <t>ラーメン茶漬け　とんこつ</t>
  </si>
  <si>
    <t>ラーメン茶漬けしょうゆ</t>
  </si>
  <si>
    <t>ラーメン茶漬け　味噌</t>
  </si>
  <si>
    <t>ラーメン茶漬けとんこつ</t>
  </si>
  <si>
    <t>紅鮭茶づけｶﾚﾝﾀﾞｰ</t>
  </si>
  <si>
    <t>お茶漬けいろいろ</t>
  </si>
  <si>
    <t>ポケモン茶漬け</t>
  </si>
  <si>
    <t>FDにゅうめん鶏だし柚子ｶﾚﾝﾀﾞｰ</t>
  </si>
  <si>
    <t>わさび茶づけ　秋まつり</t>
  </si>
  <si>
    <t>わさび茶漬け　受験生</t>
  </si>
  <si>
    <t>お茶漬け徳用景品付</t>
  </si>
  <si>
    <t>さけ茶漬け徳用景品付</t>
  </si>
  <si>
    <t>梅干茶づけ　朝茶漬付</t>
  </si>
  <si>
    <t>わさび茶づけ　朝茶漬付</t>
  </si>
  <si>
    <t>お茶づけ海苔増量品</t>
  </si>
  <si>
    <t>さけ茶づけ増量品</t>
  </si>
  <si>
    <t>お茶漬け海苔中華粥付き</t>
  </si>
  <si>
    <t>53.2g</t>
  </si>
  <si>
    <t>お茶漬けさけ中華粥付き</t>
  </si>
  <si>
    <t>38.2g</t>
  </si>
  <si>
    <t>合格ドライあさげ６＋１</t>
  </si>
  <si>
    <t>梅干茶づけ増量品</t>
  </si>
  <si>
    <t>お茶づけ海苔カテキン付</t>
  </si>
  <si>
    <t>さけ茶づけカテキン付</t>
  </si>
  <si>
    <t>梅干茶づけカテキン付</t>
  </si>
  <si>
    <t>お茶漬け海苔　受験生</t>
  </si>
  <si>
    <t>さけ茶づけ　受験生</t>
  </si>
  <si>
    <t>梅干茶づけ　受験生</t>
  </si>
  <si>
    <t>わさび茶づけカテキン付</t>
  </si>
  <si>
    <t>お茶漬け梅干し鮭茶漬</t>
  </si>
  <si>
    <t>38.5g</t>
  </si>
  <si>
    <t>お茶漬け海苔鮭茶漬</t>
  </si>
  <si>
    <t>53.5g</t>
  </si>
  <si>
    <t>お茶漬け鮭鮭茶漬</t>
  </si>
  <si>
    <t>お茶づけ海苔_秋まつり</t>
  </si>
  <si>
    <t>8P＋1</t>
  </si>
  <si>
    <t>さけ茶づけ_秋まつり</t>
  </si>
  <si>
    <t>6P＋1</t>
  </si>
  <si>
    <t>梅干茶づけ_秋まつり</t>
  </si>
  <si>
    <t>お茶漬けうめ中華粥付き</t>
  </si>
  <si>
    <t>お茶づけ海苔１袋増量</t>
  </si>
  <si>
    <t>さけ茶づけ１袋増量</t>
  </si>
  <si>
    <t>梅干茶づけ１袋増量</t>
  </si>
  <si>
    <t>味わい茶漬け１袋増量</t>
  </si>
  <si>
    <t>味わい茶漬け</t>
  </si>
  <si>
    <t>85.2g</t>
  </si>
  <si>
    <t>お茶づけ海苔わさび付き</t>
  </si>
  <si>
    <t>味わい茶漬け２袋増量</t>
  </si>
  <si>
    <t>8p+2</t>
  </si>
  <si>
    <t>乾燥ほうれん草</t>
  </si>
  <si>
    <t>だしぞうすい_さけ</t>
  </si>
  <si>
    <t>だしぞうすい_かに</t>
  </si>
  <si>
    <t>はごろも　おだしぞうすいゆずこしょう風味</t>
  </si>
  <si>
    <t>だし茶漬海苔</t>
  </si>
  <si>
    <t>だし茶漬け梅</t>
  </si>
  <si>
    <t>だし茶漬けわさび</t>
  </si>
  <si>
    <t>だし茶漬_鮭</t>
  </si>
  <si>
    <t>広島菜茶漬け</t>
  </si>
  <si>
    <t>とっとこハム太郎茶漬け</t>
  </si>
  <si>
    <t>まる茶漬のり</t>
  </si>
  <si>
    <t>まる茶漬梅</t>
  </si>
  <si>
    <t>まる茶漬鮭</t>
  </si>
  <si>
    <t>Ｍプリキュアお茶づけ　４袋</t>
  </si>
  <si>
    <t>Kプリキュアお茶づけ４袋</t>
  </si>
  <si>
    <t>１４．４ｇ</t>
  </si>
  <si>
    <t>ポケモンスープごはんの素カレー</t>
  </si>
  <si>
    <t>ポケモンスープごはんの素野菜</t>
  </si>
  <si>
    <t>家族の茶漬け鶏だし５食</t>
  </si>
  <si>
    <t>家族のお茶漬け２個パック</t>
  </si>
  <si>
    <t>114.5ｇ</t>
  </si>
  <si>
    <t>家族のさけ茶漬け２個パック</t>
  </si>
  <si>
    <t>76.5ｇ</t>
  </si>
  <si>
    <t>お茶漬けわかめさけ</t>
  </si>
  <si>
    <t>お茶漬け梅</t>
  </si>
  <si>
    <t>サラダＤＥサラダ</t>
  </si>
  <si>
    <t>キムチチャヅケ</t>
  </si>
  <si>
    <t>無添加茶漬け紅鮭</t>
  </si>
  <si>
    <t>味わい茶房キムチ茶漬け</t>
  </si>
  <si>
    <t>わかめスープ</t>
  </si>
  <si>
    <t>5.9g</t>
  </si>
  <si>
    <t>26g×5</t>
  </si>
  <si>
    <t>あさ漬大根の素</t>
  </si>
  <si>
    <t>センギリダイコン</t>
  </si>
  <si>
    <t>シイタケ（大分）</t>
  </si>
  <si>
    <t>ドンコシイタケコクサン</t>
  </si>
  <si>
    <t>おかずのり１０Ｐ</t>
  </si>
  <si>
    <t>お茶漬茶々</t>
  </si>
  <si>
    <t>25袋入り</t>
  </si>
  <si>
    <t>ハローキティの鮭茶漬け</t>
  </si>
  <si>
    <t>ハローキティの野沢菜茶漬け</t>
  </si>
  <si>
    <t>椎茸（スライス）</t>
  </si>
  <si>
    <t>タマフ</t>
  </si>
  <si>
    <t>金納興業</t>
  </si>
  <si>
    <t>ｷﾝｹｲ</t>
  </si>
  <si>
    <t>椎茸（肉厚）</t>
  </si>
  <si>
    <t>武久</t>
  </si>
  <si>
    <t>ﾀｹﾋｻ</t>
  </si>
  <si>
    <t>白きくらげ</t>
  </si>
  <si>
    <t>シイタケ　コバ</t>
  </si>
  <si>
    <t>シイタケ　チュウバ</t>
  </si>
  <si>
    <t>国産香信椎茸</t>
  </si>
  <si>
    <t>椎茸　香信</t>
  </si>
  <si>
    <t>椎茸　大葉</t>
  </si>
  <si>
    <t>大分国東椎茸</t>
  </si>
  <si>
    <t>しいたけ（スライス）</t>
  </si>
  <si>
    <t>椎茸日本の味覚</t>
  </si>
  <si>
    <t>緑豆春雨</t>
  </si>
  <si>
    <t>マルトモ物産</t>
  </si>
  <si>
    <t>ﾏﾙﾄﾓﾌﾞｯｻﾝ</t>
  </si>
  <si>
    <t>有明海苔茶漬け</t>
  </si>
  <si>
    <t>20ｇ×4包</t>
  </si>
  <si>
    <t>ﾋｶﾞｼﾂｼｮｳﾃﾝ</t>
  </si>
  <si>
    <t>ごま入りのり茶漬け</t>
  </si>
  <si>
    <t>9袋</t>
  </si>
  <si>
    <t>糸寒天カットタイプ</t>
  </si>
  <si>
    <t>ミヤザキサンセンギリダイコン</t>
  </si>
  <si>
    <t>うなぎ茶漬</t>
  </si>
  <si>
    <t>ワカメチャヅケ</t>
  </si>
  <si>
    <t>ワカメチャヅケシソ</t>
  </si>
  <si>
    <t>生わかめ</t>
  </si>
  <si>
    <t>川崎</t>
  </si>
  <si>
    <t>ｶﾜｻｷ</t>
  </si>
  <si>
    <t>篠崎一雄商店</t>
  </si>
  <si>
    <t>ｼﾉｻﾞｷｼｮｳﾃﾝ</t>
  </si>
  <si>
    <t>白花豆</t>
  </si>
  <si>
    <t>ナカトラ</t>
  </si>
  <si>
    <t>ﾅｶﾄﾗ</t>
  </si>
  <si>
    <t>うずら豆</t>
  </si>
  <si>
    <t>国内大豆</t>
  </si>
  <si>
    <t>北海黒豆</t>
  </si>
  <si>
    <t>ポップコーン</t>
  </si>
  <si>
    <t>豆勝</t>
  </si>
  <si>
    <t>ﾏﾒｶﾂ</t>
  </si>
  <si>
    <t>干ぴょう</t>
  </si>
  <si>
    <t>北海小豆</t>
  </si>
  <si>
    <t>ﾏﾙﾊ</t>
  </si>
  <si>
    <t>中国産小豆徳用</t>
  </si>
  <si>
    <t>アズキ３００</t>
  </si>
  <si>
    <t>ダイナゴン３００</t>
  </si>
  <si>
    <t>キントキマメ３００</t>
  </si>
  <si>
    <t>クロマメ３００</t>
  </si>
  <si>
    <t>ツルノコダイズ３００</t>
  </si>
  <si>
    <t>ウズラマメ３００</t>
  </si>
  <si>
    <t>シラハナマメ３００</t>
  </si>
  <si>
    <t>コクサンシイタケ</t>
  </si>
  <si>
    <t>シイタケ（オオアツ）</t>
  </si>
  <si>
    <t>スライスシイタケ</t>
  </si>
  <si>
    <t>シイタケコバ</t>
  </si>
  <si>
    <t>シイタケドンコ</t>
  </si>
  <si>
    <t>シロキクラゲ</t>
  </si>
  <si>
    <t>ダイズ</t>
  </si>
  <si>
    <t>アズキ</t>
  </si>
  <si>
    <t>クニサキシイタケ</t>
  </si>
  <si>
    <t>クニサキサンドンコ</t>
  </si>
  <si>
    <t>ユデボシダイコン</t>
  </si>
  <si>
    <t>いりごま白</t>
  </si>
  <si>
    <t>ﾋﾏﾜﾘ</t>
  </si>
  <si>
    <t>すりごま白</t>
  </si>
  <si>
    <t>すりごま黒</t>
  </si>
  <si>
    <t>アライゴマ</t>
  </si>
  <si>
    <t>大分国東産椎茸２００Ｇ</t>
  </si>
  <si>
    <t>スライスニンニク</t>
  </si>
  <si>
    <t>即席みそ汁</t>
  </si>
  <si>
    <t>まとめ買い</t>
  </si>
  <si>
    <t>生みそタイプ</t>
  </si>
  <si>
    <t>スタンダードー小容量（4食以下）</t>
  </si>
  <si>
    <t>料亭合わせあおさ汁</t>
  </si>
  <si>
    <t>3食入</t>
  </si>
  <si>
    <t>味雲水</t>
  </si>
  <si>
    <t>新即席名古屋八丁赤だし3食</t>
  </si>
  <si>
    <t>即席健康一杯赤だし</t>
  </si>
  <si>
    <t>89g</t>
  </si>
  <si>
    <t>即席健康一杯あわせ</t>
  </si>
  <si>
    <t>ほっとおみそ汁</t>
  </si>
  <si>
    <t>5食入</t>
  </si>
  <si>
    <t>生みそずい_豆腐わかめ</t>
  </si>
  <si>
    <t>生みそずい_ほうれん草わかめ</t>
  </si>
  <si>
    <t>生みそずい_長ねぎわかめ</t>
  </si>
  <si>
    <t>生みそずいあおさ香りみそ汁</t>
  </si>
  <si>
    <t>21.3g×3</t>
  </si>
  <si>
    <t>生みそずいとん汁</t>
  </si>
  <si>
    <t>69g×2</t>
  </si>
  <si>
    <t>生みそずいまいたけ香みそ汁</t>
  </si>
  <si>
    <t>21.7g×3</t>
  </si>
  <si>
    <t>生タイプとん汁　２Ｐ</t>
  </si>
  <si>
    <t>66.3g</t>
  </si>
  <si>
    <t>生みそずいほうれん草</t>
  </si>
  <si>
    <t>3食</t>
  </si>
  <si>
    <t>生みそずい長ネギ</t>
  </si>
  <si>
    <t>生みそずいとうふ</t>
  </si>
  <si>
    <t>焼きのりのおみそ汁</t>
  </si>
  <si>
    <t>59.1g</t>
  </si>
  <si>
    <t>ナマミソズイ　アワセ</t>
  </si>
  <si>
    <t>袋入生みそずいひきわり納豆汁</t>
  </si>
  <si>
    <t>なまみそずい白みそ</t>
  </si>
  <si>
    <t>無添加九州麦みそ</t>
  </si>
  <si>
    <t>袋入香る季節青さおみそ汁</t>
  </si>
  <si>
    <t>袋入香る季節しじみおみそ汁</t>
  </si>
  <si>
    <t>生みそずいひきわり納豆</t>
  </si>
  <si>
    <t>生みそずいひきわり納豆汁</t>
  </si>
  <si>
    <t>生みそずいとうふ３食</t>
  </si>
  <si>
    <t>生みそずい長ねぎみそ汁</t>
  </si>
  <si>
    <t>生みそずいほうれん草みそ汁</t>
  </si>
  <si>
    <t>袋入生みそずい合せ長ねぎ3食</t>
  </si>
  <si>
    <t>44.7g</t>
  </si>
  <si>
    <t>袋入生みそずい合せほうれん草3食</t>
  </si>
  <si>
    <t>45.3g</t>
  </si>
  <si>
    <t>いりこだしひろがるおみそ汁袋3食</t>
  </si>
  <si>
    <t>生みそずいひきわり納豆汁3食</t>
  </si>
  <si>
    <t>46.5g</t>
  </si>
  <si>
    <t>冷や汁</t>
  </si>
  <si>
    <t>生みそ汁赤みそ袋３Ｐ</t>
  </si>
  <si>
    <t>親父のみそ汁</t>
  </si>
  <si>
    <t>即席料亭合わせあおさ汁　３食</t>
  </si>
  <si>
    <t>ｻﾝｼﾞﾙｼｼｮｳﾕ</t>
  </si>
  <si>
    <t>即席料亭赤だし殻付きしじみ汁</t>
  </si>
  <si>
    <t>オシャーメシグリーンカレケース</t>
  </si>
  <si>
    <t>56g×6</t>
  </si>
  <si>
    <t>生みそ汁あさげ</t>
  </si>
  <si>
    <t>生みそ汁ゆうげ</t>
  </si>
  <si>
    <t>生みそ汁ひるげ</t>
  </si>
  <si>
    <t>1杯でしじみ70個分のちからみそ汁</t>
  </si>
  <si>
    <t>生タイプみそ汁あさげ　麦みそ</t>
  </si>
  <si>
    <t>とん汁</t>
  </si>
  <si>
    <t>具も生タイプあさりみそ汁</t>
  </si>
  <si>
    <t>具も生タイプなめこみそ汁</t>
  </si>
  <si>
    <t>しじみ70個分のちから赤だし</t>
  </si>
  <si>
    <t>58.8g</t>
  </si>
  <si>
    <t>シールド乳酸菌Ｍ-１みそ汁</t>
  </si>
  <si>
    <t>たまねぎのちからみそ汁</t>
  </si>
  <si>
    <t>46.8g</t>
  </si>
  <si>
    <t>生みそタイプみそ汁あさげ</t>
  </si>
  <si>
    <t>54.3g</t>
  </si>
  <si>
    <t>生みそタイプみそ汁ゆうげ</t>
  </si>
  <si>
    <t>生みそタイプみそ汁ひるげ</t>
  </si>
  <si>
    <t>生みそタイプみそ汁納豆汁</t>
  </si>
  <si>
    <t>3食分</t>
  </si>
  <si>
    <t>脂っぽい料理に黒豆のちからみそ汁</t>
  </si>
  <si>
    <t>55.2g</t>
  </si>
  <si>
    <t>煮干しのちからみそ汁</t>
  </si>
  <si>
    <t>56.4g</t>
  </si>
  <si>
    <t>かにのちからみそ汁</t>
  </si>
  <si>
    <t>52.5g</t>
  </si>
  <si>
    <t>ユーグレナのおみそ汁</t>
  </si>
  <si>
    <t>42.9g</t>
  </si>
  <si>
    <t>生みそタイプみそ汁　あさげ　麦みそ</t>
  </si>
  <si>
    <t>56.4ｇ</t>
  </si>
  <si>
    <t>おみそ汁の大革命野菜いきいきその1</t>
  </si>
  <si>
    <t>おすし屋さんかにだし</t>
  </si>
  <si>
    <t>お寿司屋さんの海鮮赤だし</t>
  </si>
  <si>
    <t>生タイプ具あさり</t>
  </si>
  <si>
    <t>生タイプ具しじみ</t>
  </si>
  <si>
    <t>お寿司屋さんのみそ汁えびだし</t>
  </si>
  <si>
    <t>ふんわりたまごのおみそ汁</t>
  </si>
  <si>
    <t>磯の香りのおみそ汁</t>
  </si>
  <si>
    <t>今日の一椀</t>
  </si>
  <si>
    <t>健康一椀　しじみ</t>
  </si>
  <si>
    <t>おすしやさんの味噌汁あら汁</t>
  </si>
  <si>
    <t>磯の香みそ汁　袋</t>
  </si>
  <si>
    <t>ほうれん1束みそ汁3食</t>
  </si>
  <si>
    <t>ごぼうのおみそ汁３食</t>
  </si>
  <si>
    <t>3食_</t>
  </si>
  <si>
    <t>揚げ茄子のお味噌汁</t>
  </si>
  <si>
    <t>おすし屋贅沢仕立てあおさ</t>
  </si>
  <si>
    <t>4食入</t>
  </si>
  <si>
    <t>たまごとほうれん草のみそ汁</t>
  </si>
  <si>
    <t>4食</t>
  </si>
  <si>
    <t>七味信州白みそ</t>
  </si>
  <si>
    <t>野菜がおいしい_とん汁</t>
  </si>
  <si>
    <t>食べるもちもちおみそ汁</t>
  </si>
  <si>
    <t>具だくさんカレー豚汁</t>
  </si>
  <si>
    <t>生タイプの具_とん汁</t>
  </si>
  <si>
    <t>ひかり味噌　かぼちゃのＭｉｓｏスープ</t>
  </si>
  <si>
    <t>アゲナストウフミソシル</t>
  </si>
  <si>
    <t>長熟生みそ　わかめ</t>
  </si>
  <si>
    <t>長熟生みそ　油あげ</t>
  </si>
  <si>
    <t>即席料亭の味長ねぎ</t>
  </si>
  <si>
    <t>即席料亭の味とうふ</t>
  </si>
  <si>
    <t>魚市場のおみそ汁_海苔</t>
  </si>
  <si>
    <t>18g×3</t>
  </si>
  <si>
    <t>魚市場のおみそ汁かに風味</t>
  </si>
  <si>
    <t>国産かぼちゃの味噌汁２食</t>
  </si>
  <si>
    <t>国産さつまいもの味噌汁２食</t>
  </si>
  <si>
    <t>オトナのためのにんにくとん汁</t>
  </si>
  <si>
    <t>〆の一杯しじみ汁</t>
  </si>
  <si>
    <t>国産殻付きしじみのみそ汁</t>
  </si>
  <si>
    <t>2ｼｮｸ</t>
  </si>
  <si>
    <t>ほぼカニ汁</t>
  </si>
  <si>
    <t>リョウテイノアジ　タマゴホウレンソウ</t>
  </si>
  <si>
    <t>リョウテイノアジ　ナガネギ</t>
  </si>
  <si>
    <t>即席豆腐のお味噌汁</t>
  </si>
  <si>
    <t>即席わかめのお味噌汁</t>
  </si>
  <si>
    <t>あおさみそ汁</t>
  </si>
  <si>
    <t>みそ汁家族とうふ</t>
  </si>
  <si>
    <t>みそ汁家族フノリ</t>
  </si>
  <si>
    <t>義農味噌伊予のみそ汁あわせ3P</t>
  </si>
  <si>
    <t>伊予のみそ汁</t>
  </si>
  <si>
    <t>田舎甘口みそ汁</t>
  </si>
  <si>
    <t>スタンダードー中容量（5食以上）</t>
  </si>
  <si>
    <t>合わせみそ汁</t>
  </si>
  <si>
    <t>麦米合わせみそ汁</t>
  </si>
  <si>
    <t>10食</t>
  </si>
  <si>
    <t>白みそ汁</t>
  </si>
  <si>
    <t>赤だしみそ汁</t>
  </si>
  <si>
    <t>生タイプみそ汁あさげ徳用2個セット</t>
  </si>
  <si>
    <t>生タイプみそ汁あさげ徳用5個セット</t>
  </si>
  <si>
    <t>5個入セット</t>
  </si>
  <si>
    <t>生タイプみそ汁ゆうげ徳用_5個ｾｯﾄ</t>
  </si>
  <si>
    <t>10食*5</t>
  </si>
  <si>
    <t>10食5</t>
  </si>
  <si>
    <t>みそ汁太郎_12食_5個ｾｯﾄ</t>
  </si>
  <si>
    <t>162g*5</t>
  </si>
  <si>
    <t>１杯でしじみ７０個分のちからお徳用3個セット</t>
  </si>
  <si>
    <t>196g*3</t>
  </si>
  <si>
    <t>即席赤だし10食</t>
  </si>
  <si>
    <t>即席家族に元気しじみ赤</t>
  </si>
  <si>
    <t>10食入</t>
  </si>
  <si>
    <t>イチビキ　即席家族に元気しじみ合　１０食　２１０ｇ</t>
  </si>
  <si>
    <t>即席あわせ10食</t>
  </si>
  <si>
    <t>即席生国産赤だし　選べる10食</t>
  </si>
  <si>
    <t>即席生赤だしえらべる１０食</t>
  </si>
  <si>
    <t>１８ｇ×１０</t>
  </si>
  <si>
    <t>即席生赤だしえらべる</t>
  </si>
  <si>
    <t>即席生国産あわせ　選べる10食</t>
  </si>
  <si>
    <t>即席生あわせえらべる10食</t>
  </si>
  <si>
    <t>即席あわせえらべる</t>
  </si>
  <si>
    <t>12食入</t>
  </si>
  <si>
    <t>マルサン　即席みそ汁　組合せ　１２食</t>
  </si>
  <si>
    <t>12食</t>
  </si>
  <si>
    <t>味の饗宴ねぎのみそ汁</t>
  </si>
  <si>
    <t>こうじみそ汁１０食</t>
  </si>
  <si>
    <t>即席本場赤だし</t>
  </si>
  <si>
    <t>6食入</t>
  </si>
  <si>
    <t>即席赤だし家康</t>
  </si>
  <si>
    <t>6ｼﾖｸ</t>
  </si>
  <si>
    <t>生みそずい合わせ徳用</t>
  </si>
  <si>
    <t>生味噌ずいセット</t>
  </si>
  <si>
    <t>おいしさよりどり徳用１０食</t>
  </si>
  <si>
    <t>旭松_生みそずい赤だしおいしさ_よりどり_10</t>
  </si>
  <si>
    <t>生みそずい豚汁５食</t>
  </si>
  <si>
    <t>332.5g</t>
  </si>
  <si>
    <t>袋入生みそずいとん汁</t>
  </si>
  <si>
    <t>生みそずいよりどり10P</t>
  </si>
  <si>
    <t>生みそずいよりどり野菜10P</t>
  </si>
  <si>
    <t>生みそずい野菜のみそ汁5食</t>
  </si>
  <si>
    <t>生みそずいこだわりとん汁</t>
  </si>
  <si>
    <t>袋入り生みそずい長ねぎ</t>
  </si>
  <si>
    <t>8Ｐ</t>
  </si>
  <si>
    <t>袋入り生みそずいほうれん草</t>
  </si>
  <si>
    <t>生みそずい　無添加よりどり　１０食袋</t>
  </si>
  <si>
    <t>196.4g</t>
  </si>
  <si>
    <t>生みそずい無添加よりどり野菜</t>
  </si>
  <si>
    <t>199g</t>
  </si>
  <si>
    <t>合わせわかめ汁　１０Ｐ</t>
  </si>
  <si>
    <t>低塩わかめ汁　１０Ｐ</t>
  </si>
  <si>
    <t>アカモクとオクラのみそ汁</t>
  </si>
  <si>
    <t>ｻﾝｼﾞﾙｼ_即席料亭赤だし10食</t>
  </si>
  <si>
    <t>即席料亭赤だし</t>
  </si>
  <si>
    <t>サンジルシ　即席　料亭合わせ　　　　　　１０食袋</t>
  </si>
  <si>
    <t>即席料亭合わせ</t>
  </si>
  <si>
    <t>徳用即席合わせあおさのみそ汁</t>
  </si>
  <si>
    <t>8食入り</t>
  </si>
  <si>
    <t>8食</t>
  </si>
  <si>
    <t>10ｼｮｸ</t>
  </si>
  <si>
    <t>１０食入りおみそ汁合わせ</t>
  </si>
  <si>
    <t>１０食入りおみそ汁白みそ</t>
  </si>
  <si>
    <t>みそ汁太郎６種＊２食で１２食</t>
  </si>
  <si>
    <t>199.6g</t>
  </si>
  <si>
    <t>みそ汁太郎</t>
  </si>
  <si>
    <t>1杯でしじみ70個分のちからお徳用</t>
  </si>
  <si>
    <t>みそ汁太郎12食</t>
  </si>
  <si>
    <t>こくだしみそ汁</t>
  </si>
  <si>
    <t>徳用生あさげ</t>
  </si>
  <si>
    <t>徳用生ゆうげ</t>
  </si>
  <si>
    <t>徳用生ひるげ</t>
  </si>
  <si>
    <t>生タイプみそ汁あさげ徳用</t>
  </si>
  <si>
    <t>生タイプみそ汁ゆうげ徳用</t>
  </si>
  <si>
    <t>生タイプみそ汁ひるげ徳用</t>
  </si>
  <si>
    <t>箱入り生みそタイプ12食みそ汁</t>
  </si>
  <si>
    <t>142.8g</t>
  </si>
  <si>
    <t>しじみ味おみそ汁徳用</t>
  </si>
  <si>
    <t>よりどり</t>
  </si>
  <si>
    <t>おすし屋さん徳用８食</t>
  </si>
  <si>
    <t>1616g</t>
  </si>
  <si>
    <t>嬉しいしじみ汁10食</t>
  </si>
  <si>
    <t>徳用3種のお寿司屋さん味噌汁</t>
  </si>
  <si>
    <t>8食入</t>
  </si>
  <si>
    <t>ハナマルキ　ふんわりたまごのおみそ汁</t>
  </si>
  <si>
    <t>からだに嬉しいごまみそ汁</t>
  </si>
  <si>
    <t>煮干しのおだしのおみそ汁</t>
  </si>
  <si>
    <t>ほうれん草1束分の鉄分が摂れるおみそ汁</t>
  </si>
  <si>
    <t>あおさみそ汁5食</t>
  </si>
  <si>
    <t>からだに嬉しいしじみ汁</t>
  </si>
  <si>
    <t>小松菜とじゃこのみそ汁</t>
  </si>
  <si>
    <t>５食</t>
  </si>
  <si>
    <t>ハナマルキ　香り楽しむおみそ汁　わさびと海苔　５食</t>
  </si>
  <si>
    <t>5ｼﾖｸ</t>
  </si>
  <si>
    <t>体に嬉しい焼きあごだし</t>
  </si>
  <si>
    <t>香るみそ汁山椒とオクラ</t>
  </si>
  <si>
    <t>栗かぼちゃのお味噌汁</t>
  </si>
  <si>
    <t>ハナマルキ　謹製ひときわ国産長熟おみそ汁　１０食</t>
  </si>
  <si>
    <t>10ｼﾖｸ</t>
  </si>
  <si>
    <t>ヨアケムテンカミソシル６Ｐ</t>
  </si>
  <si>
    <t>20.5g×6</t>
  </si>
  <si>
    <t>夜明け合わせみそ汁１０Ｐ</t>
  </si>
  <si>
    <t>19g×10</t>
  </si>
  <si>
    <t>円熟こうじのおみそ汁</t>
  </si>
  <si>
    <t>お徳用合わせみそ汁10P</t>
  </si>
  <si>
    <t>お徳用白みそ汁10P</t>
  </si>
  <si>
    <t>産地のみそ汁めぐり</t>
  </si>
  <si>
    <t>即席みそ汁合わせ１２食</t>
  </si>
  <si>
    <t>１０食</t>
  </si>
  <si>
    <t>みそ汁ふぅ合わせ味噌　１２食</t>
  </si>
  <si>
    <t>12ｼﾖｸ</t>
  </si>
  <si>
    <t>みそ汁ふぅ合わせ味噌</t>
  </si>
  <si>
    <t>みそ汁ふぅ減塩</t>
  </si>
  <si>
    <t>味噌屋のまかないみそ汁蔵出し信州こうじみそ</t>
  </si>
  <si>
    <t>味噌屋のまかないみそ汁蔵出し寒熟白つぶみそ</t>
  </si>
  <si>
    <t>味噌屋のまかないみそ汁3種の信州みそ合わせ</t>
  </si>
  <si>
    <t>宮坂醸造　神州一味噌　即席生みそ汁　あおさ減塩　８食</t>
  </si>
  <si>
    <t>お得なあわせみそ仕立て</t>
  </si>
  <si>
    <t>お得な減塩</t>
  </si>
  <si>
    <t>毎日すこやかみそ汁　小町</t>
  </si>
  <si>
    <t>味噌屋の逸品</t>
  </si>
  <si>
    <t>長熟生みそ汁　こし</t>
  </si>
  <si>
    <t>長熟生みそ汁　麹</t>
  </si>
  <si>
    <t>長熟生みそ汁　合わせ豆腐</t>
  </si>
  <si>
    <t>長熟生みそ汁</t>
  </si>
  <si>
    <t>お徳用赤だし</t>
  </si>
  <si>
    <t>お徳用長熟生味噌</t>
  </si>
  <si>
    <t>11食</t>
  </si>
  <si>
    <t>マルコメ君_合わせ１０食</t>
  </si>
  <si>
    <t>おいしさ選べる合わせ１２食</t>
  </si>
  <si>
    <t>お徳用料亭の味合わせ</t>
  </si>
  <si>
    <t>お徳用料亭の味赤だし</t>
  </si>
  <si>
    <t>糀美人の即席みそ汁</t>
  </si>
  <si>
    <t>40g×6P</t>
  </si>
  <si>
    <t>お徳用　料亭の味あおさ</t>
  </si>
  <si>
    <t>６食</t>
  </si>
  <si>
    <t>料亭の味しじみ</t>
  </si>
  <si>
    <t>20g×6P</t>
  </si>
  <si>
    <t>料亭の味揚げなす</t>
  </si>
  <si>
    <t>料亭の味あおさ新お徳用6食</t>
  </si>
  <si>
    <t>102g</t>
  </si>
  <si>
    <t>お徳用　料亭の味　ほうれん草と卵</t>
  </si>
  <si>
    <t>6ｼｮｸ</t>
  </si>
  <si>
    <t>料亭の味野菜お徳用</t>
  </si>
  <si>
    <t>18g×5P</t>
  </si>
  <si>
    <t>魚がし横丁あら汁5食</t>
  </si>
  <si>
    <t>お徳用健康みそ汁野菜</t>
  </si>
  <si>
    <t>17g×5P</t>
  </si>
  <si>
    <t>南関あげと有明産のりのみそ汁</t>
  </si>
  <si>
    <t>樽丁即席合わせみそ汁</t>
  </si>
  <si>
    <t>樽丁アソート</t>
  </si>
  <si>
    <t>樽丁減塩アソート</t>
  </si>
  <si>
    <t>成城石井__こだわり具材のみそ汁アソート__１０食</t>
  </si>
  <si>
    <t>みそ汁生みそタイプ合わせみそ</t>
  </si>
  <si>
    <t>みそ汁生みそタイプ赤だし</t>
  </si>
  <si>
    <t>スタンダードー具練りこみー中容量（19食以下）</t>
  </si>
  <si>
    <t>みそちゃん_わかめ</t>
  </si>
  <si>
    <t>みそちゃん_あさり</t>
  </si>
  <si>
    <t>みそちゃん_しじみ</t>
  </si>
  <si>
    <t>あさげミニ</t>
  </si>
  <si>
    <t>152.8g</t>
  </si>
  <si>
    <t>ゆうげミニ</t>
  </si>
  <si>
    <t>オベントウミソシル　アサゲ</t>
  </si>
  <si>
    <t>即席日替り汁</t>
  </si>
  <si>
    <t>即席わかめ汁</t>
  </si>
  <si>
    <t>即席あさり汁</t>
  </si>
  <si>
    <t>即席しじみ汁</t>
  </si>
  <si>
    <t>ハナマルキ　即席赤だし</t>
  </si>
  <si>
    <t>6食</t>
  </si>
  <si>
    <t>お弁当減塩わかめ</t>
  </si>
  <si>
    <t>即席減塩しじみ　８Ｐ</t>
  </si>
  <si>
    <t>即席減塩わかめ</t>
  </si>
  <si>
    <t>かるしお即席わかめみそ汁減塩</t>
  </si>
  <si>
    <t>かるしお即席しじみ汁</t>
  </si>
  <si>
    <t>ナマミソシルワカメ６ショク</t>
  </si>
  <si>
    <t>120g×6</t>
  </si>
  <si>
    <t>即席みそわかめ　１２食</t>
  </si>
  <si>
    <t>即席みそあさり　８食</t>
  </si>
  <si>
    <t>即席みそしじみ　８食</t>
  </si>
  <si>
    <t>即生とん汁４食</t>
  </si>
  <si>
    <t>即席生みそ汁わかめ汁</t>
  </si>
  <si>
    <t>即席生みそ汁しじみ汁</t>
  </si>
  <si>
    <t>即席生みそ汁あさり</t>
  </si>
  <si>
    <t>即席生みそ汁_とん汁４食</t>
  </si>
  <si>
    <t>即席生みそ汁_減塩12食</t>
  </si>
  <si>
    <t>16食入</t>
  </si>
  <si>
    <t>わかめ即席</t>
  </si>
  <si>
    <t>即席生みそ汁　あさり</t>
  </si>
  <si>
    <t>即席みそ汁_赤だし</t>
  </si>
  <si>
    <t>生みそ汁油あげ</t>
  </si>
  <si>
    <t>生みそ汁料亭の味とん汁</t>
  </si>
  <si>
    <t>しじみ即席</t>
  </si>
  <si>
    <t>生みそ汁料亭の味わかめ</t>
  </si>
  <si>
    <t>生みそ汁料亭の味しじみ</t>
  </si>
  <si>
    <t>生みそ汁料亭の味あさり</t>
  </si>
  <si>
    <t>生みそ汁みそ汁定食</t>
  </si>
  <si>
    <t>生みそ汁料亭の味赤だししじみ</t>
  </si>
  <si>
    <t>生みそ汁減塩しじみ</t>
  </si>
  <si>
    <t>8袋入</t>
  </si>
  <si>
    <t>即席生みそ汁減塩わかめ</t>
  </si>
  <si>
    <t>即席みそ汁5個入り</t>
  </si>
  <si>
    <t>5個</t>
  </si>
  <si>
    <t>スタンダードー具練りこみー大容量（20食以上）</t>
  </si>
  <si>
    <t>紅一点徳用即席パック</t>
  </si>
  <si>
    <t>22食入</t>
  </si>
  <si>
    <t>即席みそ汁減塩お徳用パック</t>
  </si>
  <si>
    <t>22袋入</t>
  </si>
  <si>
    <t>お味噌汁いろいろお徳用２２食</t>
  </si>
  <si>
    <t>22p</t>
  </si>
  <si>
    <t>お得用産地のみそ汁めぐり２０食</t>
  </si>
  <si>
    <t>20食</t>
  </si>
  <si>
    <t>トクヨウ２１Ｐミソシル</t>
  </si>
  <si>
    <t>21p</t>
  </si>
  <si>
    <t>マルコメ君_２１食</t>
  </si>
  <si>
    <t>21P入</t>
  </si>
  <si>
    <t>業務用プチわかめ　５０食</t>
  </si>
  <si>
    <t>50食</t>
  </si>
  <si>
    <t>生みそ汁料亭の味お徳用</t>
  </si>
  <si>
    <t>21P</t>
  </si>
  <si>
    <t>生みそ汁合わせ業務用</t>
  </si>
  <si>
    <t>14g×100P</t>
  </si>
  <si>
    <t>生みそ汁あさり業務用</t>
  </si>
  <si>
    <t>生みそ汁しじみ業務用</t>
  </si>
  <si>
    <t>生みそ汁料亭の味あおさ8食</t>
  </si>
  <si>
    <t>136g</t>
  </si>
  <si>
    <t>プレミアムー小容量（4食以下）</t>
  </si>
  <si>
    <t>八戸せんべい汁しょうゆ味</t>
  </si>
  <si>
    <t>八戸東洋</t>
  </si>
  <si>
    <t>ﾊﾁﾉﾍﾄｳﾖｳ</t>
  </si>
  <si>
    <t>八戸せんべい汁　みそ味</t>
  </si>
  <si>
    <t>123.3g</t>
  </si>
  <si>
    <t>八戸東洋　せんべい汁　しょう油　　１人前</t>
  </si>
  <si>
    <t>36.6g</t>
  </si>
  <si>
    <t>八戸東洋　即席せんべい汁しお味</t>
  </si>
  <si>
    <t>117g</t>
  </si>
  <si>
    <t>せんべい汁_しお味_(4人前)</t>
  </si>
  <si>
    <t>254g（4人前）</t>
  </si>
  <si>
    <t>八戸せんべい汁鍋</t>
  </si>
  <si>
    <t>1P</t>
  </si>
  <si>
    <t>せんべい汁_しょう油味（4人前）</t>
  </si>
  <si>
    <t>270g（4人前）</t>
  </si>
  <si>
    <t>野菜の具どっさりのおみそ汁赤だし3食</t>
  </si>
  <si>
    <t>野菜の具どっさりのおみそ汁あわせ3食</t>
  </si>
  <si>
    <t>懐石仕立赤だし</t>
  </si>
  <si>
    <t>24.8g×3P</t>
  </si>
  <si>
    <t>本場赤だし3種の具</t>
  </si>
  <si>
    <t>生みそずい生タイプ野菜のみそ汁</t>
  </si>
  <si>
    <t>生みそずい生タイプとん汁</t>
  </si>
  <si>
    <t>生みそずいなめこ汁</t>
  </si>
  <si>
    <t>即席料亭合わせあおさ汁</t>
  </si>
  <si>
    <t>即席料亭合わせ桜えびと海苔のみそ汁</t>
  </si>
  <si>
    <t>ｻﾝｼﾞﾙｼ_即席赤だし殻付しじみ汁3食</t>
  </si>
  <si>
    <t>即席かきだし入りみそ汁</t>
  </si>
  <si>
    <t>60.6g</t>
  </si>
  <si>
    <t>新庄みそ即席あごだし入りみそ汁</t>
  </si>
  <si>
    <t>57.9g</t>
  </si>
  <si>
    <t>マルちゃんせんべい汁</t>
  </si>
  <si>
    <t>26.5g</t>
  </si>
  <si>
    <t>食事の始めに食べるみそ汁</t>
  </si>
  <si>
    <t>50.4g</t>
  </si>
  <si>
    <t>お味噌汁の大革命その２</t>
  </si>
  <si>
    <t>おみそ汁の大革命_その１</t>
  </si>
  <si>
    <t>おみそ汁大革命野菜いきいき２</t>
  </si>
  <si>
    <t>72.9g</t>
  </si>
  <si>
    <t>野菜いきいきおみそ汁の大革命その1</t>
  </si>
  <si>
    <t>59.7g</t>
  </si>
  <si>
    <t>野菜いきいきおみそ汁の大革命その2</t>
  </si>
  <si>
    <t>お味噌汁大革命その２</t>
  </si>
  <si>
    <t>たっぷり野菜のおみそ汁</t>
  </si>
  <si>
    <t>国産素材のおみそ汁</t>
  </si>
  <si>
    <t>もっと食物繊維　３Ｐ</t>
  </si>
  <si>
    <t>６種の野菜おみそ汁２食</t>
  </si>
  <si>
    <t>おすし屋さんのみそ汁贅沢仕立て赤だしなめこ</t>
  </si>
  <si>
    <t>2食入</t>
  </si>
  <si>
    <t>有機そだちのおみそ汁_3食入</t>
  </si>
  <si>
    <t>ひかり味噌　元気プラス　オルニチン入りみそ汁　２０食</t>
  </si>
  <si>
    <t>ずわいがに入りかに汁</t>
  </si>
  <si>
    <t>ずわいがに入りかに汁袋</t>
  </si>
  <si>
    <t>国産しじみ汁</t>
  </si>
  <si>
    <t>43g×4食入</t>
  </si>
  <si>
    <t>コクが自慢のとん汁</t>
  </si>
  <si>
    <t>国産ほたて汁</t>
  </si>
  <si>
    <t>四万十産あおさ汁</t>
  </si>
  <si>
    <t>おいしいね殻付きあさり汁</t>
  </si>
  <si>
    <t>おいしいねずわいがに入りかに汁</t>
  </si>
  <si>
    <t>おいしいねコクが自慢のとん汁</t>
  </si>
  <si>
    <t>おいしいね大きな乱切り揚げなす汁3食</t>
  </si>
  <si>
    <t>おいしいねふっくらむき身あさり汁</t>
  </si>
  <si>
    <t>21g×3</t>
  </si>
  <si>
    <t>3ｼｮｸ</t>
  </si>
  <si>
    <t>チョウジュク　ナマコシ</t>
  </si>
  <si>
    <t>野菜を食べるみそ汁</t>
  </si>
  <si>
    <t>キノコを食べるみそ汁</t>
  </si>
  <si>
    <t>長熟生みそ　豆腐あわせ</t>
  </si>
  <si>
    <t>海藻を食べるみそ汁</t>
  </si>
  <si>
    <t>魚市場のおみそ汁赤だししじみ</t>
  </si>
  <si>
    <t>魚市場のおみそ汁わかめ</t>
  </si>
  <si>
    <t>築地魚河岸横丁あら汁仕立て</t>
  </si>
  <si>
    <t>築地魚河岸横丁貝だし汁</t>
  </si>
  <si>
    <t>築地魚がし横丁しじみ汁</t>
  </si>
  <si>
    <t>築地魚がし横丁かに汁</t>
  </si>
  <si>
    <t>築地魚がし横丁たい汁</t>
  </si>
  <si>
    <t>大豆を食べるみそ汁3食</t>
  </si>
  <si>
    <t>有機みそ汁</t>
  </si>
  <si>
    <t>オーサワジャパン</t>
  </si>
  <si>
    <t>ｵｰｻﾜｼﾞｬﾊﾟﾝ</t>
  </si>
  <si>
    <t>むきみあさりみそ汁</t>
  </si>
  <si>
    <t>プレミアムー中容量（5食以上）</t>
  </si>
  <si>
    <t>加賀麩とあおさ赤だし5p</t>
  </si>
  <si>
    <t>サンジルシ白えびとアカモクのみそ汁5食</t>
  </si>
  <si>
    <t>桜えびと海苔のみそ汁</t>
  </si>
  <si>
    <t>サンジルシ即席味噌屋の太鼓判赤だし6食</t>
  </si>
  <si>
    <t>漁師のまかない海苔のおみそ汁</t>
  </si>
  <si>
    <t>ハナマルキお腹にうれしい腸活みそ汁　５食</t>
  </si>
  <si>
    <t>みそ汁食堂味噌屋の一杯豚汁</t>
  </si>
  <si>
    <t>たまねぎ仕立ての煮込みとん汁5食</t>
  </si>
  <si>
    <t>名店の味ぽん多とん汁</t>
  </si>
  <si>
    <t>減塩ー小容量（4食以下）</t>
  </si>
  <si>
    <t>即席減塩赤だし殻付しじみ汁</t>
  </si>
  <si>
    <t>いたわりみそ汁</t>
  </si>
  <si>
    <t>４２ｇ</t>
  </si>
  <si>
    <t>減塩みそ汁わかめ３Ｐ</t>
  </si>
  <si>
    <t>減塩みそ汁ほうれん草</t>
  </si>
  <si>
    <t>減塩みそ汁豆腐</t>
  </si>
  <si>
    <t>減塩みそ汁長ねぎ</t>
  </si>
  <si>
    <t>1杯でしじみ70個分のちからみそ汁塩分控えめ</t>
  </si>
  <si>
    <t>減塩みそ汁きのこタップリ</t>
  </si>
  <si>
    <t>減塩みそ汁野菜たっぷり</t>
  </si>
  <si>
    <t>ひとしお　みそ汁</t>
  </si>
  <si>
    <t>45.9g</t>
  </si>
  <si>
    <t>生みそ汁あさげ減塩</t>
  </si>
  <si>
    <t>おみそ汁の大革命野菜いきいきその2減塩</t>
  </si>
  <si>
    <t>減塩もっと野菜３食</t>
  </si>
  <si>
    <t>今日の一椀　減塩</t>
  </si>
  <si>
    <t>体に嬉しい減塩野菜みそ汁</t>
  </si>
  <si>
    <t>18g×4</t>
  </si>
  <si>
    <t>具材を楽しむ減塩仕立て海苔汁　4食</t>
  </si>
  <si>
    <t>具材を楽しむ減塩仕立てねぎ汁　4食</t>
  </si>
  <si>
    <t>マルコメ新減塩みそ汁３種</t>
  </si>
  <si>
    <t>減塩ー中容量（5食以上）</t>
  </si>
  <si>
    <t>減塩みそ汁</t>
  </si>
  <si>
    <t>みそ汁太郎減塩_12食_5個ｾｯﾄ</t>
  </si>
  <si>
    <t>150g*5</t>
  </si>
  <si>
    <t>しじみ７０個塩分控えめ徳用3個セット</t>
  </si>
  <si>
    <t>152ｇ*3</t>
  </si>
  <si>
    <t>即席　減塩料亭赤だし　袋</t>
  </si>
  <si>
    <t>即席減塩料亭赤だし</t>
  </si>
  <si>
    <t>みそ汁太郎_減塩</t>
  </si>
  <si>
    <t>1杯でしじみ70個分のちから塩分控えめ徳用</t>
  </si>
  <si>
    <t>みそ汁太郎減塩12食</t>
  </si>
  <si>
    <t>生みそ汁あさげ減塩徳用</t>
  </si>
  <si>
    <t>箱入り生みそタイプ12食みそ汁減塩</t>
  </si>
  <si>
    <t>よりどり減塩</t>
  </si>
  <si>
    <t>減塩嬉しいしじみ10食</t>
  </si>
  <si>
    <t>減塩嬉しいしじみ汁</t>
  </si>
  <si>
    <t>かるしおいしい減塩よりどり</t>
  </si>
  <si>
    <t>かるしお減塩野菜</t>
  </si>
  <si>
    <t>かるしお減塩モロヘイヤ</t>
  </si>
  <si>
    <t>即生減塩みそ汁１０食</t>
  </si>
  <si>
    <t>お徳用減塩みそ汁10P</t>
  </si>
  <si>
    <t>即席みそ汁減塩１２食</t>
  </si>
  <si>
    <t>ひかり55%減塩の健康おみそ汁</t>
  </si>
  <si>
    <t>円熟こうじのおみそ汁_減塩</t>
  </si>
  <si>
    <t>みそ汁ふぅ　減塩　１２食</t>
  </si>
  <si>
    <t>円熟こうじのおみそ汁減塩</t>
  </si>
  <si>
    <t>減塩長ネギ１０Ｐ</t>
  </si>
  <si>
    <t>おいしい減塩アソート１０食</t>
  </si>
  <si>
    <t>お徳用おいしい減塩</t>
  </si>
  <si>
    <t>マルコメ君_減塩１０食</t>
  </si>
  <si>
    <t>おいしさ選べる減塩１２食</t>
  </si>
  <si>
    <t>タニタの社員食堂みそ汁６食</t>
  </si>
  <si>
    <t>タニタ減塩みそ汁</t>
  </si>
  <si>
    <t>お徳用料亭の味減塩</t>
  </si>
  <si>
    <t>お徳用タニタ減塩みそ汁野菜</t>
  </si>
  <si>
    <t>みそ汁生みそタイプ減塩25%</t>
  </si>
  <si>
    <t>ＦＤ</t>
  </si>
  <si>
    <t>レギュラーー小容量（4食以下）</t>
  </si>
  <si>
    <t>根野菜のけんちん汁</t>
  </si>
  <si>
    <t>アスザックフーズ</t>
  </si>
  <si>
    <t>ｱｽｻﾞﾂｸﾌｰｽﾞ</t>
  </si>
  <si>
    <t>具たっぷり味噌汁野菜バラエティ4P</t>
  </si>
  <si>
    <t>51.5g</t>
  </si>
  <si>
    <t>国産海苔のみそ汁3食入</t>
  </si>
  <si>
    <t>北海道産とろろみそ汁3食</t>
  </si>
  <si>
    <t>ギバサってなにさ_みそ汁</t>
  </si>
  <si>
    <t>9g×4</t>
  </si>
  <si>
    <t>納豆汁</t>
  </si>
  <si>
    <t>43.5g</t>
  </si>
  <si>
    <t>冷え知らずさんの生姜みそ汁</t>
  </si>
  <si>
    <t>ＦＤアワセ</t>
  </si>
  <si>
    <t>鶏つくねとしゃきしゃきごぼう</t>
  </si>
  <si>
    <t>香る3種の海藻ととろっとオクラ</t>
  </si>
  <si>
    <t>レギュラーー中容量（5食以上）</t>
  </si>
  <si>
    <t>甘味噌のわかめ汁１０食</t>
  </si>
  <si>
    <t>ね太郎のわかめ汁１０食</t>
  </si>
  <si>
    <t>かねさ　だしにこだわり４種の具合せみそ汁８食</t>
  </si>
  <si>
    <t>60.2g</t>
  </si>
  <si>
    <t>かねさしじみ汁</t>
  </si>
  <si>
    <t>バラミソだし入り合わせ</t>
  </si>
  <si>
    <t>バラミソだし入り赤</t>
  </si>
  <si>
    <t>とろろ昆布汁</t>
  </si>
  <si>
    <t>野菜のみそ汁</t>
  </si>
  <si>
    <t>かねさ　わかめとめかぶのみそ汁　袋　6.8gx8食</t>
  </si>
  <si>
    <t>6.8gx8食</t>
  </si>
  <si>
    <t>こだわりだしのみそ汁セット</t>
  </si>
  <si>
    <t>16ｼｮｸｲﾘ</t>
  </si>
  <si>
    <t>らくらくみそ汁</t>
  </si>
  <si>
    <t>4食入×2P</t>
  </si>
  <si>
    <t>あさげドライタイプ</t>
  </si>
  <si>
    <t>ゆうげドライタイプ</t>
  </si>
  <si>
    <t>粉末ひるげ</t>
  </si>
  <si>
    <t>毎日のおみそ汁5種のバラエティー</t>
  </si>
  <si>
    <t>こくだしみそ汁甘海老だし</t>
  </si>
  <si>
    <t>110.4g</t>
  </si>
  <si>
    <t>フリーズドライあさげ</t>
  </si>
  <si>
    <t>67.2g</t>
  </si>
  <si>
    <t>フリーズドライゆうげ</t>
  </si>
  <si>
    <t>66.4g</t>
  </si>
  <si>
    <t>フリーズドライひるげ</t>
  </si>
  <si>
    <t>毎日みそ汁豚汁入り</t>
  </si>
  <si>
    <t>64.8g</t>
  </si>
  <si>
    <t>フリーズドライこくだしみそ汁8袋入</t>
  </si>
  <si>
    <t>63.2G</t>
  </si>
  <si>
    <t>FDらくらくみそ汁</t>
  </si>
  <si>
    <t>61.8g</t>
  </si>
  <si>
    <t>だしを愉しむおみそ汁</t>
  </si>
  <si>
    <t>具たっぷり味噌汁4P</t>
  </si>
  <si>
    <t>宝幸</t>
  </si>
  <si>
    <t>ﾎｳｺｳ</t>
  </si>
  <si>
    <t>3種のだしのお味噌汁揚げ茄子</t>
  </si>
  <si>
    <t>3種だしのお味噌汁ほうれん草とたまご5食</t>
  </si>
  <si>
    <t>3種のだしのお味噌汁ねぎとわかめ</t>
  </si>
  <si>
    <t>フリーズドライのおみそ汁4種8食</t>
  </si>
  <si>
    <t>8ｼｮｸ</t>
  </si>
  <si>
    <t>ひかり味噌毎日合わせみそ汁わかめ・とうふ</t>
  </si>
  <si>
    <t>20食入</t>
  </si>
  <si>
    <t>ひかり味噌毎日合わせみそ汁長ねぎ・油あげ</t>
  </si>
  <si>
    <t>かねさひいふうみそ汁しじみ</t>
  </si>
  <si>
    <t>かねさひいふうみそ汁わかめ</t>
  </si>
  <si>
    <t>お徳用料亭の味とうふ</t>
  </si>
  <si>
    <t>お徳用料亭の味あおさ</t>
  </si>
  <si>
    <t>お徳用顆粒アソート</t>
  </si>
  <si>
    <t>79g</t>
  </si>
  <si>
    <t>お徳用FD顆粒あおさとしじみ</t>
  </si>
  <si>
    <t>お徳用FD顆粒料亭の味しじみ</t>
  </si>
  <si>
    <t>お徳用FD顆粒料亭の味野菜</t>
  </si>
  <si>
    <t>お徳用FD顆粒料亭の味とん汁</t>
  </si>
  <si>
    <t>4ｼｮｸ</t>
  </si>
  <si>
    <t>お徳用FD顆粒料亭の味茄子</t>
  </si>
  <si>
    <t>お徳用FD顆粒みそ汁料亭の味黒ばらのり</t>
  </si>
  <si>
    <t>5ｼｮｸ</t>
  </si>
  <si>
    <t>こだわり一杯おみそ汁詰め合わせ</t>
  </si>
  <si>
    <t>84.6g</t>
  </si>
  <si>
    <t>コスモス食品</t>
  </si>
  <si>
    <t>ｺｽﾓｽｼｮｸﾋﾝ</t>
  </si>
  <si>
    <t>うちのおみそ汁　なす５食</t>
  </si>
  <si>
    <t>42.5g</t>
  </si>
  <si>
    <t>アサヒグループ食品</t>
  </si>
  <si>
    <t>ｱﾏﾉﾌ-ｽﾞ</t>
  </si>
  <si>
    <t>うちのおみそ汁　野菜５食</t>
  </si>
  <si>
    <t>うちのおみそ汁　ほうれん草５食</t>
  </si>
  <si>
    <t>愛情そのままおみそ汁５種セット</t>
  </si>
  <si>
    <t>ｱﾏﾉｼﾞﾂｷﾞｮｳ</t>
  </si>
  <si>
    <t>うちのおみそ汁　赤だしなめこ５食</t>
  </si>
  <si>
    <t>32.5g</t>
  </si>
  <si>
    <t>うちのおみそ汁　豚汁５食</t>
  </si>
  <si>
    <t>うちのみそ汁とろみ汁</t>
  </si>
  <si>
    <t>ｱｻﾋﾌｰﾄﾞ</t>
  </si>
  <si>
    <t>アマノ　うちのおみそ汁　なす　５食</t>
  </si>
  <si>
    <t>４２．５ｇ</t>
  </si>
  <si>
    <t>ｱﾏﾉﾌｰｽﾞ</t>
  </si>
  <si>
    <t>アマノ　うちのおみそ汁　野菜　５食　４０ｇ</t>
  </si>
  <si>
    <t>うちのおみそ汁赤だしなめこ</t>
  </si>
  <si>
    <t>30.5g</t>
  </si>
  <si>
    <t>うちのおみそ汁わかめと油揚げ</t>
  </si>
  <si>
    <t>うちのおみそ汁なす</t>
  </si>
  <si>
    <t>うちのおみそ汁野菜</t>
  </si>
  <si>
    <t>うちのお吸い物たまごと三つ葉5食</t>
  </si>
  <si>
    <t>愛情いっぱいおみそ汁5種セット</t>
  </si>
  <si>
    <t>美味しい瞬間みそ汁セット</t>
  </si>
  <si>
    <t>おみそ汁四季のおいしさバラエティ</t>
  </si>
  <si>
    <t>いつものおみそ汁10食バラエティセット</t>
  </si>
  <si>
    <t>いつものおみそ汁5食バラエティセット</t>
  </si>
  <si>
    <t>44.5g</t>
  </si>
  <si>
    <t>うちのおみそ汁なすとお揚げ</t>
  </si>
  <si>
    <t>ｱｻﾋｸﾞﾙｰﾌﾟF</t>
  </si>
  <si>
    <t>うちのおみそ汁赤だしなめことわかめ</t>
  </si>
  <si>
    <t>うちのおみそ汁4種の野菜</t>
  </si>
  <si>
    <t>塩味控えめ3種の野菜</t>
  </si>
  <si>
    <t>塩味控えめほうれん草</t>
  </si>
  <si>
    <t>だし香る揚げなすみそ汁</t>
  </si>
  <si>
    <t>37.5g</t>
  </si>
  <si>
    <t>だし香るなめらか豆腐みそ汁</t>
  </si>
  <si>
    <t>フリーズドライ料亭の味アソート4食</t>
  </si>
  <si>
    <t>しあわせみそ汁野菜いろいろ</t>
  </si>
  <si>
    <t>一杯の贅沢　味噌汁セット</t>
  </si>
  <si>
    <t>MCﾌ-ﾄﾞ</t>
  </si>
  <si>
    <t>ひいふうみそ汁_とうふ_顆粒合わせみそ</t>
  </si>
  <si>
    <t>ひいふうみそ汁_しじみ</t>
  </si>
  <si>
    <t>Ｍ３ひいふうわかめ汁</t>
  </si>
  <si>
    <t>Ｍ６ひいふうしじみ汁</t>
  </si>
  <si>
    <t>ＭＡ祭缶ひいふうわかめ汁</t>
  </si>
  <si>
    <t>ＭＧ祭缶ひいふうしじみ汁</t>
  </si>
  <si>
    <t>ひいふうみそ汁　わかめ</t>
  </si>
  <si>
    <t>ひいふうみそ汁しじみ</t>
  </si>
  <si>
    <t>93g</t>
  </si>
  <si>
    <t>みそっこ合わせ</t>
  </si>
  <si>
    <t>フリーズドライブロックあさげシリーズ選べる5メニュー</t>
  </si>
  <si>
    <t>39.5g</t>
  </si>
  <si>
    <t>味噌汁庵選べる５メニュー</t>
  </si>
  <si>
    <t>顆粒料亭の味あおさ</t>
  </si>
  <si>
    <t>お味噌屋さんのみそ汁</t>
  </si>
  <si>
    <t>伊萬里牛の牛みそ汁</t>
  </si>
  <si>
    <t>究極の御味噌汁</t>
  </si>
  <si>
    <t>美味しい瞬間みそ汁</t>
  </si>
  <si>
    <t>いつものおみそ汁5種バラエティセット</t>
  </si>
  <si>
    <t>いつものおみそ汁10種バラエティセット</t>
  </si>
  <si>
    <t>97.5g</t>
  </si>
  <si>
    <t>いつものおみそ汁バラエティセット</t>
  </si>
  <si>
    <t>タニタ食堂監修アソート4食</t>
  </si>
  <si>
    <t>あさげ減塩</t>
  </si>
  <si>
    <t>毎日のおみそ汁5種のバラエティー減塩</t>
  </si>
  <si>
    <t>フリーズドライブロックあさげシリーズ5メニュー減塩</t>
  </si>
  <si>
    <t>36.7g</t>
  </si>
  <si>
    <t>味噌汁庵選べる５メニュー減塩</t>
  </si>
  <si>
    <t>３６ｇ</t>
  </si>
  <si>
    <t>1杯でしじみ70個分のちからみそ汁減塩</t>
  </si>
  <si>
    <t>FDらくらくみそ汁減塩</t>
  </si>
  <si>
    <t>毎日食べたいおみそ汁減塩</t>
  </si>
  <si>
    <t>20ｼｮｸ</t>
  </si>
  <si>
    <t>お徳用顆粒減塩アソート</t>
  </si>
  <si>
    <t>減塩いつものおみそ汁５種バラエティセット３８．５ｇ</t>
  </si>
  <si>
    <t>３８．５ｇ</t>
  </si>
  <si>
    <t>減塩いつものおみそ汁5種バラエティ</t>
  </si>
  <si>
    <t>45.4g</t>
  </si>
  <si>
    <t>減塩うちのおみそ汁なす5食</t>
  </si>
  <si>
    <t>減塩うちのおみそ汁野菜</t>
  </si>
  <si>
    <t>減塩いつものおみそ汁バラエティ</t>
  </si>
  <si>
    <t>減塩いつものおみそ汁10食バラエティセット</t>
  </si>
  <si>
    <t>88.4g</t>
  </si>
  <si>
    <t>減塩いつものおみそ汁5食バラエティセット</t>
  </si>
  <si>
    <t>大容量(20食以上）</t>
  </si>
  <si>
    <t>たっぷりお徳　料亭の味_3個セット</t>
  </si>
  <si>
    <t>たっぷりお徳　料亭の味減塩_3個ｾｯﾄ</t>
  </si>
  <si>
    <t>たっぷりお徳　料亭の味減塩_2個ｾｯﾄ</t>
  </si>
  <si>
    <t>2個ｾｯﾄ</t>
  </si>
  <si>
    <t>たっぷりお徳　料亭の味_2個ｾｯﾄ</t>
  </si>
  <si>
    <t>即席赤だし</t>
  </si>
  <si>
    <t>即席あわせ</t>
  </si>
  <si>
    <t>みそ汁太郎24食</t>
  </si>
  <si>
    <t>324g</t>
  </si>
  <si>
    <t>２４食のおみそ汁</t>
  </si>
  <si>
    <t>324.4g</t>
  </si>
  <si>
    <t>箱入り生みそタイプ徳用24食みそ汁</t>
  </si>
  <si>
    <t>285.6g</t>
  </si>
  <si>
    <t>具材が選べるお徳用みそ汁</t>
  </si>
  <si>
    <t>21食</t>
  </si>
  <si>
    <t>お徳用信州みそ汁２５食</t>
  </si>
  <si>
    <t>25p</t>
  </si>
  <si>
    <t>即席みそ汁合わせ３０食</t>
  </si>
  <si>
    <t>30食</t>
  </si>
  <si>
    <t>みそ汁ふぅ　合わせ味噌　30食</t>
  </si>
  <si>
    <t>３０食</t>
  </si>
  <si>
    <t>30食入</t>
  </si>
  <si>
    <t>お徳用２０食　あわせみそ仕立て</t>
  </si>
  <si>
    <t>お徳用あわせみそ仕立</t>
  </si>
  <si>
    <t>たっぷりお得　24食</t>
  </si>
  <si>
    <t>24食</t>
  </si>
  <si>
    <t>たっぷりお徳32食</t>
  </si>
  <si>
    <t>32p</t>
  </si>
  <si>
    <t>たっぷりお徳用料亭の味　24食</t>
  </si>
  <si>
    <t>たっぷりお徳用料亭の味</t>
  </si>
  <si>
    <t>32食入</t>
  </si>
  <si>
    <t>たっぷりお徳料亭の味</t>
  </si>
  <si>
    <t>36食</t>
  </si>
  <si>
    <t>たっぷりお徳料亭の味減塩</t>
  </si>
  <si>
    <t>ひかり味噌毎日食べたいおみそ汁</t>
  </si>
  <si>
    <t>みそ汁太郎減塩24食</t>
  </si>
  <si>
    <t>２４食のおみそ汁減塩</t>
  </si>
  <si>
    <t>300.4g</t>
  </si>
  <si>
    <t>箱入り生みそタイプ徳用24食みそ汁減塩</t>
  </si>
  <si>
    <t>お徳用減塩みそ汁２５食</t>
  </si>
  <si>
    <t>即席みそ汁減塩３０食</t>
  </si>
  <si>
    <t>みそ汁ふぅ　減塩　30食</t>
  </si>
  <si>
    <t>お徳用減塩</t>
  </si>
  <si>
    <t>たっぷりお徳減塩２４食</t>
  </si>
  <si>
    <t>432g</t>
  </si>
  <si>
    <t>たっぷりお徳32食減塩</t>
  </si>
  <si>
    <t>たっぷりお徳用料亭の味減塩</t>
  </si>
  <si>
    <t>24食入</t>
  </si>
  <si>
    <t>バラ売り</t>
  </si>
  <si>
    <t>カップ</t>
  </si>
  <si>
    <t>カップみそ汁　わかめ</t>
  </si>
  <si>
    <t>油あげみそ汁カップ</t>
  </si>
  <si>
    <t>1p</t>
  </si>
  <si>
    <t>とうふみそ汁カップ</t>
  </si>
  <si>
    <t>ほうれん草みそ汁カップ</t>
  </si>
  <si>
    <t>料亭の味とん汁カップ5個セット</t>
  </si>
  <si>
    <t>カップ生みそずいとん汁</t>
  </si>
  <si>
    <t>カップ生みそずいしじみ汁</t>
  </si>
  <si>
    <t>なまみそずいトン汁</t>
  </si>
  <si>
    <t>大根汁</t>
  </si>
  <si>
    <t>なまみそずいわかめ汁</t>
  </si>
  <si>
    <t>カップの匠　お味噌汁</t>
  </si>
  <si>
    <t>カツプ生みそずい　あわせ</t>
  </si>
  <si>
    <t>生みそずい</t>
  </si>
  <si>
    <t>カップ生みそずいとうふ</t>
  </si>
  <si>
    <t>カップ生みそずい長ねぎ</t>
  </si>
  <si>
    <t>なめこ汁</t>
  </si>
  <si>
    <t>生みそカップしじみ汁</t>
  </si>
  <si>
    <t>紅一点わかめ汁</t>
  </si>
  <si>
    <t>紅一点とうふ汁</t>
  </si>
  <si>
    <t>紅一点とん汁</t>
  </si>
  <si>
    <t>Ｐ１カップわかめと油あげ</t>
  </si>
  <si>
    <t>１食</t>
  </si>
  <si>
    <t>P５カップ野菜のみそ汁</t>
  </si>
  <si>
    <t>ｻﾝｼﾞﾙｼ_即席料亭赤だし長ねぎｶｯﾌﾟ1食</t>
  </si>
  <si>
    <t>即席料亭赤だし長ねぎ</t>
  </si>
  <si>
    <t>即席料亭赤だしとん汁</t>
  </si>
  <si>
    <t>カップ味噌汁油揚げ</t>
  </si>
  <si>
    <t>カップ松茸のお吸いもの</t>
  </si>
  <si>
    <t>3g</t>
  </si>
  <si>
    <t>カップ生タイプあさげ</t>
  </si>
  <si>
    <t>カップ生タイプゆうげ</t>
  </si>
  <si>
    <t>永谷園しじみ７０個分のちからみそ汁カップ</t>
  </si>
  <si>
    <t>カップ入生みそタイプみそ汁　あさげ</t>
  </si>
  <si>
    <t>18.1g</t>
  </si>
  <si>
    <t>カップ入生みそタイプみそ汁　ゆうげ</t>
  </si>
  <si>
    <t>カップ入生みそタイプみそ汁　ひるげ</t>
  </si>
  <si>
    <t>カップ入生タイプゆうげ</t>
  </si>
  <si>
    <t>カップ入生みそタイプみそ汁ひるげ</t>
  </si>
  <si>
    <t>1杯でしじみ70個分のちからカップみそ汁</t>
  </si>
  <si>
    <t>カップ入り生みそタイプみそ汁あさげ海苔</t>
  </si>
  <si>
    <t>20.8g</t>
  </si>
  <si>
    <t>カップ入り生みそタイプみそ汁あさげたっぷり野菜</t>
  </si>
  <si>
    <t>19.6g</t>
  </si>
  <si>
    <t>カップ入生みそみそ汁あさげたっぷり野菜</t>
  </si>
  <si>
    <t>23.2g</t>
  </si>
  <si>
    <t>はなまる屋とん汁カップ</t>
  </si>
  <si>
    <t>はなまる屋_なめこ汁カップ</t>
  </si>
  <si>
    <t>はなまる屋_あさり汁カップ</t>
  </si>
  <si>
    <t>はなまる屋_しじみ汁カップ</t>
  </si>
  <si>
    <t>はなまる屋長ねぎ</t>
  </si>
  <si>
    <t>22.7g</t>
  </si>
  <si>
    <t>はなまる屋　ほうれん草</t>
  </si>
  <si>
    <t>はなまる屋　わかめ</t>
  </si>
  <si>
    <t>はなまる屋　とうふ</t>
  </si>
  <si>
    <t>はなまる屋_カップわかめ</t>
  </si>
  <si>
    <t>スグ旨カップみそ汁長ネギ</t>
  </si>
  <si>
    <t>12.2g</t>
  </si>
  <si>
    <t>スグ旨みそ汁あげなすカップ</t>
  </si>
  <si>
    <t>11.9g</t>
  </si>
  <si>
    <t>スグ旨みそ汁ほうれん草カップ</t>
  </si>
  <si>
    <t>11.5g</t>
  </si>
  <si>
    <t>ハナマルキ　はなまる屋　なめこ　カップ　１食</t>
  </si>
  <si>
    <t>1ｼﾖｸ</t>
  </si>
  <si>
    <t>はなまる屋あさりカップ</t>
  </si>
  <si>
    <t>18.5g</t>
  </si>
  <si>
    <t>はなまる屋しじみカップ</t>
  </si>
  <si>
    <t>スグ旨カップみそ汁しじみ汁</t>
  </si>
  <si>
    <t>10.8g</t>
  </si>
  <si>
    <t>スグ旨カップみそ汁かぼちゃ</t>
  </si>
  <si>
    <t>すぐ旨カップみそ汁長ねぎ</t>
  </si>
  <si>
    <t>11.1g</t>
  </si>
  <si>
    <t>すぐ旨みそ汁あげなすカップ</t>
  </si>
  <si>
    <t>すぐ旨カップみそ汁ほうれん草</t>
  </si>
  <si>
    <t>10.3g</t>
  </si>
  <si>
    <t>すぐ旨カップみそ汁海苔あおさ</t>
  </si>
  <si>
    <t>すぐ旨カップみそ汁とろろ昆布</t>
  </si>
  <si>
    <t>9.9g</t>
  </si>
  <si>
    <t>すぐ旨カップ嬉しいしじみ</t>
  </si>
  <si>
    <t>9.1g</t>
  </si>
  <si>
    <t>カップミソシル・トウフ</t>
  </si>
  <si>
    <t>カップみそ汁_油揚げ</t>
  </si>
  <si>
    <t>カップ味噌汁トン汁</t>
  </si>
  <si>
    <t>即席豚汁</t>
  </si>
  <si>
    <t>55g×3P</t>
  </si>
  <si>
    <t>生きてるまろやかみそ汁</t>
  </si>
  <si>
    <t>9.7g</t>
  </si>
  <si>
    <t>生きてる具だくさん豚汁</t>
  </si>
  <si>
    <t>12.4g</t>
  </si>
  <si>
    <t>とん汁カップ</t>
  </si>
  <si>
    <t>新ひかりきのこ汁</t>
  </si>
  <si>
    <t>新ひかりわかめ汁</t>
  </si>
  <si>
    <t>25.3g</t>
  </si>
  <si>
    <t>新ひかりあさり汁</t>
  </si>
  <si>
    <t>しじみカップ</t>
  </si>
  <si>
    <t>カップみそ汁_わかめ</t>
  </si>
  <si>
    <t>カップみそ汁　とうふ</t>
  </si>
  <si>
    <t>カップみそ汁　ほうれん草</t>
  </si>
  <si>
    <t>カップみそ汁　長ねぎ</t>
  </si>
  <si>
    <t>カップみそ汁　とん汁</t>
  </si>
  <si>
    <t>カップみそ汁　あさり</t>
  </si>
  <si>
    <t>カップみそ汁　しじみ</t>
  </si>
  <si>
    <t>477g</t>
  </si>
  <si>
    <t>カップみそ汁　海苔</t>
  </si>
  <si>
    <t>カップ味噌汁わかめ</t>
  </si>
  <si>
    <t>カップみそ汁とうふ</t>
  </si>
  <si>
    <t>カップみそ汁長ねぎ</t>
  </si>
  <si>
    <t>20.9g</t>
  </si>
  <si>
    <t>カップみそ汁とん汁</t>
  </si>
  <si>
    <t>52.8g</t>
  </si>
  <si>
    <t>カップみそ汁あさり</t>
  </si>
  <si>
    <t>15.4g+殻付あさり</t>
  </si>
  <si>
    <t>カップ味噌汁しじみ</t>
  </si>
  <si>
    <t>カップみそ汁海苔</t>
  </si>
  <si>
    <t>19.9g</t>
  </si>
  <si>
    <t>もずくみそ汁</t>
  </si>
  <si>
    <t>おいしいね　とうふ</t>
  </si>
  <si>
    <t>28.7g</t>
  </si>
  <si>
    <t>おいしいねしじみ</t>
  </si>
  <si>
    <t>おいしいね　わかめ汁</t>
  </si>
  <si>
    <t>26.8g</t>
  </si>
  <si>
    <t>おいしいね　長ねぎ汁</t>
  </si>
  <si>
    <t>25.9g</t>
  </si>
  <si>
    <t>おいしい　とん汁</t>
  </si>
  <si>
    <t>おいしいね　法連草汁</t>
  </si>
  <si>
    <t>おいしいあさり汁</t>
  </si>
  <si>
    <t>おいしいね　なめこ</t>
  </si>
  <si>
    <t>おいしいでっかい具</t>
  </si>
  <si>
    <t>おいしいね　赤だし</t>
  </si>
  <si>
    <t>27.7g</t>
  </si>
  <si>
    <t>おいしいねかに汁</t>
  </si>
  <si>
    <t>おいしいねなめこ</t>
  </si>
  <si>
    <t>6個</t>
  </si>
  <si>
    <t>カップ長ねぎ</t>
  </si>
  <si>
    <t>おわんみそ汁とん汁</t>
  </si>
  <si>
    <t>おわんみそ汁なめこ汁</t>
  </si>
  <si>
    <t>おわんみそ汁あさり汁</t>
  </si>
  <si>
    <t>Ｍカップしじみ</t>
  </si>
  <si>
    <t>カップ_長ねぎ</t>
  </si>
  <si>
    <t>カップ赤だしとうふ</t>
  </si>
  <si>
    <t>料亭の味とうふカップ</t>
  </si>
  <si>
    <t>料亭の味長ねぎ</t>
  </si>
  <si>
    <t>料亭の味ほうれん草カップ</t>
  </si>
  <si>
    <t>料亭の味赤だしとうふ　カップ</t>
  </si>
  <si>
    <t>49g</t>
  </si>
  <si>
    <t>料亭の味あさりカップ</t>
  </si>
  <si>
    <t>料亭の味なめこ　カップ</t>
  </si>
  <si>
    <t>４７ｇ</t>
  </si>
  <si>
    <t>料亭の味とん汁カップ</t>
  </si>
  <si>
    <t>料亭の味　野菜　６入　カップ</t>
  </si>
  <si>
    <t>２５ｇ</t>
  </si>
  <si>
    <t>カップ料亭の味あおさ１食</t>
  </si>
  <si>
    <t>料亭の味あおさ新カップ</t>
  </si>
  <si>
    <t>料亭の味あさり</t>
  </si>
  <si>
    <t>料亭の味なめこカップ</t>
  </si>
  <si>
    <t>カップ　１食分の野菜みそ汁　</t>
  </si>
  <si>
    <t>カップ料亭の味なめこ</t>
  </si>
  <si>
    <t>カップ油あげ</t>
  </si>
  <si>
    <t>カップホット_ホウレンソウワカメ</t>
  </si>
  <si>
    <t>カップホット_トウフワカメ</t>
  </si>
  <si>
    <t>カップホット_アサリガイ</t>
  </si>
  <si>
    <t>ホットトンジル</t>
  </si>
  <si>
    <t>カップみそ汁</t>
  </si>
  <si>
    <t>セブン</t>
  </si>
  <si>
    <t>ｾﾌﾞﾝ</t>
  </si>
  <si>
    <t>１食分の野菜たっぷり野菜のカレースープ</t>
  </si>
  <si>
    <t>26.9ｇ</t>
  </si>
  <si>
    <t>カップみそ汁わかめ</t>
  </si>
  <si>
    <t>カップみそ汁しじみ</t>
  </si>
  <si>
    <t>カップみそ汁カボチャ</t>
  </si>
  <si>
    <t>カップみそ汁揚げなす</t>
  </si>
  <si>
    <t>タニタ監修　めかぶと小葱</t>
  </si>
  <si>
    <t>タニタ監修　きんぴら風</t>
  </si>
  <si>
    <t>タニタ監修　きのこのみそ汁</t>
  </si>
  <si>
    <t>タニタ監修　野菜のみそ汁</t>
  </si>
  <si>
    <t>プレミアム</t>
  </si>
  <si>
    <t>冷え知らずさんの生姜カップとん汁</t>
  </si>
  <si>
    <t>おみそ汁の大革命カップ</t>
  </si>
  <si>
    <t>２７．８ｇ</t>
  </si>
  <si>
    <t>カップ入り生みそタイプみそ汁あさげなめこ</t>
  </si>
  <si>
    <t>マルコメ　築地魚がし横丁　貝だし汁　カップ　２４ｇ</t>
  </si>
  <si>
    <t>マルコメ　築地魚がし横丁　赤だししじみ汁　５０ｇ</t>
  </si>
  <si>
    <t>カップ　魚がし横丁　かに汁</t>
  </si>
  <si>
    <t>1ｼｮｸ</t>
  </si>
  <si>
    <t>ぽん多監修大盛りとん汁</t>
  </si>
  <si>
    <t>大和寿司監修大盛りあら汁</t>
  </si>
  <si>
    <t>FDあおさ</t>
  </si>
  <si>
    <t>FDとうふとわかめ_カップ</t>
  </si>
  <si>
    <t>料亭の味あおさカップ</t>
  </si>
  <si>
    <t>6g×2P</t>
  </si>
  <si>
    <t>成城石井__ざくざくキャベツと六野菜菜のお味噌汁__１食</t>
  </si>
  <si>
    <t>成城石井__とろとろめかぶと四種海藻のお味噌汁__１食</t>
  </si>
  <si>
    <t>成城石井__三種きのことごぼうのお味噌汁__１食</t>
  </si>
  <si>
    <t>納豆入りみそ汁の具</t>
  </si>
  <si>
    <t>かきだし入りみそ汁</t>
  </si>
  <si>
    <t>あごだし入りみそ汁</t>
  </si>
  <si>
    <t>フリーズドライブロックあさげ揚げなす</t>
  </si>
  <si>
    <t>フリーズドライブロックひるげなめこ</t>
  </si>
  <si>
    <t>7.9g</t>
  </si>
  <si>
    <t>フリーズドライブロックゆうげとうふ</t>
  </si>
  <si>
    <t>7.5g</t>
  </si>
  <si>
    <t>フリーズドライブロックあさげ長ねぎ</t>
  </si>
  <si>
    <t>フリーズドライブロックゆうげほうれん草</t>
  </si>
  <si>
    <t>7.1g</t>
  </si>
  <si>
    <t>味噌汁庵_揚げなす</t>
  </si>
  <si>
    <t>味噌汁庵　なめこ　袋</t>
  </si>
  <si>
    <t>永谷園_味噌汁庵長ねぎとわかめ_8G</t>
  </si>
  <si>
    <t>味噌汁庵　ほうれん草　袋</t>
  </si>
  <si>
    <t>7.2g</t>
  </si>
  <si>
    <t>だしいらず母の膳</t>
  </si>
  <si>
    <t>8.9g</t>
  </si>
  <si>
    <t>長ねぎと油あげのおみそ汁</t>
  </si>
  <si>
    <t>10.5g</t>
  </si>
  <si>
    <t>減塩まいたけと油あげのおみそ汁</t>
  </si>
  <si>
    <t>生詰無添加あわせみそを使ったおみそ汁</t>
  </si>
  <si>
    <t>ご亭主みそフリーズドライ</t>
  </si>
  <si>
    <t>8.4ｇ</t>
  </si>
  <si>
    <t>風味豊かなかにだし汁3食</t>
  </si>
  <si>
    <t>マルコメ　ＦＤ顆粒みそ汁　あおさ　１食　６ｇ</t>
  </si>
  <si>
    <t>6G</t>
  </si>
  <si>
    <t>マルコメ　ＦＤ顆粒みそ汁　しじみ　１食　７ｇ</t>
  </si>
  <si>
    <t>7G</t>
  </si>
  <si>
    <t>マルコメ　ＦＤ顆粒みそ汁とうふとわかめ　１食　６ｇ</t>
  </si>
  <si>
    <t>料亭の味あおさ</t>
  </si>
  <si>
    <t>料亭の味とうふわかめ</t>
  </si>
  <si>
    <t>料亭の味とうふ</t>
  </si>
  <si>
    <t>料亭の味やさい</t>
  </si>
  <si>
    <t>料亭の味茄子</t>
  </si>
  <si>
    <t>FD顆粒大満足みそ汁なすと野菜</t>
  </si>
  <si>
    <t>FD顆粒大満足みそ汁海苔おくら</t>
  </si>
  <si>
    <t>FD顆粒大満足みそ汁卵と鶏団子</t>
  </si>
  <si>
    <t>FD顆粒野?洋光監修あさり</t>
  </si>
  <si>
    <t>FD顆粒野?洋光監修かき玉</t>
  </si>
  <si>
    <t>FD顆粒野?洋光監修海苔</t>
  </si>
  <si>
    <t>FD顆粒野?洋光監修鱈</t>
  </si>
  <si>
    <t>FD顆粒野?洋光監修豆腐</t>
  </si>
  <si>
    <t>FD顆粒野?洋光監修豚汁</t>
  </si>
  <si>
    <t>かき玉みそ汁</t>
  </si>
  <si>
    <t>日本農産工業</t>
  </si>
  <si>
    <t>炭火かほる焼きなすのおみそ汁</t>
  </si>
  <si>
    <t>8.7g</t>
  </si>
  <si>
    <t>ごぼうがいっぱい入った豚汁</t>
  </si>
  <si>
    <t>関西の母の味かす汁</t>
  </si>
  <si>
    <t>ねばねば野菜のおみそ汁</t>
  </si>
  <si>
    <t>10.4g</t>
  </si>
  <si>
    <t>日本の採れたてきのこのおみそ汁</t>
  </si>
  <si>
    <t>伊勢湾で育ったあおさの薫るおみそ汁</t>
  </si>
  <si>
    <t>くずしてふわりとうふのおみそ汁</t>
  </si>
  <si>
    <t>9.5g</t>
  </si>
  <si>
    <t>田舎風麦みそ汁</t>
  </si>
  <si>
    <t>京風みそ汁</t>
  </si>
  <si>
    <t>白みそ汁（とうふ入り）</t>
  </si>
  <si>
    <t>なすのおみそ汁</t>
  </si>
  <si>
    <t>ごぼうのおみそ汁</t>
  </si>
  <si>
    <t>長ねぎのおみそ汁</t>
  </si>
  <si>
    <t>豚汁</t>
  </si>
  <si>
    <t>なめこ汁（赤だし）</t>
  </si>
  <si>
    <t>とうふのおみそ汁</t>
  </si>
  <si>
    <t>きのこのおみそ汁</t>
  </si>
  <si>
    <t>ほっといっぱいなめこ汁</t>
  </si>
  <si>
    <t>ほっといっぱい長ねぎ汁</t>
  </si>
  <si>
    <t>ほっといっぱいこまつ菜汁</t>
  </si>
  <si>
    <t>野菜のおみそ汁</t>
  </si>
  <si>
    <t>いつものおみそ汁なす</t>
  </si>
  <si>
    <t>いつものおみそ汁長ねぎ</t>
  </si>
  <si>
    <t>9.0g</t>
  </si>
  <si>
    <t>いつものおみそ汁とうふ</t>
  </si>
  <si>
    <t>いつものおみそ汁ほうれん草</t>
  </si>
  <si>
    <t>アマノいつものおみそ汁ごぼう</t>
  </si>
  <si>
    <t>いつものおみそ汁根菜</t>
  </si>
  <si>
    <t>いつものみそ汁赤だし三つ葉入</t>
  </si>
  <si>
    <t>いつものおみそ汁なめこ</t>
  </si>
  <si>
    <t>いつものおみそ汁野菜</t>
  </si>
  <si>
    <t>いつものおみそ汁あおさ</t>
  </si>
  <si>
    <t>いつものおみそ汁小松菜</t>
  </si>
  <si>
    <t>8.3g</t>
  </si>
  <si>
    <t>いつものおみそ汁里いも</t>
  </si>
  <si>
    <t>いつものおみそ汁白菜</t>
  </si>
  <si>
    <t>みそ汁里自慢瀬戸内みそ　あさり</t>
  </si>
  <si>
    <t>フリーズドライ味噌汁</t>
  </si>
  <si>
    <t>フリーズドライ味噌汁茄子</t>
  </si>
  <si>
    <t>贅沢みそ汁茄子</t>
  </si>
  <si>
    <t>具たっぷり味噌汁なす</t>
  </si>
  <si>
    <t>具たっぷり味噌汁ほうれん草</t>
  </si>
  <si>
    <t>具たっぷり味噌汁きのこ</t>
  </si>
  <si>
    <t>具たっぷり味噌汁豆腐</t>
  </si>
  <si>
    <t>具たっぷり味噌汁　小松菜とねぎ</t>
  </si>
  <si>
    <t>１１．９ｇ</t>
  </si>
  <si>
    <t>具たっぷり味噌汁　なす減塩</t>
  </si>
  <si>
    <t>１２．８ｇ</t>
  </si>
  <si>
    <t>具たっぷり味噌汁　ほうれん草減塩</t>
  </si>
  <si>
    <t>１０．８ｇ</t>
  </si>
  <si>
    <t>具たっぷり味噌汁　きのこ減塩</t>
  </si>
  <si>
    <t>１０．４ｇ</t>
  </si>
  <si>
    <t>具たっぷり味噌汁　豆腐減塩</t>
  </si>
  <si>
    <t>１１．７ｇ</t>
  </si>
  <si>
    <t>あさり</t>
  </si>
  <si>
    <t>1人前</t>
  </si>
  <si>
    <t>ｶｯﾌﾟ</t>
  </si>
  <si>
    <t>８食</t>
  </si>
  <si>
    <t>生みそずいｵﾆからのおみそ汁</t>
  </si>
  <si>
    <t>19G*3</t>
  </si>
  <si>
    <t>しじみわかめスープ辛味</t>
  </si>
  <si>
    <t>61ｇ</t>
  </si>
  <si>
    <t>ぶちうまいみそで作ったみそ汁</t>
  </si>
  <si>
    <t>永谷園いたわりみそ汁ｶｯﾌﾟ</t>
  </si>
  <si>
    <t>1ｶｯﾌﾟ</t>
  </si>
  <si>
    <t>フリーズドライブロックあさげ揚げなす減塩</t>
  </si>
  <si>
    <t>8.6g</t>
  </si>
  <si>
    <t>フリーズドライブロックひるげなめこ減塩</t>
  </si>
  <si>
    <t>6.4g</t>
  </si>
  <si>
    <t>フリーズドライブロックゆうげとうふ減塩</t>
  </si>
  <si>
    <t>フリーズドライブロックあさげ長ねぎ減塩</t>
  </si>
  <si>
    <t>フリーズドライブロックゆうげほうれん草減塩</t>
  </si>
  <si>
    <t>味噌汁庵とうふ</t>
  </si>
  <si>
    <t>7.6ｇ</t>
  </si>
  <si>
    <t>味噌汁庵_揚げなす_減塩</t>
  </si>
  <si>
    <t>味噌汁庵なめこ減塩</t>
  </si>
  <si>
    <t>６．１ｇ</t>
  </si>
  <si>
    <t>味噌汁庵とうふ減塩</t>
  </si>
  <si>
    <t>７．２ｇ</t>
  </si>
  <si>
    <t>味噌汁庵長ねぎとわかめ減塩</t>
  </si>
  <si>
    <t>７．１ｇ</t>
  </si>
  <si>
    <t>味噌汁庵ほうれん草減塩</t>
  </si>
  <si>
    <t>７ｇ</t>
  </si>
  <si>
    <t>料亭合アカモクとオクラのみそ汁</t>
  </si>
  <si>
    <t>減塩なすのお味噌汁</t>
  </si>
  <si>
    <t>減塩野菜のお味噌汁</t>
  </si>
  <si>
    <t>減塩なめこのお味噌汁</t>
  </si>
  <si>
    <t>減塩長ねぎのお味噌汁</t>
  </si>
  <si>
    <t>にゅうめん減塩すまし柚子</t>
  </si>
  <si>
    <t>減塩いつものおみそ汁なす</t>
  </si>
  <si>
    <t>減塩いつものおみそ汁長ねぎ</t>
  </si>
  <si>
    <t>減塩いつものおみそ汁とうふ</t>
  </si>
  <si>
    <t>減塩いつものおみそ汁根菜</t>
  </si>
  <si>
    <t>10.1g</t>
  </si>
  <si>
    <t>減塩いつものおみそ汁赤だし三つ葉入</t>
  </si>
  <si>
    <t>減塩いつものおみそ汁なめこ赤だし</t>
  </si>
  <si>
    <t>減塩いつものおみそ汁野菜</t>
  </si>
  <si>
    <t>減塩いつものおみそ汁ほうれん草</t>
  </si>
  <si>
    <t>大地の贈り物</t>
  </si>
  <si>
    <t>ほうれん草とキャベツ</t>
  </si>
  <si>
    <t>北海道産秋鮭の石狩鍋風</t>
  </si>
  <si>
    <t>11.6g</t>
  </si>
  <si>
    <t>ｱｽｻﾞｯｸ</t>
  </si>
  <si>
    <t>宮城　ふかひれスープ風</t>
  </si>
  <si>
    <t>8.2g</t>
  </si>
  <si>
    <t>新潟　５種のキノコ汁</t>
  </si>
  <si>
    <t>愛知　水炊き風スープ</t>
  </si>
  <si>
    <t>ｱｽｻﾞｩｸ</t>
  </si>
  <si>
    <t>愛媛県産真鯛とゆずのお椀</t>
  </si>
  <si>
    <t>京都九条ねぎいり鴨鍋風</t>
  </si>
  <si>
    <t>広島菜入り牡蠣土手鍋風</t>
  </si>
  <si>
    <t>12.7g</t>
  </si>
  <si>
    <t>福岡　ふぐ鍋風スープ</t>
  </si>
  <si>
    <t>肉吸い</t>
  </si>
  <si>
    <t>13.1g</t>
  </si>
  <si>
    <t>国分グループ本社</t>
  </si>
  <si>
    <t>1食入</t>
  </si>
  <si>
    <t>FD料亭合わせあおさ汁</t>
  </si>
  <si>
    <t>アカモクスープ</t>
  </si>
  <si>
    <t>ＦＤブロック　しじみ７０個分のちからみそ汁</t>
  </si>
  <si>
    <t>９．４ｇ</t>
  </si>
  <si>
    <t>ＦＤブロック　かにのちからみそ汁</t>
  </si>
  <si>
    <t>８．２ｇ</t>
  </si>
  <si>
    <t>三角パックごちそう具材長ねぎ</t>
  </si>
  <si>
    <t>三角パックごちそう具材海苔</t>
  </si>
  <si>
    <t>三角パックごちそう具材オクラ汁</t>
  </si>
  <si>
    <t>角久即席赤出し袋</t>
  </si>
  <si>
    <t>豚汁個食</t>
  </si>
  <si>
    <t>つきぢ田村蟹汁</t>
  </si>
  <si>
    <t>つきぢ田村四種のきのこ</t>
  </si>
  <si>
    <t>つきぢ田村五種の野菜</t>
  </si>
  <si>
    <t>つきぢ田村揚げ茄子</t>
  </si>
  <si>
    <t>料亭のお吸い物_松茸</t>
  </si>
  <si>
    <t>料亭のお吸い物鯛カレンダー</t>
  </si>
  <si>
    <t>ぴりっと酸辣湯スープ</t>
  </si>
  <si>
    <t>ﾆﾎﾝﾉｳｻﾝ</t>
  </si>
  <si>
    <t>クリームスープカルボナーラ仕立て</t>
  </si>
  <si>
    <t>豚汁FD</t>
  </si>
  <si>
    <t>高級赤だし（殻付しじみ入り）</t>
  </si>
  <si>
    <t>お吸いもの松茸</t>
  </si>
  <si>
    <t>お吸いもの鯛</t>
  </si>
  <si>
    <t>4g</t>
  </si>
  <si>
    <t>みそ汁里自慢北海道みそかに汁</t>
  </si>
  <si>
    <t>みそ汁里自慢八丁みそ焼なす</t>
  </si>
  <si>
    <t>にゅうめんとろみ醤油</t>
  </si>
  <si>
    <t>にゅうめんすまし柚子</t>
  </si>
  <si>
    <t>にゅうめんまろやか鶏だし</t>
  </si>
  <si>
    <t>にゅうめん五種の野菜あっさり味噌</t>
  </si>
  <si>
    <t>甘酒　３食パック</t>
  </si>
  <si>
    <t>12g*3</t>
  </si>
  <si>
    <t>いつものおみそ汁豚汁</t>
  </si>
  <si>
    <t>ｱﾏﾉ</t>
  </si>
  <si>
    <t>味わうおみそ汁焼なす</t>
  </si>
  <si>
    <t>味わうおみそ汁炒め野菜</t>
  </si>
  <si>
    <t>味わうおみそ汁しじみ</t>
  </si>
  <si>
    <t>味わうおみそ汁とうふ</t>
  </si>
  <si>
    <t>味わうおみそ汁豚汁</t>
  </si>
  <si>
    <t>味わうおみそ汁白みそ</t>
  </si>
  <si>
    <t>炙りかに雑炊</t>
  </si>
  <si>
    <t>炙りさけ雑炊</t>
  </si>
  <si>
    <t>炙りたらこ雑炊</t>
  </si>
  <si>
    <t>焼なすとトマトのクリームパスタ</t>
  </si>
  <si>
    <t>3種のチーズのクリームパスタ</t>
  </si>
  <si>
    <t>味わうみそ汁みぞれ汁</t>
  </si>
  <si>
    <t>いつものおみそ汁あさり</t>
  </si>
  <si>
    <t>いつものおみそ汁しじみ赤だし</t>
  </si>
  <si>
    <t>いつものおみそ汁とん汁</t>
  </si>
  <si>
    <t>12.5g</t>
  </si>
  <si>
    <t>にゅうめん蟹のかきたま海鮮だし</t>
  </si>
  <si>
    <t>17.8g</t>
  </si>
  <si>
    <t>10品目の一杯こがねの椀合わせみそ</t>
  </si>
  <si>
    <t>10品目の一杯あかねの椀赤みそ</t>
  </si>
  <si>
    <t>いつものおみそ汁贅沢焼なす</t>
  </si>
  <si>
    <t>いつものおみそ汁贅沢なめこ</t>
  </si>
  <si>
    <t>いつものおみそ汁贅沢とうふ</t>
  </si>
  <si>
    <t>いつものおみそ汁贅沢しじみ赤だし</t>
  </si>
  <si>
    <t>いつものおみそ汁贅沢あさり</t>
  </si>
  <si>
    <t>13.3g</t>
  </si>
  <si>
    <t>いつものおみそ汁贅沢豚汁</t>
  </si>
  <si>
    <t>いつものおみそ汁贅沢海苔</t>
  </si>
  <si>
    <t>7.5ｇ</t>
  </si>
  <si>
    <t>九州みそ（もずく汁）</t>
  </si>
  <si>
    <t>畑のカレーひきわり豆トマトカレー</t>
  </si>
  <si>
    <t>贅沢みそ汁ほうれん草</t>
  </si>
  <si>
    <t>ヤマト醤油味噌FD贅沢とん汁酒かす入19g</t>
  </si>
  <si>
    <t>みそ汁以外</t>
  </si>
  <si>
    <t>お吸い物</t>
  </si>
  <si>
    <t>まつたけ</t>
  </si>
  <si>
    <t>松茸風味のお吸い物</t>
  </si>
  <si>
    <t>松茸の味お吸いもの３個セット</t>
  </si>
  <si>
    <t>お吸いもの松茸風味</t>
  </si>
  <si>
    <t>10ﾌｸﾛ</t>
  </si>
  <si>
    <t>松茸のお吸いもの</t>
  </si>
  <si>
    <t>松茸の味お吸いもの</t>
  </si>
  <si>
    <t>3g×8P</t>
  </si>
  <si>
    <t>お吸いもの松茸風味業務用</t>
  </si>
  <si>
    <t>松茸のお吸い物受験生応援</t>
  </si>
  <si>
    <t>松茸のお吸い物　お徳用</t>
  </si>
  <si>
    <t>4袋×2+1個</t>
  </si>
  <si>
    <t>松茸のお吸いもの4袋*2個ﾊﾟｯｸ</t>
  </si>
  <si>
    <t>松茸の味お吸い物_秋まつり</t>
  </si>
  <si>
    <t>27.3g</t>
  </si>
  <si>
    <t>松茸のお吸い物</t>
  </si>
  <si>
    <t>久右衛門お吸物松茸</t>
  </si>
  <si>
    <t>林久右衛門商店</t>
  </si>
  <si>
    <t>ﾊﾔｼｷｭｳｴﾓﾝ</t>
  </si>
  <si>
    <t>徳用松茸風味吸いもの</t>
  </si>
  <si>
    <t>2.5g×100袋</t>
  </si>
  <si>
    <t>松茸風味お吸い物</t>
  </si>
  <si>
    <t>3.4g×6</t>
  </si>
  <si>
    <t>まつたけ以外</t>
  </si>
  <si>
    <t>ごはんにお吸い物</t>
  </si>
  <si>
    <t>6g×3</t>
  </si>
  <si>
    <t>ライス・ハートフーズ</t>
  </si>
  <si>
    <t>ﾗｲｽ･ﾊｰﾄﾌｰｽ</t>
  </si>
  <si>
    <t>がごめ昆布のお吸い物_3P</t>
  </si>
  <si>
    <t>お吸いもの昆布だし仕立て</t>
  </si>
  <si>
    <t>お吸いもの鯛風味</t>
  </si>
  <si>
    <t>青森県十三湖産_しじみ汁</t>
  </si>
  <si>
    <t>田原缶詰</t>
  </si>
  <si>
    <t>ﾀﾜﾗｶﾝﾂﾞﾒ</t>
  </si>
  <si>
    <t>1杯でしじみ70個分のちからお吸いもの</t>
  </si>
  <si>
    <t>しじみのお吸い物</t>
  </si>
  <si>
    <t>お気に入り3種お吸いもの</t>
  </si>
  <si>
    <t>19.2g</t>
  </si>
  <si>
    <t>はま吸い</t>
  </si>
  <si>
    <t>お寿司屋さんのお吸い物</t>
  </si>
  <si>
    <t>おすし屋さんのお吸い物</t>
  </si>
  <si>
    <t>久右衛門お吸物たい</t>
  </si>
  <si>
    <t>徳用わかめ吸いもの</t>
  </si>
  <si>
    <t>3g×100P</t>
  </si>
  <si>
    <t>はまぐりのお吸い物</t>
  </si>
  <si>
    <t>4.7g×3P</t>
  </si>
  <si>
    <t>わかめのお吸い物</t>
  </si>
  <si>
    <t>海藻がいっぱい入った丸ごと梅のお吸い物</t>
  </si>
  <si>
    <t>6.1g</t>
  </si>
  <si>
    <t>元祖しじみスープ</t>
  </si>
  <si>
    <t>魚の屋のど黒だし最中スープ6食</t>
  </si>
  <si>
    <t>48ｇ</t>
  </si>
  <si>
    <t>飛魚だし使用最中海藻スープ</t>
  </si>
  <si>
    <t>美味しい瞬間にゅうめん＆雑炊リゾットセット</t>
  </si>
  <si>
    <t>とろろかつお汁</t>
  </si>
  <si>
    <t>4g×4</t>
  </si>
  <si>
    <t>高福</t>
  </si>
  <si>
    <t>ﾀｶﾌｸ</t>
  </si>
  <si>
    <t>スープ・春雨</t>
  </si>
  <si>
    <t>簡便・カップ</t>
  </si>
  <si>
    <t>アジア風_スープ</t>
  </si>
  <si>
    <t>おでんみそ</t>
  </si>
  <si>
    <t>トーヨーコーポレーション</t>
  </si>
  <si>
    <t>ﾄｰﾖｰCorp</t>
  </si>
  <si>
    <t>素材屋すうぷ食べる海苔どっさりスープカップ</t>
  </si>
  <si>
    <t>11.3g</t>
  </si>
  <si>
    <t>辛王グリーンカレー</t>
  </si>
  <si>
    <t>17.9g</t>
  </si>
  <si>
    <t>辛王ユッケジャンスープ</t>
  </si>
  <si>
    <t>13.9g</t>
  </si>
  <si>
    <t>素材屋すうぷ食べるごぼうどっさり</t>
  </si>
  <si>
    <t>18.0g</t>
  </si>
  <si>
    <t>素材屋すうぷ食べる海苔どっさり</t>
  </si>
  <si>
    <t>11.2g</t>
  </si>
  <si>
    <t>素材屋すうぷ具たっぷりごぼう</t>
  </si>
  <si>
    <t>素材屋すうぷ具たっぷり海苔</t>
  </si>
  <si>
    <t>素材屋海苔どっさりスープカップ</t>
  </si>
  <si>
    <t>11.2G</t>
  </si>
  <si>
    <t>素材屋ねぎどっさりスープカップ</t>
  </si>
  <si>
    <t>13.4G</t>
  </si>
  <si>
    <t>辛王ユッケジャンスープカップ</t>
  </si>
  <si>
    <t>13G</t>
  </si>
  <si>
    <t>辛王インドカレースープカップ</t>
  </si>
  <si>
    <t>26.8G</t>
  </si>
  <si>
    <t>素材屋食べる蓮根スープＣ</t>
  </si>
  <si>
    <t>１５．２ｇ</t>
  </si>
  <si>
    <t>辛王麻辣豆腐スープＣ</t>
  </si>
  <si>
    <t>１９．８ｇ</t>
  </si>
  <si>
    <t>素材屋すうぷ海苔たっぷりスープ　カップ</t>
  </si>
  <si>
    <t>素材屋すうぷ玉ねぎたっぷりスープカップ　</t>
  </si>
  <si>
    <t>12.2G</t>
  </si>
  <si>
    <t>辛王旨辛ユッケジャン　カップ</t>
  </si>
  <si>
    <t>12.7G</t>
  </si>
  <si>
    <t>素材屋すうぷ海苔スープカップ</t>
  </si>
  <si>
    <t>素材屋すうぷたけのこスープカップ</t>
  </si>
  <si>
    <t>11.6G</t>
  </si>
  <si>
    <t>辛王　激辛とんこつスープカップ</t>
  </si>
  <si>
    <t>18.9G</t>
  </si>
  <si>
    <t>辛王極辛火鍋風スープカップ</t>
  </si>
  <si>
    <t>21.7G</t>
  </si>
  <si>
    <t>素材屋すうぷキャベツスープカップ</t>
  </si>
  <si>
    <t>18.6G</t>
  </si>
  <si>
    <t>海苔たっぷりすうぷ</t>
  </si>
  <si>
    <t>海苔たっぷりすうぷわさび</t>
  </si>
  <si>
    <t>辛王激辛とんこつスープ</t>
  </si>
  <si>
    <t>辛王　暴辛肉みそ風スープカップ</t>
  </si>
  <si>
    <t>18.5G</t>
  </si>
  <si>
    <t>辛王激辛煮干スープ</t>
  </si>
  <si>
    <t>21.4g</t>
  </si>
  <si>
    <t>きちんとチキン鶏だし白湯スープ</t>
  </si>
  <si>
    <t>辛王旨シビ辛麻辣スープ</t>
  </si>
  <si>
    <t>19.8g</t>
  </si>
  <si>
    <t>カップごはんトロリーズ花椒香る坦々</t>
  </si>
  <si>
    <t>54.7g</t>
  </si>
  <si>
    <t>じゃがネルおやつコロッケ味</t>
  </si>
  <si>
    <t>32.1g</t>
  </si>
  <si>
    <t>こんがりパンオニオンクリーム</t>
  </si>
  <si>
    <t>辛王スパイス香る香味豚骨スープ</t>
  </si>
  <si>
    <t>21.8g</t>
  </si>
  <si>
    <t>辛王爽やかに香る山椒旨鶏スープ</t>
  </si>
  <si>
    <t>22.3g</t>
  </si>
  <si>
    <t>きちんとチキンごま豆乳スープ　カップ</t>
  </si>
  <si>
    <t>20.4g</t>
  </si>
  <si>
    <t>きちんとチキン参鶏湯風スープ　カップ</t>
  </si>
  <si>
    <t>ふんわりたまごスープ</t>
  </si>
  <si>
    <t>カップスーププレミアムオニグラ</t>
  </si>
  <si>
    <t>29.4g</t>
  </si>
  <si>
    <t>クノールスープDELIクラムパスタ入り</t>
  </si>
  <si>
    <t>スープはるさめ香る梅わさび味</t>
  </si>
  <si>
    <t>スープはるさめあさはるとろみ生姜味ケース</t>
  </si>
  <si>
    <t>19g×6</t>
  </si>
  <si>
    <t>ゆず香る野菜たっぷりスープ</t>
  </si>
  <si>
    <t>１７ｇ</t>
  </si>
  <si>
    <t>マルちゃん　豆腐を食べるスープ　鯛だし　７．８ｇ</t>
  </si>
  <si>
    <t>7.8G</t>
  </si>
  <si>
    <t>ﾏﾙﾁﾔﾝ</t>
  </si>
  <si>
    <t>マルちゃん豆腐を食べるスープスンドゥブチゲ１０．４</t>
  </si>
  <si>
    <t>10.4G</t>
  </si>
  <si>
    <t>マルちゃん　豆腐スープ　鶏白湯　１２．３ｇ</t>
  </si>
  <si>
    <t>12.3G</t>
  </si>
  <si>
    <t>食べるスープ7種の野菜鶏だし中華</t>
  </si>
  <si>
    <t>食べるスープ7種の野菜鶏白湯</t>
  </si>
  <si>
    <t>マルちゃん　７種野菜スープ担担味　２９ｇ</t>
  </si>
  <si>
    <t>29G</t>
  </si>
  <si>
    <t>マルちゃん　豆腐スープ　麻婆味　１５ｇ</t>
  </si>
  <si>
    <t>15G</t>
  </si>
  <si>
    <t>マルちゃん素材のチカラトマたまスープ5P</t>
  </si>
  <si>
    <t>食べるスープ7種の野菜海鮮チゲ味</t>
  </si>
  <si>
    <t>もずくスープカップ</t>
  </si>
  <si>
    <t>ナガイのり</t>
  </si>
  <si>
    <t>ﾅｲｶﾞﾉﾘ</t>
  </si>
  <si>
    <t>おとうふ膳　鯛だしで味わうおぼろどうふの淡雪スープ</t>
  </si>
  <si>
    <t>日清　純豆腐スンドゥブチゲスープ</t>
  </si>
  <si>
    <t>スパイスキッチントムヤムクムスープ</t>
  </si>
  <si>
    <t>旨辛すっぱスープ</t>
  </si>
  <si>
    <t>日清けやき濃厚味噌豆腐スープ</t>
  </si>
  <si>
    <t>旨だし膳海老すり流し</t>
  </si>
  <si>
    <t>シビ辛麻婆豆腐スープ</t>
  </si>
  <si>
    <t>おとうふの豆乳仕立スープ</t>
  </si>
  <si>
    <t>旨だし膳豆乳スープ</t>
  </si>
  <si>
    <t>日清スンドゥブチゲスープ</t>
  </si>
  <si>
    <t>麻婆豆腐　シビ辛スープ</t>
  </si>
  <si>
    <t>15ｇ</t>
  </si>
  <si>
    <t>とろけるおぼろ豆腐純豆腐</t>
  </si>
  <si>
    <t>とろけるおぼろ豆腐旨だし豆乳</t>
  </si>
  <si>
    <t>おむすび屋さんねぎ塩</t>
  </si>
  <si>
    <t>おむすび屋さんごま豆乳</t>
  </si>
  <si>
    <t>おむすび屋さんうま辛チゲ</t>
  </si>
  <si>
    <t>とろけるおぼろ豆腐鶏白湯スープ</t>
  </si>
  <si>
    <t>おぼろ豆腐純豆腐</t>
  </si>
  <si>
    <t>おぼろ豆腐旨だし豆乳</t>
  </si>
  <si>
    <t>冷え知らずさんの生姜参鶏湯カップ</t>
  </si>
  <si>
    <t>一杯でしじみ７０個分のちからカップスープ</t>
  </si>
  <si>
    <t>冷え知らずさんの生姜ちゃんぽん風カップスープ</t>
  </si>
  <si>
    <t>冷え知らずさんの生姜参鶏湯</t>
  </si>
  <si>
    <t>14.1g</t>
  </si>
  <si>
    <t>大人むけのスープきのこのクリームポタージュ</t>
  </si>
  <si>
    <t>ハインツ日本</t>
  </si>
  <si>
    <t>ﾊｲﾝﾂﾆﾎﾝ</t>
  </si>
  <si>
    <t>JALビーフコンソメ</t>
  </si>
  <si>
    <t>5g×8P</t>
  </si>
  <si>
    <t>JALオニオンコンソメ</t>
  </si>
  <si>
    <t>5.3g×8P</t>
  </si>
  <si>
    <t>丸美屋ちいかわ鬼辛カレースープ19.3g</t>
  </si>
  <si>
    <t>19.3g</t>
  </si>
  <si>
    <t>スープdeごはんかに鍋風雑炊</t>
  </si>
  <si>
    <t>スープdeごはんユッケジャンクッパ</t>
  </si>
  <si>
    <t>69.8g</t>
  </si>
  <si>
    <t>スープdeごはん参鶏湯風クッパ</t>
  </si>
  <si>
    <t>70.2g</t>
  </si>
  <si>
    <t>スープdeごはん3種のチーズスープリゾット</t>
  </si>
  <si>
    <t>スープdeごはん海老のビスクスープリゾット</t>
  </si>
  <si>
    <t>74.4g</t>
  </si>
  <si>
    <t>スープdeごはんコムタンクッパ</t>
  </si>
  <si>
    <t>71.4g</t>
  </si>
  <si>
    <t>スープdeごはんマッサマンカレー</t>
  </si>
  <si>
    <t>75.3g</t>
  </si>
  <si>
    <t>スープdeごはんトムヤムクン</t>
  </si>
  <si>
    <t>69.7g</t>
  </si>
  <si>
    <t>中華三昧栄林トマト酸辣湯スープ</t>
  </si>
  <si>
    <t>明星食品</t>
  </si>
  <si>
    <t>ﾐｮｳｼﾞｮｳ</t>
  </si>
  <si>
    <t>ﾐｮｳｼﾞｮｳｼｮｸ</t>
  </si>
  <si>
    <t>野菜春雨スープごま味噌担々麺</t>
  </si>
  <si>
    <t>37.8g</t>
  </si>
  <si>
    <t>おどろき麺コク旨豚骨麺</t>
  </si>
  <si>
    <t>フォーグリーンカレー</t>
  </si>
  <si>
    <t>フォートムヤムクン</t>
  </si>
  <si>
    <t>体にやさしい五穀スープ</t>
  </si>
  <si>
    <t>ヒガシマル</t>
  </si>
  <si>
    <t>かきたま風体にやさしい五穀スープカップ</t>
  </si>
  <si>
    <t>ブルマワントッポギカップ</t>
  </si>
  <si>
    <t>GBｶﾝﾊﾟｰﾆｰ</t>
  </si>
  <si>
    <t>多食（2～5食)</t>
  </si>
  <si>
    <t>カプサイメン旨辛卵とじスープの素</t>
  </si>
  <si>
    <t>アジア風_春雨</t>
  </si>
  <si>
    <t>ヌードルはるさめ_とろみもやし味</t>
  </si>
  <si>
    <t>スープタイム　春雨スープ</t>
  </si>
  <si>
    <t>18.7g</t>
  </si>
  <si>
    <t>江崎グリコ</t>
  </si>
  <si>
    <t>ｴｻﾞｷｸﾞﾘｺ</t>
  </si>
  <si>
    <t>春雨スープカップ鶏だし中華</t>
  </si>
  <si>
    <t>春雨スープカップ坦々風</t>
  </si>
  <si>
    <t>27.4g</t>
  </si>
  <si>
    <t>春雨スープカップシーフード</t>
  </si>
  <si>
    <t>23.8g</t>
  </si>
  <si>
    <t>はるさめスープ（鶏ダシ中華）</t>
  </si>
  <si>
    <t>はるさめスープ（シーフード）</t>
  </si>
  <si>
    <t>はるさめスープ（担々麺）</t>
  </si>
  <si>
    <t>スープはるさめねぎ塩わかめ</t>
  </si>
  <si>
    <t>吉村商店</t>
  </si>
  <si>
    <t>ﾏﾛﾆｰ</t>
  </si>
  <si>
    <t>スープはるさめ坦々麺風</t>
  </si>
  <si>
    <t>スープはるさめチャンポン風</t>
  </si>
  <si>
    <t>ミータイ　クリーミートムヤムクンヌードル</t>
  </si>
  <si>
    <t>ｵ-ﾊﾞ-ｼ-ｽﾞ</t>
  </si>
  <si>
    <t>トロリーズルーローハン味</t>
  </si>
  <si>
    <t>スープ春雨_すりごま</t>
  </si>
  <si>
    <t>34.2g</t>
  </si>
  <si>
    <t>スープ春雨ピリ辛胡麻味噌</t>
  </si>
  <si>
    <t>ｸﾉｰﾙ</t>
  </si>
  <si>
    <t>スープ春雨白菜キムチ</t>
  </si>
  <si>
    <t>スープ春雨エビワンタン</t>
  </si>
  <si>
    <t>スープ春雨すりごま容器</t>
  </si>
  <si>
    <t>スープ春雨とろみ中華容器</t>
  </si>
  <si>
    <t>31.1g</t>
  </si>
  <si>
    <t>スープ春雨海老ワンタン容器</t>
  </si>
  <si>
    <t>スープ春雨ピリ辛胡麻みそ容器</t>
  </si>
  <si>
    <t>スープ春雨ふんわり鶏たまご容</t>
  </si>
  <si>
    <t>スープ春雨青菜白湯</t>
  </si>
  <si>
    <t>スープ春雨白菜キムチ容器</t>
  </si>
  <si>
    <t>28.0g</t>
  </si>
  <si>
    <t>スープ春雨とろみ中華</t>
  </si>
  <si>
    <t>26.2g</t>
  </si>
  <si>
    <t>スープ春雨黒胡麻坦々麺</t>
  </si>
  <si>
    <t>55.3g</t>
  </si>
  <si>
    <t>スープ春雨ねぎ塩わかめ</t>
  </si>
  <si>
    <t>スープ春雨緑豆海老ワンタン</t>
  </si>
  <si>
    <t>28.8g</t>
  </si>
  <si>
    <t>スープ春雨緑豆中華玉子コーン</t>
  </si>
  <si>
    <t>25.8g</t>
  </si>
  <si>
    <t>スープ春雨とろみ白湯</t>
  </si>
  <si>
    <t>スープ春雨紀州梅</t>
  </si>
  <si>
    <t>24.3g</t>
  </si>
  <si>
    <t>スープ春雨山芋とおくら</t>
  </si>
  <si>
    <t>アジアめんベトナムフォー</t>
  </si>
  <si>
    <t>クノールスープ春雨白ごまわかめ</t>
  </si>
  <si>
    <t>スープ春雨中華</t>
  </si>
  <si>
    <t>26.6g</t>
  </si>
  <si>
    <t>赤はるさめスープキムチ入りチゲ</t>
  </si>
  <si>
    <t>赤はるさめスープＬＥＥカレー味</t>
  </si>
  <si>
    <t>30.3g</t>
  </si>
  <si>
    <t>黒はるさめスープ_担々麺</t>
  </si>
  <si>
    <t>黒はるさめスープ_うま塩</t>
  </si>
  <si>
    <t>はるさめパスタトマトクリーム味</t>
  </si>
  <si>
    <t>スープ屋春雨パスタ　バジルクリーム</t>
  </si>
  <si>
    <t>44.9g</t>
  </si>
  <si>
    <t>はるさめパスタたらこスパ</t>
  </si>
  <si>
    <t>はるさめパスタカルボナーラ</t>
  </si>
  <si>
    <t>35.7g</t>
  </si>
  <si>
    <t>ラーメン風はるさめ　豚骨醤油味</t>
  </si>
  <si>
    <t>44.3g</t>
  </si>
  <si>
    <t>ラーメン風はるさめ　うま味噌味</t>
  </si>
  <si>
    <t>グリコ　ラーメン風はるさめ_かつお香る鶏だし塩</t>
  </si>
  <si>
    <t>ラーメン風はるさめコク醤油味</t>
  </si>
  <si>
    <t>42.4g</t>
  </si>
  <si>
    <t>ラーメン風はるさめ　あっさり塩味</t>
  </si>
  <si>
    <t>ラーメンはるさめ豚骨醤油</t>
  </si>
  <si>
    <t>45.2g</t>
  </si>
  <si>
    <t>ラーメンはるさめ塩豚骨</t>
  </si>
  <si>
    <t>ラーメン風はるさめ坦々麺</t>
  </si>
  <si>
    <t>49.7g</t>
  </si>
  <si>
    <t>ラーメン風はるさめ_コク味噌味</t>
  </si>
  <si>
    <t>45.1g</t>
  </si>
  <si>
    <t>ラーメン風はるさめ_豚骨醤油味</t>
  </si>
  <si>
    <t>44.6g</t>
  </si>
  <si>
    <t>ラーメン風はるさめコク味噌味</t>
  </si>
  <si>
    <t>ラーメン風はるさめ豚骨醤油</t>
  </si>
  <si>
    <t>はるさめヌードルまろやか白湯</t>
  </si>
  <si>
    <t>春雨ヌードル野菜</t>
  </si>
  <si>
    <t>春雨ヌードル海鮮</t>
  </si>
  <si>
    <t>はるさめヌードルワンタン</t>
  </si>
  <si>
    <t>ハルサメヌードルピリカラチゲ</t>
  </si>
  <si>
    <t>はるさめヌードル海鮮</t>
  </si>
  <si>
    <t>春雨ヌードル_ワンタン</t>
  </si>
  <si>
    <t>春雨ヌードル_シーフード</t>
  </si>
  <si>
    <t>春雨ヌードル_うま辛チゲ</t>
  </si>
  <si>
    <t>はるさめヌードル五目野菜担麺</t>
  </si>
  <si>
    <t>ハルサメヌードル_カレースパイス</t>
  </si>
  <si>
    <t>春雨ヌードル肉野菜みそ</t>
  </si>
  <si>
    <t>はるさめヌードル_シーフード</t>
  </si>
  <si>
    <t>はるさめヌードル_うま辛チゲ</t>
  </si>
  <si>
    <t>はるさめヌードル_五目野菜</t>
  </si>
  <si>
    <t>はるさめヌードル肉野菜味噌</t>
  </si>
  <si>
    <t>はるさめヌードル熟成ルゥカレ</t>
  </si>
  <si>
    <t>春雨ヌードル_もやし味噌</t>
  </si>
  <si>
    <t>はるさめヌードル_ねぎ醤油</t>
  </si>
  <si>
    <t>はるさめヌードル_豚キムチ</t>
  </si>
  <si>
    <t>はるさめヌードル_鶏白湯</t>
  </si>
  <si>
    <t>はるさめスパイシーカレー</t>
  </si>
  <si>
    <t>エースコック　ヌードルはるさめ　シーフード</t>
  </si>
  <si>
    <t>ヌードルはるさめ_もやし味噌</t>
  </si>
  <si>
    <t>Ｎはるさめ_中華しょうゆ</t>
  </si>
  <si>
    <t>エースコック　ヌードルはるさめ　うま辛チゲ</t>
  </si>
  <si>
    <t>ヌードルはるさめ五目あんかけ</t>
  </si>
  <si>
    <t>大人のヌードル春雨参鶏湯</t>
  </si>
  <si>
    <t>ヌードルはるさめ_とろ炊き鶏白湯</t>
  </si>
  <si>
    <t>俺たちのヌードルはるさめ　鬼辛みそ</t>
  </si>
  <si>
    <t>俺たちのヌードルはるさめ　ガラ炊き豚骨</t>
  </si>
  <si>
    <t>エースコック　ヌードルはるさめ　とろみ中華</t>
  </si>
  <si>
    <t>野菜と食べるヌードルはるさめ　五目タンメン</t>
  </si>
  <si>
    <t>野菜と食べるヌードルはるさめ　スパイシーカレー</t>
  </si>
  <si>
    <t>エース　ヌードルはるさめちゃんぽん</t>
  </si>
  <si>
    <t>エース　ヌードルはるさめうま辛チゲ</t>
  </si>
  <si>
    <t>ヌードルはるさめ肉だれ味噌</t>
  </si>
  <si>
    <t>はるさめ_鶏ちゃんこ鍋味</t>
  </si>
  <si>
    <t>はるさめ_生姜みそ鍋味</t>
  </si>
  <si>
    <t>ヌードル春雨鶏ねぎ塩</t>
  </si>
  <si>
    <t>タニタ食堂監修ヌードルはるさめカレー</t>
  </si>
  <si>
    <t>1/3日分の野菜_五目ｱﾝｶｹ</t>
  </si>
  <si>
    <t>1/3日分野菜_和風みぞれ</t>
  </si>
  <si>
    <t>ヌードル春雨1/3日分の野菜うま辛チゲ</t>
  </si>
  <si>
    <t>ヌードル春雨1/3日分の野菜和風おろし</t>
  </si>
  <si>
    <t>ヌードルはるさめ1/3日分の野菜ちゃんぽん味</t>
  </si>
  <si>
    <t>タニタ食堂　ヌードルはるさめごまみそ</t>
  </si>
  <si>
    <t>ヌードルはるさめタニタ食堂監修坦坦麺風味</t>
  </si>
  <si>
    <t>ｴ-ｽｺｯｸ</t>
  </si>
  <si>
    <t>ヌードルはるさめタニタ食堂監修ちゃんぽん味</t>
  </si>
  <si>
    <t>す・またんしじみだしフォー</t>
  </si>
  <si>
    <t>ボリュームＳＯＵＰワンタンきのこあんかけ春雨２７ｇ</t>
  </si>
  <si>
    <t>スープはるさめたっぷりわかめ</t>
  </si>
  <si>
    <t>スープはるさめ　トマたま</t>
  </si>
  <si>
    <t>Pho・ccori気分_鶏だしフォー</t>
  </si>
  <si>
    <t>Pho・ccori気分_トムヤムフォー</t>
  </si>
  <si>
    <t>23G</t>
  </si>
  <si>
    <t>スープはるさめ鶏だし野菜みそ</t>
  </si>
  <si>
    <t>Pho・ccori気分_海鮮だしフォー</t>
  </si>
  <si>
    <t>エースコック　スープはるさめ　四川麻婆味　３０ｇ</t>
  </si>
  <si>
    <t>スープはるさめ不二の梅こぶ茶味</t>
  </si>
  <si>
    <t>ｴｰｽ　辛口フォー　鶏だし</t>
  </si>
  <si>
    <t>ﾌｫｯｺﾘｷﾌﾞﾝ</t>
  </si>
  <si>
    <t>スープはるさめワンタン</t>
  </si>
  <si>
    <t>スープはるさめわかめと野菜</t>
  </si>
  <si>
    <t>ハノイのおもてなし鶏だしフォー</t>
  </si>
  <si>
    <t>ハノイのおもてなし野菜フォー</t>
  </si>
  <si>
    <t>ハノイのおもてなしトムヤムフォー</t>
  </si>
  <si>
    <t>OKAZUはるさめ麻婆味</t>
  </si>
  <si>
    <t>OKAZUはるさめ五目中華味</t>
  </si>
  <si>
    <t>おかずはるさめ麻婆春雨</t>
  </si>
  <si>
    <t>おかずはるさめ五目あんかけ春雨</t>
  </si>
  <si>
    <t>okazuはるさめ　麻婆春雨</t>
  </si>
  <si>
    <t>okazuはるさめ　五目あんかけ春雨</t>
  </si>
  <si>
    <t>スープはるさめ_オリーブオイル香るシーフード味</t>
  </si>
  <si>
    <t>スープはるさめ黒酢酸辣湯</t>
  </si>
  <si>
    <t>スープはるさめ　台湾風豆乳鶏湯</t>
  </si>
  <si>
    <t>ｴ-ｽｺﾂｸ</t>
  </si>
  <si>
    <t>スープはるさめ　すごいどっさりわかめ</t>
  </si>
  <si>
    <t>エースコックスープはるさめ塩レモン</t>
  </si>
  <si>
    <t>スープはるさめ担担味</t>
  </si>
  <si>
    <t>スープはるさめまったりミルク仕立て塩バター味</t>
  </si>
  <si>
    <t>ハノイのおもてなしレモン味鶏だしフォー</t>
  </si>
  <si>
    <t>スープはるさめわさび山椒重ね和だし味</t>
  </si>
  <si>
    <t>ハノイのおもてなしホットチリ味フォー</t>
  </si>
  <si>
    <t>スープはるさめ博多水炊き風ゆず胡椒仕立て</t>
  </si>
  <si>
    <t>スープはるさめかきたま</t>
  </si>
  <si>
    <t>スープはるさめ坦坦麺タイプ</t>
  </si>
  <si>
    <t>スープはるさめチゲ</t>
  </si>
  <si>
    <t>スープ春雨酸辣湯</t>
  </si>
  <si>
    <t>スープ春雨鶏だし中華</t>
  </si>
  <si>
    <t>スープ春雨黒酢酸辣湯</t>
  </si>
  <si>
    <t>はるさめ四川肉味噌</t>
  </si>
  <si>
    <t>スープ春雨とろみたらこ</t>
  </si>
  <si>
    <t>ベジさめトマト春雨</t>
  </si>
  <si>
    <t>ベジさめブロッコリー春雨</t>
  </si>
  <si>
    <t>トマトの春雨ミネストローネ</t>
  </si>
  <si>
    <t>ブロッコリ春雨クリムポタジュ</t>
  </si>
  <si>
    <t>スープはるさめ_Ｃｕーｔｅｅｎ_鶏しおレモン</t>
  </si>
  <si>
    <t>スープはるさめ担担</t>
  </si>
  <si>
    <t>スープはるさめ_韓国チゲ</t>
  </si>
  <si>
    <t>スープはるさめ_たっぷりわかめ</t>
  </si>
  <si>
    <t>スープはるさめ柚子ぽん酢</t>
  </si>
  <si>
    <t>スープはるさめ　参鶏湯</t>
  </si>
  <si>
    <t>エース　くまモンの太平燕だモン</t>
  </si>
  <si>
    <t>スープはるさめわさびとおろしの和風だし</t>
  </si>
  <si>
    <t>スープ春雨くまモンの太平燕</t>
  </si>
  <si>
    <t>スープ春雨スンドゥブチゲ</t>
  </si>
  <si>
    <t>スープはるさめちゃんぽん</t>
  </si>
  <si>
    <t>スープはるさめ金ごま香り鍋</t>
  </si>
  <si>
    <t>くまモンの太平燕だモン</t>
  </si>
  <si>
    <t>くまモンのベジスープパスタだモン</t>
  </si>
  <si>
    <t>あっさり鶏だしフォー</t>
  </si>
  <si>
    <t>ピリ辛牛だしフォー</t>
  </si>
  <si>
    <t>スープ春雨　鶏だし生姜</t>
  </si>
  <si>
    <t>31ｇ</t>
  </si>
  <si>
    <t>ヌードル春雨1/3日分の野菜うま辛チゲケース</t>
  </si>
  <si>
    <t>44g×6</t>
  </si>
  <si>
    <t>ヌードルはるさめ1/3日分の野菜ちゃんぽん味ケース</t>
  </si>
  <si>
    <t>43g×6</t>
  </si>
  <si>
    <t>スープはるさめかきたまケース</t>
  </si>
  <si>
    <t>スープはるさめ柚子ぽん酢ケース</t>
  </si>
  <si>
    <t>32g×6P</t>
  </si>
  <si>
    <t>スープはるさめ担担味ケース</t>
  </si>
  <si>
    <t>31g×6P</t>
  </si>
  <si>
    <t>ハノイのおもてなし鶏だしフォーケース</t>
  </si>
  <si>
    <t>31g×6</t>
  </si>
  <si>
    <t>ハノイのおもてなしトムヤムフォーケース</t>
  </si>
  <si>
    <t>25g×6</t>
  </si>
  <si>
    <t>ハノイのおもてなしレモン味鶏だしフォーケース</t>
  </si>
  <si>
    <t>スープはるさめワンタンケース</t>
  </si>
  <si>
    <t>スープはるさめわかめと野菜ケース</t>
  </si>
  <si>
    <t>スープはるさめ黒酢酸辣湯ケース</t>
  </si>
  <si>
    <t>34g×6P</t>
  </si>
  <si>
    <t>スープはるさめ塩レモン</t>
  </si>
  <si>
    <t>スープはるさめ塩レモンケース</t>
  </si>
  <si>
    <t>28g×6P</t>
  </si>
  <si>
    <t>スープはるさめ鶏炊き白湯</t>
  </si>
  <si>
    <t>スープはるさめ鶏炊き白湯ケース</t>
  </si>
  <si>
    <t>福福彩菜四川風旨辛麻婆春雨</t>
  </si>
  <si>
    <t>福福彩菜広東風濃い旨五目春雨</t>
  </si>
  <si>
    <t>114g</t>
  </si>
  <si>
    <t>福福彩菜上海風旨塩海鮮味春雨</t>
  </si>
  <si>
    <t>スープはるさめ鶏白湯</t>
  </si>
  <si>
    <t>スープはるさめ鶏白湯ケース</t>
  </si>
  <si>
    <t>野菜の旨みが引き立つコンソメ仕立ての春雨ヌードル</t>
  </si>
  <si>
    <t>ビーフの旨みが引き立つオニオントマト仕立ての春雨ヌードル</t>
  </si>
  <si>
    <t>スープはるさめとろみ生姜味</t>
  </si>
  <si>
    <t>スープはるさめNEWSTAR小籠包のなかみ味</t>
  </si>
  <si>
    <t>福福彩菜香港風牛肉の黒胡椒炒め味春雨</t>
  </si>
  <si>
    <t>海鮮スープ春雨</t>
  </si>
  <si>
    <t>スープ春雨徳用中華風</t>
  </si>
  <si>
    <t>カップたまご入りスープ春雨</t>
  </si>
  <si>
    <t>よくばりＤｅｉｌ　パスタ春雨バジル香る完熟トマトソース</t>
  </si>
  <si>
    <t>よくばりＤｅｉｌ　パスタ春雨ﾍﾞｰｺﾝとﾏｯｼｭﾙｰﾑのﾚﾓﾝｸ</t>
  </si>
  <si>
    <t>よくばりＤｅｉｌ　パスタ春雨4種の根菜入り和風ﾎﾞﾛﾈｰｾﾞ</t>
  </si>
  <si>
    <t>スープこんにゃく麺ワカメ</t>
  </si>
  <si>
    <t>67.9g</t>
  </si>
  <si>
    <t>スープこんにゃく麺カキタマ</t>
  </si>
  <si>
    <t>スープこんにゃく麺坦々ごま豆乳スープ</t>
  </si>
  <si>
    <t>69.5g</t>
  </si>
  <si>
    <t>ヤサイハルサメトマト</t>
  </si>
  <si>
    <t>テーブルマーク</t>
  </si>
  <si>
    <t>ﾃｰﾌﾞﾙﾏｰｸ</t>
  </si>
  <si>
    <t>ヤサイハルサメカボチャ</t>
  </si>
  <si>
    <t>ヤサイハルサメブロッコリー</t>
  </si>
  <si>
    <t>春雨白湯スープ</t>
  </si>
  <si>
    <t>春雨坦々風スープ</t>
  </si>
  <si>
    <t>グルテンフリーＳフォー和風柚子3食</t>
  </si>
  <si>
    <t>3ｼﾖｸ</t>
  </si>
  <si>
    <t>春雨厨房とろみ中華スープ</t>
  </si>
  <si>
    <t>春雨厨房辛コクチゲ味スープ</t>
  </si>
  <si>
    <t>春雨厨房とろみ中華しょうゆ</t>
  </si>
  <si>
    <t>春雨厨房_辛コクチゲ味</t>
  </si>
  <si>
    <t>春雨厨房とろみスーラータン味</t>
  </si>
  <si>
    <t>春雨厨房_まろやか海鮮しお味</t>
  </si>
  <si>
    <t>春雨厨房まろやか海鮮塩味</t>
  </si>
  <si>
    <t>春雨厨房わかめとタマゴスープ</t>
  </si>
  <si>
    <t>チゲ春雨</t>
  </si>
  <si>
    <t>中華春雨</t>
  </si>
  <si>
    <t>太平燕</t>
  </si>
  <si>
    <t>春雨厨房中華</t>
  </si>
  <si>
    <t>春雨厨房チゲ風ピリ辛</t>
  </si>
  <si>
    <t>もずくスープ</t>
  </si>
  <si>
    <t>14.9g</t>
  </si>
  <si>
    <t>めかぶ春雨スープ</t>
  </si>
  <si>
    <t>16.0g</t>
  </si>
  <si>
    <t>７種の野菜を食べるスープ　チゲ味　春雨入り</t>
  </si>
  <si>
    <t>７種の野菜を食べるスープ　白湯味　春雨入り</t>
  </si>
  <si>
    <t>７種野菜を食べるスープ　鶏だし醤油</t>
  </si>
  <si>
    <t>春雨ピリ辛味噌</t>
  </si>
  <si>
    <t>はるさめ酸辣湯</t>
  </si>
  <si>
    <t>はるさめ_五目中華</t>
  </si>
  <si>
    <t>日清　スパイスキッチン　レッドカレー　フォースープ</t>
  </si>
  <si>
    <t>スパイスキッチンベトナムフォー　</t>
  </si>
  <si>
    <t>野菜フォースープ鶏湯スープ</t>
  </si>
  <si>
    <t>野菜はるさめスープとろみ中華</t>
  </si>
  <si>
    <t>はるさめスープピリ辛坦々</t>
  </si>
  <si>
    <t>はるさめスープふわふわたまご</t>
  </si>
  <si>
    <t>はるさめスープもちっとワンタ</t>
  </si>
  <si>
    <t>ピリ辛坦々麺の春雨スープ</t>
  </si>
  <si>
    <t>ふわふわ卵の春雨スープ</t>
  </si>
  <si>
    <t>もちっと雲呑の春雨スープ</t>
  </si>
  <si>
    <t>冷え知らず生姜たまご春雨カップ</t>
  </si>
  <si>
    <t>はるさめスープわかめ</t>
  </si>
  <si>
    <t>はるさめスープコンソメ</t>
  </si>
  <si>
    <t>31.4g</t>
  </si>
  <si>
    <t>スープ春雨_かきたま</t>
  </si>
  <si>
    <t>カップスープ　はるさめかきたま</t>
  </si>
  <si>
    <t>カップスープ　はるさめ担々風</t>
  </si>
  <si>
    <t>贅沢トムヤムクンフォーカップ</t>
  </si>
  <si>
    <t>33.5g</t>
  </si>
  <si>
    <t>贅沢鶏だしパクチーフォーカップ</t>
  </si>
  <si>
    <t>28.2g</t>
  </si>
  <si>
    <t>ひかりスープはるさめ中華風かきたま</t>
  </si>
  <si>
    <t>22.1g</t>
  </si>
  <si>
    <t>ひかりスープはるさめトマト担々風</t>
  </si>
  <si>
    <t>24.7g</t>
  </si>
  <si>
    <t>ひかり　スープはるさめ海鮮白湯</t>
  </si>
  <si>
    <t>23.3ｇ</t>
  </si>
  <si>
    <t>ミニカップはるさめちゃんぽん</t>
  </si>
  <si>
    <t>マルタイ</t>
  </si>
  <si>
    <t>ﾏﾙﾀｲ</t>
  </si>
  <si>
    <t>ミニカップマルタイはるさめ</t>
  </si>
  <si>
    <t>はるさめちゃんぽん</t>
  </si>
  <si>
    <t>和風ガーリックスパゲティ</t>
  </si>
  <si>
    <t>378g</t>
  </si>
  <si>
    <t>丸大食品</t>
  </si>
  <si>
    <t>赤坂栄林酸辣湯春雨</t>
  </si>
  <si>
    <t>四川飯店坦々春雨</t>
  </si>
  <si>
    <t>飲茶三昧_赤坂榮林_酸辣湯春雨</t>
  </si>
  <si>
    <t>飲茶三昧_　海鮮白湯春雨</t>
  </si>
  <si>
    <t>飲茶三昧_野菜白湯_ワンタンはるさめスープ</t>
  </si>
  <si>
    <t>ﾐﾖｳｼﾞﾖｳ</t>
  </si>
  <si>
    <t>飲茶三昧_とろみ醤油_ワンタンはるさめスープ</t>
  </si>
  <si>
    <t>飲茶三昧_かに玉風_ワンタンはるさめスープ</t>
  </si>
  <si>
    <t>飲茶三昧Ｓｐｅｃｉａｌ赤坂栄林酸辣湯春雨</t>
  </si>
  <si>
    <t>スープ春雨塩味</t>
  </si>
  <si>
    <t>森井食品</t>
  </si>
  <si>
    <t>ﾓﾘｲｼｮｸﾋﾝ</t>
  </si>
  <si>
    <t>スープ春雨チキンコンソメ</t>
  </si>
  <si>
    <t>スープ春雨オニオンコンソメ</t>
  </si>
  <si>
    <t>スープ春雨チゲ味</t>
  </si>
  <si>
    <t>53.1g</t>
  </si>
  <si>
    <t>スープ春雨坦々風味</t>
  </si>
  <si>
    <t>61.5g</t>
  </si>
  <si>
    <t>56.1g</t>
  </si>
  <si>
    <t>タイ料理手作りセットタイ春雨サラダ</t>
  </si>
  <si>
    <t>春雨美人コンソメ味</t>
  </si>
  <si>
    <t>日本澱粉工業</t>
  </si>
  <si>
    <t>ﾆﾎﾝﾃﾞﾝﾌﾟﾝ</t>
  </si>
  <si>
    <t>春雨美人チゲ味</t>
  </si>
  <si>
    <t>カップ春雨_かき卵</t>
  </si>
  <si>
    <t>23.6g</t>
  </si>
  <si>
    <t>カップ春雨_担々麺風</t>
  </si>
  <si>
    <t>38.55g</t>
  </si>
  <si>
    <t>こんにゃくヌードルピリカラケギ</t>
  </si>
  <si>
    <t>46.1g</t>
  </si>
  <si>
    <t>こんにゃくヌードルカイソウイリコクシオ</t>
  </si>
  <si>
    <t>おどろき野菜_韓国チゲ</t>
  </si>
  <si>
    <t>おどろき野菜_鶏だし湯麺</t>
  </si>
  <si>
    <t>おどろき野菜グリーンカレー</t>
  </si>
  <si>
    <t>アサヒF＆H　おどろき野菜　韓国チゲ</t>
  </si>
  <si>
    <t>おどろき野菜ちゃんぽん</t>
  </si>
  <si>
    <t>おどろき野菜ぴり辛肉味噌</t>
  </si>
  <si>
    <t>307g</t>
  </si>
  <si>
    <t>おどろき野菜和風鶏おろし</t>
  </si>
  <si>
    <t>おどろき野菜梅おろし</t>
  </si>
  <si>
    <t>アサヒF＆H　おどろき野菜　台湾海老麺</t>
  </si>
  <si>
    <t>アサヒF＆H　おどろき野菜　揚げネギ塩とんこつ</t>
  </si>
  <si>
    <t>おどろき野菜具だくさん彩り野菜カレー</t>
  </si>
  <si>
    <t>20.6g</t>
  </si>
  <si>
    <t>おどろき野菜具だくさんカムジャタン</t>
  </si>
  <si>
    <t>おどろき野菜具だくさん鶏旨しょうゆ</t>
  </si>
  <si>
    <t>おどろき野菜　海老クリームカレー</t>
  </si>
  <si>
    <t>22.2g</t>
  </si>
  <si>
    <t>おどろき野菜ユッケジャンチゲ</t>
  </si>
  <si>
    <t>おどろき野菜　しじみタンメン</t>
  </si>
  <si>
    <t>23.4g</t>
  </si>
  <si>
    <t>香ばしごまみそ麺</t>
  </si>
  <si>
    <t>２８．３ｇ</t>
  </si>
  <si>
    <t>ｱｻﾋﾌ-ﾄﾞ</t>
  </si>
  <si>
    <t>おどろき野菜しじみタンメン</t>
  </si>
  <si>
    <t>23.3G</t>
  </si>
  <si>
    <t>おどろき野菜のはるさめスープちゃんぽん</t>
  </si>
  <si>
    <t>35.5g</t>
  </si>
  <si>
    <t>おどろき野菜のはるさめスープ海老味噌</t>
  </si>
  <si>
    <t>ボリューム野菜のはるさめスープピリ辛鶏白湯</t>
  </si>
  <si>
    <t>35.1g</t>
  </si>
  <si>
    <t>春雨スープ坦々味</t>
  </si>
  <si>
    <t>38.3g</t>
  </si>
  <si>
    <t>麺のスナオシ</t>
  </si>
  <si>
    <t>ｽﾅｵｼ</t>
  </si>
  <si>
    <t>春雨スープカレー味</t>
  </si>
  <si>
    <t>32.8g</t>
  </si>
  <si>
    <t>春雨スープワンタン</t>
  </si>
  <si>
    <t>33.7g</t>
  </si>
  <si>
    <t>スープはるさめ担々風</t>
  </si>
  <si>
    <t>36.4g</t>
  </si>
  <si>
    <t>スープはるさめ野菜塩白湯</t>
  </si>
  <si>
    <t>25.1g</t>
  </si>
  <si>
    <t>タイの台所タイで食べたトムヤムスープフォー入り</t>
  </si>
  <si>
    <t>ｱﾗｲﾄﾞCorp</t>
  </si>
  <si>
    <t>タイの台所タイで食べたチキンスープフォー入り</t>
  </si>
  <si>
    <t>タイの台所カップフォーチキン</t>
  </si>
  <si>
    <t>タイの台所カップフォートムヤム</t>
  </si>
  <si>
    <t>美食健考春雨ヌードル坦々味</t>
  </si>
  <si>
    <t>57.3g</t>
  </si>
  <si>
    <t>ドウシシャ</t>
  </si>
  <si>
    <t>ﾄﾞｳｼｼｬ</t>
  </si>
  <si>
    <t>美食健考春雨ヌードル塩味</t>
  </si>
  <si>
    <t>美食健考春雨ヌードル醤油味</t>
  </si>
  <si>
    <t>重慶酸辣粉</t>
  </si>
  <si>
    <t>ﾐﾂﾄﾓ</t>
  </si>
  <si>
    <t>酸辣粉杯装</t>
  </si>
  <si>
    <t>光友</t>
  </si>
  <si>
    <t>食族人酸辣粉</t>
  </si>
  <si>
    <t>都商事</t>
  </si>
  <si>
    <t>ｼｮｸｿﾞｸｼﾞﾝ</t>
  </si>
  <si>
    <t>麻辣爆肚粉</t>
  </si>
  <si>
    <t>酸辣湯スープ春雨</t>
  </si>
  <si>
    <t>ｲﾊｲ</t>
  </si>
  <si>
    <t>麻辣湯スープ春雨</t>
  </si>
  <si>
    <t>ごま坦々スープ春雨</t>
  </si>
  <si>
    <t>酸辣湯スープ春雨mini</t>
  </si>
  <si>
    <t>麻辣湯スープ春雨mini</t>
  </si>
  <si>
    <t>マーマー　フォーボー</t>
  </si>
  <si>
    <t>マーマー　フォーガー</t>
  </si>
  <si>
    <t>洋風_スープ</t>
  </si>
  <si>
    <t>町村農場じゃがいものポタージュ</t>
  </si>
  <si>
    <t>町村農場とうもろこしのポタージュ</t>
  </si>
  <si>
    <t>きちんとチキン白湯スープ</t>
  </si>
  <si>
    <t>じっくり北海道ポテト富良野カレー</t>
  </si>
  <si>
    <t>23.3g</t>
  </si>
  <si>
    <t>じっくり北海道ポテト十勝シチュー</t>
  </si>
  <si>
    <t>28.9g</t>
  </si>
  <si>
    <t>こんがりパンCHEESEカルボナーラ</t>
  </si>
  <si>
    <t>26.9g</t>
  </si>
  <si>
    <t>こんがりパンCHEESEチーズフォンデュ</t>
  </si>
  <si>
    <t>こんがりパンサバサルサ味</t>
  </si>
  <si>
    <t>22.6g</t>
  </si>
  <si>
    <t>きちんとチキン鶏だし白湯スープカップ</t>
  </si>
  <si>
    <t>クノールポタージュで食べる豆と野菜栗かぼちゃ</t>
  </si>
  <si>
    <t>クノールポタージュで食べる豆と野菜　彩りえんどう豆</t>
  </si>
  <si>
    <t>１６０ｇ</t>
  </si>
  <si>
    <t>エスコックぽかぽかスプあんかけゆず明太味</t>
  </si>
  <si>
    <t>スープはるさめデリハピごまいっぱい</t>
  </si>
  <si>
    <t>スープはるさめデリハピ明太たまごいっぱい</t>
  </si>
  <si>
    <t>スープはるさめNEWSTARクリーミーロゼ</t>
  </si>
  <si>
    <t>野菜の旨みが引き立つコンソメ仕立ての春雨スープ</t>
  </si>
  <si>
    <t>ビーフの旨味が引き立つバジル＆トマト仕立ての春雨スープ</t>
  </si>
  <si>
    <t>完全メシコーンポタージュ</t>
  </si>
  <si>
    <t>ﾆﾂｼﾝｼﾖｸﾋﾝ</t>
  </si>
  <si>
    <t>きちんとチキンチキンクリームスープ</t>
  </si>
  <si>
    <t>こんがりパン濃厚クラムチャウダーカップ</t>
  </si>
  <si>
    <t>27.5g</t>
  </si>
  <si>
    <t>こんがりパン完熟かぼちゃカップ</t>
  </si>
  <si>
    <t>34.3g</t>
  </si>
  <si>
    <t>ＭＣＴＳＯＵＰ完熟トマトポタージュカップ</t>
  </si>
  <si>
    <t>MCTSOUPほうれん草ポタージュカップ</t>
  </si>
  <si>
    <t>23.5g</t>
  </si>
  <si>
    <t>大人むけの冷たいスープヴィシソワーズ</t>
  </si>
  <si>
    <t>大人むけの冷たいスープ枝豆ヴィシソワーズ</t>
  </si>
  <si>
    <t>ちいかわじゃがいものポタージュ</t>
  </si>
  <si>
    <t>24.2g</t>
  </si>
  <si>
    <t>ちいかわかぼちゃのポタージュ</t>
  </si>
  <si>
    <t>24.1g</t>
  </si>
  <si>
    <t>丸美屋ちいかわほうれんそうのポタージュ17g</t>
  </si>
  <si>
    <t>中華三昧スーツァンレストラン陳豆乳担々スープ</t>
  </si>
  <si>
    <t>海老とほうれん草のクリームスープ</t>
  </si>
  <si>
    <t>25.5g</t>
  </si>
  <si>
    <t>大豆ミートの豆乳味噌スープ</t>
  </si>
  <si>
    <t>野菜たっぷり野菜の味噌ちゃんこ</t>
  </si>
  <si>
    <t>カップコーンポタージュ</t>
  </si>
  <si>
    <t>１５．９ｇ</t>
  </si>
  <si>
    <t>洋風_パスタ</t>
  </si>
  <si>
    <t>スープDELIきのこのクリームスープパスタ</t>
  </si>
  <si>
    <t>スープDELIサーモンとほうれん草のクリームスープパスタ</t>
  </si>
  <si>
    <t>40.3g</t>
  </si>
  <si>
    <t>スープDELI完熟トマトのスープパスタ</t>
  </si>
  <si>
    <t>40.9g</t>
  </si>
  <si>
    <t>クノールスープデリエビトマトクリームスープパスタ</t>
  </si>
  <si>
    <t>41.2g</t>
  </si>
  <si>
    <t>デリチリコンカルネ</t>
  </si>
  <si>
    <t>スープDELIたらこクリームスープパスタ</t>
  </si>
  <si>
    <t>スープデリえびとほうれん草のクリームグラタン</t>
  </si>
  <si>
    <t>46.2g</t>
  </si>
  <si>
    <t>クノールスープＤＥＬＩ　ボストンクラムチャウダー</t>
  </si>
  <si>
    <t>クノールスープデリオニオングラタンスープ</t>
  </si>
  <si>
    <t>14.5g</t>
  </si>
  <si>
    <t>スープデリデミグラスソースのブラウンシチューパスタ入り</t>
  </si>
  <si>
    <t>スープDELIクラムチャウダーパスタ入り</t>
  </si>
  <si>
    <t>44.2g</t>
  </si>
  <si>
    <t>40.6g</t>
  </si>
  <si>
    <t>スープDELIポルチーニ香るきのこのスープパスタ</t>
  </si>
  <si>
    <t>42.3g</t>
  </si>
  <si>
    <t>スープDELIクリーミーカルボナーラカップ</t>
  </si>
  <si>
    <t>スープDELIサーモンとほうれん草のスープパスタ</t>
  </si>
  <si>
    <t>ヤマダイ　スープデパスタたらこクリーム</t>
  </si>
  <si>
    <t>ヤマダイ</t>
  </si>
  <si>
    <t>ﾔﾏﾀﾞｲ</t>
  </si>
  <si>
    <t>洋風_パン</t>
  </si>
  <si>
    <t>こんがりパン　濃厚コーンポタージュカップ31.7ｇ_6個ｾｯﾄ</t>
  </si>
  <si>
    <t>31.7G*6</t>
  </si>
  <si>
    <t>じっくりコトコトこんがりパンコーンポタージュ</t>
  </si>
  <si>
    <t>32.2g</t>
  </si>
  <si>
    <t>こんがりパン濃厚かぼちゃ</t>
  </si>
  <si>
    <t>こんがりパンクラムチャウダー</t>
  </si>
  <si>
    <t>こんがりパン野菜のトマトチャウダー</t>
  </si>
  <si>
    <t>じっくりコトコトこんがりパンクリーミークラムチャウダー</t>
  </si>
  <si>
    <t>じっくりコトコトこんがりパン完熟かぼちゃポタージュ</t>
  </si>
  <si>
    <t>34.5g</t>
  </si>
  <si>
    <t>サクサクパイきのこクリームカップ</t>
  </si>
  <si>
    <t>31.7G</t>
  </si>
  <si>
    <t>こんがりパン北海道じゃがバターカップ</t>
  </si>
  <si>
    <t>32.4G</t>
  </si>
  <si>
    <t>こんがりパン１／３野菜トマトチーズカップ</t>
  </si>
  <si>
    <t>27.2G</t>
  </si>
  <si>
    <t>サクサクパイ　バジルチキンのクリーミーポタージュ</t>
  </si>
  <si>
    <t>２９．６ｇ</t>
  </si>
  <si>
    <t>こんがりパンクリーミービスクカップ</t>
  </si>
  <si>
    <t>31.6G</t>
  </si>
  <si>
    <t>こんがり１/3野菜オニオンC</t>
  </si>
  <si>
    <t>30.2g</t>
  </si>
  <si>
    <t>こんがり豆乳サーモンチーズC</t>
  </si>
  <si>
    <t>２４．７ｇ</t>
  </si>
  <si>
    <t>こんがり明太子バターC</t>
  </si>
  <si>
    <t>25.4g</t>
  </si>
  <si>
    <t>じっくりこんがりパン濃厚じゃがいもポタージュカップ</t>
  </si>
  <si>
    <t>30.7g</t>
  </si>
  <si>
    <t>こんがりパン野菜チャウダーチキン</t>
  </si>
  <si>
    <t>33.3G</t>
  </si>
  <si>
    <t>こんがりパン明太子チーズポタージュ</t>
  </si>
  <si>
    <t>24.4G</t>
  </si>
  <si>
    <t>こんがりパンカルボナーラ風ポタージュ</t>
  </si>
  <si>
    <t>28.3G</t>
  </si>
  <si>
    <t>サクサクパイきのこグラタン風ポタージュ</t>
  </si>
  <si>
    <t>30.1G</t>
  </si>
  <si>
    <t>22.1G</t>
  </si>
  <si>
    <t>こんがりパン野菜たっぷりチャウダー</t>
  </si>
  <si>
    <t>30.9G</t>
  </si>
  <si>
    <t>サクサクパイきのこポタージュ</t>
  </si>
  <si>
    <t>こんがりパンマッサンカレー</t>
  </si>
  <si>
    <t>こんがりパン1食分の野菜チキンと野菜</t>
  </si>
  <si>
    <t>こんがりパン1食分の野菜ほうれん草</t>
  </si>
  <si>
    <t>33.0g</t>
  </si>
  <si>
    <t>こんがりパンじゃがバター</t>
  </si>
  <si>
    <t>こんがりパンGRANDEクリームシチュー</t>
  </si>
  <si>
    <t>こんがりパンGRANDE濃厚チーズフォンデュ</t>
  </si>
  <si>
    <t>こんがりパン蟹のビスク</t>
  </si>
  <si>
    <t>こんがりパン野菜トマトチャウダー</t>
  </si>
  <si>
    <t>28.4g</t>
  </si>
  <si>
    <t>こんがりパンGRANDE明太子</t>
  </si>
  <si>
    <t>味覇味中華スープ</t>
  </si>
  <si>
    <t>１７．１ｇ</t>
  </si>
  <si>
    <t>こんがりパン濃厚コーンポタージュ</t>
  </si>
  <si>
    <t>31.7g</t>
  </si>
  <si>
    <t>こんがりパン完熟かぼちゃ</t>
  </si>
  <si>
    <t>こんがりパンシーフードクラム</t>
  </si>
  <si>
    <t>こんがりパンGRANDEブラウンシチュー</t>
  </si>
  <si>
    <t>29.6g</t>
  </si>
  <si>
    <t>こんがりパン1食分野菜ミネストローネ</t>
  </si>
  <si>
    <t>こんがりパン　バターチキンカレーカップ</t>
  </si>
  <si>
    <t>ﾎﾟｯｶ</t>
  </si>
  <si>
    <t>こんがりパン温サラダほうれん草</t>
  </si>
  <si>
    <t>こんがりパン温サラダミネストローネ</t>
  </si>
  <si>
    <t>こんがりパン温サラダオニオン</t>
  </si>
  <si>
    <t>31.9g</t>
  </si>
  <si>
    <t>こんがりパン濃厚クラムチャウダー</t>
  </si>
  <si>
    <t>2種類のおすいもの</t>
  </si>
  <si>
    <t>チーズフォンデュ</t>
  </si>
  <si>
    <t>こんがりパン発酵麹きのこポタージュ</t>
  </si>
  <si>
    <t>こんがりパンバターチキンカレー</t>
  </si>
  <si>
    <t>26.1g</t>
  </si>
  <si>
    <t>こんがりパン濃厚かぼちゃポタージュ</t>
  </si>
  <si>
    <t>29.5g</t>
  </si>
  <si>
    <t>こんがりパン濃厚クラムポタージュ</t>
  </si>
  <si>
    <t>こんがりパン濃厚じゃがバターポタージュ</t>
  </si>
  <si>
    <t>28.1g</t>
  </si>
  <si>
    <t>こんがりパン濃厚海老のビスク</t>
  </si>
  <si>
    <t>こんがりパン濃厚ブロッコリーチーズポタージュ</t>
  </si>
  <si>
    <t>21.7g</t>
  </si>
  <si>
    <t>こんがりパン濃厚バターチキンカレー味</t>
  </si>
  <si>
    <t>23.9g</t>
  </si>
  <si>
    <t>こんがりパン超盛濃厚コーンポタージュ</t>
  </si>
  <si>
    <t>33.1g</t>
  </si>
  <si>
    <t>こんがりパン超盛濃厚クラムポタージュ</t>
  </si>
  <si>
    <t>こんがりパン濃厚トマトクリームポタージュ</t>
  </si>
  <si>
    <t>こんがりパン超盛トマト</t>
  </si>
  <si>
    <t>じっくりコトコトBISTRO仕立てデミグラススープ</t>
  </si>
  <si>
    <t>じっくりコトコトこんがりパン超盛じゃがいもポタージュ</t>
  </si>
  <si>
    <t>じっくりコトコトこんがりパン濃厚コーンポタージュ</t>
  </si>
  <si>
    <t>58.5g</t>
  </si>
  <si>
    <t>じっくりコトコトこんがりパン濃厚かぼちゃポタージュ</t>
  </si>
  <si>
    <t>68.1g</t>
  </si>
  <si>
    <t>わかめス－プしじみ</t>
  </si>
  <si>
    <t>5.3ｇX3p</t>
  </si>
  <si>
    <t>わかめス－プしょうが</t>
  </si>
  <si>
    <t>5ｇX3p</t>
  </si>
  <si>
    <t>リゾランテ濃厚海老クリームリゾット</t>
  </si>
  <si>
    <t>44.9G</t>
  </si>
  <si>
    <t>リゾランテ濃厚チーズリゾット　カップ</t>
  </si>
  <si>
    <t>46.1G</t>
  </si>
  <si>
    <t>燃焼チゲスープ</t>
  </si>
  <si>
    <t>33.8g</t>
  </si>
  <si>
    <t>燃焼坦々麺</t>
  </si>
  <si>
    <t>スーパーカップやきそば</t>
  </si>
  <si>
    <t>179g</t>
  </si>
  <si>
    <t>浪速のこてこて焼そば</t>
  </si>
  <si>
    <t>えび麺しおマヨネーズ焼そば</t>
  </si>
  <si>
    <t>牛肉ラ－メン醤油</t>
  </si>
  <si>
    <t>牛肉ラ－メンみそ</t>
  </si>
  <si>
    <t>CoCo壱番屋野菜カレースープ</t>
  </si>
  <si>
    <t>ランチのミカタ10品目グザイ和風スープ</t>
  </si>
  <si>
    <t>1ﾊﾟｯｸ</t>
  </si>
  <si>
    <t>スープはるさめオニオントマト味</t>
  </si>
  <si>
    <t>RICEPASTASoupれもんバター味</t>
  </si>
  <si>
    <t>具だくさんキムチクッパ</t>
  </si>
  <si>
    <t>わかめごはんスープごま･しょうゆ</t>
  </si>
  <si>
    <t>オートミールきのこクリーム</t>
  </si>
  <si>
    <t>オートミールまろやかチキン</t>
  </si>
  <si>
    <t>オートミール紀州うめ</t>
  </si>
  <si>
    <t>オートミール完熟トマト</t>
  </si>
  <si>
    <t>オートミール海人の藻塩</t>
  </si>
  <si>
    <t>19.7g</t>
  </si>
  <si>
    <t>オートミールだし鶏白湯風味</t>
  </si>
  <si>
    <t>オートミールほたてバター風味</t>
  </si>
  <si>
    <t>オートミール梅しそ風味</t>
  </si>
  <si>
    <t>オートミール塩とんこつ風味</t>
  </si>
  <si>
    <t>純麦うどん</t>
  </si>
  <si>
    <t>ｲﾂｷｼｮｸﾋﾝ</t>
  </si>
  <si>
    <t>五木庵ひやむぎ</t>
  </si>
  <si>
    <t>五木の誉ひやむぎ</t>
  </si>
  <si>
    <t>五木庵そうめん</t>
  </si>
  <si>
    <t>挽きたてそば</t>
  </si>
  <si>
    <t>ざるうどん</t>
  </si>
  <si>
    <t>2人前</t>
  </si>
  <si>
    <t>冷し中華</t>
  </si>
  <si>
    <t>ミ－トスパゲッティ</t>
  </si>
  <si>
    <t>海老天そば</t>
  </si>
  <si>
    <t>きつねそば</t>
  </si>
  <si>
    <t>スパイスラ－メンあっさり味</t>
  </si>
  <si>
    <t>スパイスラ－メンこってり味</t>
  </si>
  <si>
    <t>ハッスルラ－メン</t>
  </si>
  <si>
    <t>パスタデナポリタン</t>
  </si>
  <si>
    <t>ヤカンチャンヤキソバカップ</t>
  </si>
  <si>
    <t>フクジンヅケカレーウドン</t>
  </si>
  <si>
    <t>99g</t>
  </si>
  <si>
    <t>カラットテンプラウドン</t>
  </si>
  <si>
    <t>ところてんツイン三杯酢</t>
  </si>
  <si>
    <t>356g</t>
  </si>
  <si>
    <t>高森興産</t>
  </si>
  <si>
    <t>ﾀｶﾓﾘ</t>
  </si>
  <si>
    <t>ところてんツイン青じそ</t>
  </si>
  <si>
    <t>357g</t>
  </si>
  <si>
    <t>シコシコ焼きそば</t>
  </si>
  <si>
    <t>474g</t>
  </si>
  <si>
    <t>ナポリタン３食</t>
  </si>
  <si>
    <t>天鍋だんご汁</t>
  </si>
  <si>
    <t>合格桜うどん</t>
  </si>
  <si>
    <t>238g</t>
  </si>
  <si>
    <t>７種野菜クリーミーチャウダー</t>
  </si>
  <si>
    <t>なめらか豆腐すうぷ鯛だし</t>
  </si>
  <si>
    <t>なめらか豆腐すうぷスンドゥブチゲ味</t>
  </si>
  <si>
    <t>おだしのきいたおもちスープ</t>
  </si>
  <si>
    <t>なめらか豆腐すうぷたまご</t>
  </si>
  <si>
    <t>出前家族の煮込みめんみそ</t>
  </si>
  <si>
    <t>とろけるおぼろ豆腐純豆腐スープ</t>
  </si>
  <si>
    <t>とろけるおぼろ豆腐まろっと豆乳スープ</t>
  </si>
  <si>
    <t>とろけるおぼろ豆腐麻婆豆腐スープ</t>
  </si>
  <si>
    <t>立川マシマシウマ汁こってり辛マシライス</t>
  </si>
  <si>
    <t>カンゴモリウチドン</t>
  </si>
  <si>
    <t>早ゆでカラフルマカロニ</t>
  </si>
  <si>
    <t>ﾆﾎﾝｾｲﾌﾝ</t>
  </si>
  <si>
    <t>カップシチュークリーム箱</t>
  </si>
  <si>
    <t>カップシチュークリーム</t>
  </si>
  <si>
    <t>カップシチューコーンカップ</t>
  </si>
  <si>
    <t>らくチンデリ　ブラウンシチュー</t>
  </si>
  <si>
    <t>深大寺天ぷらうどん</t>
  </si>
  <si>
    <t>はい千番_そば</t>
  </si>
  <si>
    <t>はくばく</t>
  </si>
  <si>
    <t>ﾊｸﾊﾞｸ</t>
  </si>
  <si>
    <t>カツオウドン</t>
  </si>
  <si>
    <t>223g</t>
  </si>
  <si>
    <t>はがくれ</t>
  </si>
  <si>
    <t>ﾊｶﾞｸﾚ</t>
  </si>
  <si>
    <t>テンプラソバ</t>
  </si>
  <si>
    <t>だんご汁</t>
  </si>
  <si>
    <t>ヒヤシチュウカ</t>
  </si>
  <si>
    <t>３食ざるうどん屋</t>
  </si>
  <si>
    <t>ゴボウテンウドンカップ</t>
  </si>
  <si>
    <t>一幸社監修　豚骨魚介つけ麺</t>
  </si>
  <si>
    <t>１２４ｇ</t>
  </si>
  <si>
    <t>ヒョウバンノミセクルメヤフクロ</t>
  </si>
  <si>
    <t>103g</t>
  </si>
  <si>
    <t>海猿大盛り屋</t>
  </si>
  <si>
    <t>焦がしバター味噌</t>
  </si>
  <si>
    <t>肉ワンタン醤油</t>
  </si>
  <si>
    <t>もっちりちゃんぽん</t>
  </si>
  <si>
    <t>がち太鶏油</t>
  </si>
  <si>
    <t>究麺ソ－ス焼そば</t>
  </si>
  <si>
    <t>究麺チャンポン</t>
  </si>
  <si>
    <t>112g</t>
  </si>
  <si>
    <t>究麺濃厚味噌</t>
  </si>
  <si>
    <t>飲茶三昧ワンタン醤油</t>
  </si>
  <si>
    <t>飲茶三昧春雨野菜白湯</t>
  </si>
  <si>
    <t>飲茶三昧ワンタン参鶏湯</t>
  </si>
  <si>
    <t>飲茶三昧_トマトスーラータン</t>
  </si>
  <si>
    <t>飲茶三昧ワンタンとろみ醤油</t>
  </si>
  <si>
    <t>飲茶三昧キムチ豆乳</t>
  </si>
  <si>
    <t>成城石井　カップ＆フォー　トムヤムクン__１食</t>
  </si>
  <si>
    <t>成城石井　カップ＆フォー　サンラータン__１食</t>
  </si>
  <si>
    <t>成城石井　カップ＆フォー　シンガポール風ラクサ__１食</t>
  </si>
  <si>
    <t>成城石井　カップ＆フォー　トムカーガイ__１食</t>
  </si>
  <si>
    <t>スープ＆ミーボルシチ</t>
  </si>
  <si>
    <t>スープ＆ミークラムチャウダー</t>
  </si>
  <si>
    <t>スープ＆ミー紅ずわい蟹のビスク</t>
  </si>
  <si>
    <t>スープ＆ミーミネストローネ</t>
  </si>
  <si>
    <t>海鮮最中海藻スープお徳用</t>
  </si>
  <si>
    <t>カップ皿うどん白湯スープ</t>
  </si>
  <si>
    <t>41.3g</t>
  </si>
  <si>
    <t>カップ辛麺風スープ</t>
  </si>
  <si>
    <t>21.1G</t>
  </si>
  <si>
    <t>ロゼトッポギ</t>
  </si>
  <si>
    <t>kini</t>
  </si>
  <si>
    <t>マーマー　グリーン・カレー　ヌードル</t>
  </si>
  <si>
    <t>簡便・缶</t>
  </si>
  <si>
    <t>クリームベーコン英字</t>
  </si>
  <si>
    <t>298g</t>
  </si>
  <si>
    <t>ｷｬﾝﾍﾞﾙ</t>
  </si>
  <si>
    <t>ひかり味噌選べるスープ春雨ラーメン風</t>
  </si>
  <si>
    <t>すっぽんスープ__缶</t>
  </si>
  <si>
    <t>村上スッポン本舗</t>
  </si>
  <si>
    <t>ﾑﾗｶﾐｽｯﾎﾟﾝ</t>
  </si>
  <si>
    <t>ゴールドすっぽんスープ　缶</t>
  </si>
  <si>
    <t>食べる唐辛子スープ</t>
  </si>
  <si>
    <t>じゃがいも冷たいヴィシソワーズ</t>
  </si>
  <si>
    <t>シャキシャキコーン冷たいスープ</t>
  </si>
  <si>
    <t>じっくりコトコトとろーりコーン</t>
  </si>
  <si>
    <t>じっくりオニオンコンソメ　缶　</t>
  </si>
  <si>
    <t>じっくり栗かぼちゃの冷たいポタ　Ｒ缶</t>
  </si>
  <si>
    <t>じっくりオニオンコンソメ</t>
  </si>
  <si>
    <t>じっくりコトコト冷製じゃがいも</t>
  </si>
  <si>
    <t>じっくりコトコト冷製コーン</t>
  </si>
  <si>
    <t>じっくりオニオンスープ缶</t>
  </si>
  <si>
    <t>じっくりコトコト冷製コーンポタージュR缶</t>
  </si>
  <si>
    <t>じっくりコトコト冷製トマトR缶</t>
  </si>
  <si>
    <t>じっくりコトコトとろ~りコーン缶</t>
  </si>
  <si>
    <t>じっくり煮込みスープの素トマト缶</t>
  </si>
  <si>
    <t>じっくり煮込みスープの素クリーム缶</t>
  </si>
  <si>
    <t>じっくり煮込みスープの素オニオン缶</t>
  </si>
  <si>
    <t>じっくりとろーりコーン</t>
  </si>
  <si>
    <t>じっくりとろーりコーンケース</t>
  </si>
  <si>
    <t>175g×30</t>
  </si>
  <si>
    <t>やさいのじっくりコトコトコーンポタージュ</t>
  </si>
  <si>
    <t>やさいじっくりじゃがいものスープＲ缶</t>
  </si>
  <si>
    <t>やさいじっくり栗かぼちゃのポタージュＲ缶</t>
  </si>
  <si>
    <t>じっくりコトコトやさいポタージュコーン</t>
  </si>
  <si>
    <t>じっくりコトコトやさいポタトマトクリーム</t>
  </si>
  <si>
    <t>じっくりコトコトやさいポタージュじゃがいも</t>
  </si>
  <si>
    <t>じっくりコトコトやさいポタージュ栗かぼちゃ</t>
  </si>
  <si>
    <t>素のまま玉ねぎのコンソメスープ</t>
  </si>
  <si>
    <t>オハラ</t>
  </si>
  <si>
    <t>ｵﾊﾗ</t>
  </si>
  <si>
    <t>素のまま玉ねぎのトマトスープ</t>
  </si>
  <si>
    <t>素のまま玉ねぎのカレースープ</t>
  </si>
  <si>
    <t>大容量(6食以上)</t>
  </si>
  <si>
    <t>じっくり冷製バラエティパック</t>
  </si>
  <si>
    <t>カレーな気分中辛</t>
  </si>
  <si>
    <t>しじみ70個分のちからみそ汁</t>
  </si>
  <si>
    <t>しじみ70個分のちからみそ汁ケース</t>
  </si>
  <si>
    <t>190g×30</t>
  </si>
  <si>
    <t>ストック・箱袋</t>
  </si>
  <si>
    <t>ベトナムフォー鶏だしスープ</t>
  </si>
  <si>
    <t>101g</t>
  </si>
  <si>
    <t>マッシュルームとクリームスープの素</t>
  </si>
  <si>
    <t>舟形マッシュルーム</t>
  </si>
  <si>
    <t>ﾌﾅｶﾞﾀ</t>
  </si>
  <si>
    <t>スパイスワールドトムヤムスープ</t>
  </si>
  <si>
    <t>スパイスワールドグリーンカレー</t>
  </si>
  <si>
    <t>ハッピースープわかめスープ</t>
  </si>
  <si>
    <t>49.3g</t>
  </si>
  <si>
    <t>素材屋具たっぷりごまスープ袋</t>
  </si>
  <si>
    <t>しじみわかめスープ_３Ｐ</t>
  </si>
  <si>
    <t>5.4g×3</t>
  </si>
  <si>
    <t>しょうがスープ_しじみわかめ</t>
  </si>
  <si>
    <t>17.1g</t>
  </si>
  <si>
    <t>しじみわかめスープファミリータイプ</t>
  </si>
  <si>
    <t>5.4×10P</t>
  </si>
  <si>
    <t>しじみわかめスープ減塩ファミリー</t>
  </si>
  <si>
    <t>グルテンＦスープフォー　和風柚子風味</t>
  </si>
  <si>
    <t>グルテンＦスープフォー　トムヤムクン風</t>
  </si>
  <si>
    <t>SOUP食堂ごま豆乳</t>
  </si>
  <si>
    <t>SOUP食堂キムチチゲ</t>
  </si>
  <si>
    <t>和のスープいわしのみそ汁</t>
  </si>
  <si>
    <t>和のスープ鮭の三平汁</t>
  </si>
  <si>
    <t>和のスープ鱈のうしお汁</t>
  </si>
  <si>
    <t>1杯でしじみ70個分しじわかめスープ</t>
  </si>
  <si>
    <t>たまねぎのちからサラサラたまねぎスープ</t>
  </si>
  <si>
    <t>ごぼう1/3のちから　食物繊維たっぷり</t>
  </si>
  <si>
    <t>アボガドの力　キレイナなグリーンスープ</t>
  </si>
  <si>
    <t>２９．４ｇ</t>
  </si>
  <si>
    <t>玄米と5種の穀物をおいしく食べるスープ鶏だししお味</t>
  </si>
  <si>
    <t>ひかり味噌　贅沢スープはるさめ　胡麻味噌坦々　５食</t>
  </si>
  <si>
    <t>ひかり味噌　贅沢スープはるさめ　濃厚ホタテ白湯　５食</t>
  </si>
  <si>
    <t>ひかり味噌　贅沢スープはるさめ　鶏だしかきたま中華　５食</t>
  </si>
  <si>
    <t>わかめスープぴり辛</t>
  </si>
  <si>
    <t>わかめスープねぎ塩</t>
  </si>
  <si>
    <t>わかめスープ焙煎ごま</t>
  </si>
  <si>
    <t>わかめとたまごのスープ</t>
  </si>
  <si>
    <t>太切りめかぶスープ　4Ｐ</t>
  </si>
  <si>
    <t>4袋入り</t>
  </si>
  <si>
    <t>うま塩海苔スープ</t>
  </si>
  <si>
    <t>理研わかめスープアソートパック3袋入20.8g</t>
  </si>
  <si>
    <t>焼肉屋さんのコムタンスープ</t>
  </si>
  <si>
    <t>わかめスープ焼肉屋さんのユッケジャンスープ</t>
  </si>
  <si>
    <t>ワカメスープ　３Ｐ</t>
  </si>
  <si>
    <t>5.7g×3</t>
  </si>
  <si>
    <t>成城石井　スープ＆フォー　トムヤムクン</t>
  </si>
  <si>
    <t>成城石井　スープ＆フォー　香草チキン</t>
  </si>
  <si>
    <t>成城石井　スープ＆フォー　サンラータン</t>
  </si>
  <si>
    <t>成城石井　スープ＆フォー　ベトナム風</t>
  </si>
  <si>
    <t>成城石井　スープ＆フォー　チゲ</t>
  </si>
  <si>
    <t>成城石井　スープ＆フォー　担々風</t>
  </si>
  <si>
    <t>ベトナムフォー鶏だしスープ２食セット</t>
  </si>
  <si>
    <t>202g</t>
  </si>
  <si>
    <t>国産わかめスープ</t>
  </si>
  <si>
    <t>扇屋食品販売</t>
  </si>
  <si>
    <t>ｵｵｷﾞﾔ</t>
  </si>
  <si>
    <t>たまごスープ</t>
  </si>
  <si>
    <t>つぶ入りコーンポタージュ3袋</t>
  </si>
  <si>
    <t>3ﾌｸﾛｲﾘ</t>
  </si>
  <si>
    <t>わかめスープ3袋</t>
  </si>
  <si>
    <t>中華スープ</t>
  </si>
  <si>
    <t>28.5g</t>
  </si>
  <si>
    <t>ねばねば野菜の和風スープ</t>
  </si>
  <si>
    <t>24.4g</t>
  </si>
  <si>
    <t>彩り豊かな6種の野菜スープ</t>
  </si>
  <si>
    <t>バターが香るオニオンスープ</t>
  </si>
  <si>
    <t>トマトポタージュ</t>
  </si>
  <si>
    <t>ほうれん草ポタージュ</t>
  </si>
  <si>
    <t>きのこポタージュ</t>
  </si>
  <si>
    <t>白湯スープの素</t>
  </si>
  <si>
    <t>ハイディラオ</t>
  </si>
  <si>
    <t>スープパウダー</t>
  </si>
  <si>
    <t>VIFON</t>
  </si>
  <si>
    <t>ｳｨﾌｫﾝ</t>
  </si>
  <si>
    <t>わかめスープわくわくファミリーパック8袋5個セット</t>
  </si>
  <si>
    <t>わかめｽｰﾌﾟわくわくファミリーパック_3個ｾｯﾄ</t>
  </si>
  <si>
    <t>8P*3</t>
  </si>
  <si>
    <t>佐賀県産海苔スープ</t>
  </si>
  <si>
    <t>永盛商事</t>
  </si>
  <si>
    <t>一杯の減塩わかめスープ</t>
  </si>
  <si>
    <t>ハッピースープ徳用わかめスープ</t>
  </si>
  <si>
    <t>一杯の減塩わかめスープ　箱</t>
  </si>
  <si>
    <t>68.0g</t>
  </si>
  <si>
    <t>一杯の減塩和風スープアソート</t>
  </si>
  <si>
    <t>しじみわかめスープファミリー</t>
  </si>
  <si>
    <t>わかめとしじみのスープ</t>
  </si>
  <si>
    <t>わかめと野菜のスープ</t>
  </si>
  <si>
    <t>ホタテの旨味わかめスープ</t>
  </si>
  <si>
    <t>わかめとがごめ昆布のスープ</t>
  </si>
  <si>
    <t>わかめとしいたけのスープ</t>
  </si>
  <si>
    <t>うどんスープ西袋</t>
  </si>
  <si>
    <t>1杯でしじみ70個分しじみわかめスープ</t>
  </si>
  <si>
    <t>たまねぎのちからサラサラたまねぎスープ8袋入</t>
  </si>
  <si>
    <t>嬉しいしじみわかめスープ</t>
  </si>
  <si>
    <t>わかめスープわくわくファミリーパック</t>
  </si>
  <si>
    <t>ごまわかめスープわくわくファミリーパック</t>
  </si>
  <si>
    <t>スパイシーねぎ塩スープわくわくファミリーパック</t>
  </si>
  <si>
    <t>ねぎのピリ辛スープわくわくファミリーパック</t>
  </si>
  <si>
    <t>わかめとたまごのスープわくわくファミリーパック</t>
  </si>
  <si>
    <t>わかめスープ牛だし白湯スープ</t>
  </si>
  <si>
    <t>富永食品　わかめスープ　８袋</t>
  </si>
  <si>
    <t>国産たまねぎスープ</t>
  </si>
  <si>
    <t>62g×12P</t>
  </si>
  <si>
    <t>佐賀県産たまねぎスープ</t>
  </si>
  <si>
    <t>6.7g×10P</t>
  </si>
  <si>
    <t>島根県産天然わかめと海藻のスープ</t>
  </si>
  <si>
    <t>島根県産天然わかめと野菜のスープ</t>
  </si>
  <si>
    <t>のど黒だしで仕込んだ天然わかめスープ</t>
  </si>
  <si>
    <t>飛魚だしで仕込んだ天然わかめと海藻のスープ</t>
  </si>
  <si>
    <t>わかめスープしじみ入りお徳用</t>
  </si>
  <si>
    <t>わかめスープ　がごめ昆布入り　お徳用</t>
  </si>
  <si>
    <t>島根県産天然茎わかめと海藻のスープ</t>
  </si>
  <si>
    <t>島根県産天然茎わかめと野菜のスープ</t>
  </si>
  <si>
    <t>島根県産天然わかめスープ</t>
  </si>
  <si>
    <t>がごめ昆布入りわかめスープ</t>
  </si>
  <si>
    <t>あおさのり入りわかめスープ</t>
  </si>
  <si>
    <t>味日本</t>
  </si>
  <si>
    <t>ｱｼﾞﾆﾎﾝ</t>
  </si>
  <si>
    <t>こだわりの深みスープはるさめ</t>
  </si>
  <si>
    <t>クリーミー仕立てポテトポタージュ</t>
  </si>
  <si>
    <t>8ﾌｸﾛｲﾘ</t>
  </si>
  <si>
    <t>あじわい新鮮スープはるさめ</t>
  </si>
  <si>
    <t>減塩わかめスープ</t>
  </si>
  <si>
    <t>減塩たまごスープ</t>
  </si>
  <si>
    <t>オルニチンパワーわかめしじみ風</t>
  </si>
  <si>
    <t>ジャパンスパイス</t>
  </si>
  <si>
    <t>ｼﾞｬﾊﾟﾝｽﾊﾟｲ</t>
  </si>
  <si>
    <t>韓国のりスープ</t>
  </si>
  <si>
    <t>オリオンジャコー</t>
  </si>
  <si>
    <t>ｵﾘｵﾝｼﾞｬｺｰ</t>
  </si>
  <si>
    <t>韓国のりスープピリ辛</t>
  </si>
  <si>
    <t>春雨スープ太平燕</t>
  </si>
  <si>
    <t>スープ春雨うま塩わかめ</t>
  </si>
  <si>
    <t>はるさめスープ（わかめ醤油）</t>
  </si>
  <si>
    <t>クノールふんわりたまごスープ塩分カット袋</t>
  </si>
  <si>
    <t>はるさめヌードル中華ワンタン</t>
  </si>
  <si>
    <t>スープ春雨徳用坦々</t>
  </si>
  <si>
    <t>スープ春雨徳用白湯</t>
  </si>
  <si>
    <t>スープ春雨徳用和風</t>
  </si>
  <si>
    <t>スープ春雨担々風５食</t>
  </si>
  <si>
    <t>スープ春雨白湯風５食</t>
  </si>
  <si>
    <t>スープ春雨中華風５食</t>
  </si>
  <si>
    <t>スープ春雨　ピリ辛チゲ２食入</t>
  </si>
  <si>
    <t>スープ春雨_わかめ</t>
  </si>
  <si>
    <t>スープ春雨_チキン</t>
  </si>
  <si>
    <t>スープ春雨_ねぎ塩</t>
  </si>
  <si>
    <t>スープ春雨わかめ醤油5Ｐ</t>
  </si>
  <si>
    <t>１４．１ｇ＊５</t>
  </si>
  <si>
    <t>スープ春雨かき玉5Ｐ</t>
  </si>
  <si>
    <t>１２．９ｇ＊５</t>
  </si>
  <si>
    <t>スープ春雨野菜スープ味5Ｐ</t>
  </si>
  <si>
    <t>１３．２ｇ＊５</t>
  </si>
  <si>
    <t>スープ春雨坦々風</t>
  </si>
  <si>
    <t>スープ春雨シーフード</t>
  </si>
  <si>
    <t>スープ春雨お吸い物風</t>
  </si>
  <si>
    <t>スープ春雨　野菜と生姜</t>
  </si>
  <si>
    <t>おかず春雨スープの素麻辣味</t>
  </si>
  <si>
    <t>おかず春雨スープの素キムチ味</t>
  </si>
  <si>
    <t>皇帝太平燕チキン</t>
  </si>
  <si>
    <t>17.6g×5食入</t>
  </si>
  <si>
    <t>重光産業</t>
  </si>
  <si>
    <t>ｼｹﾞﾐﾂ</t>
  </si>
  <si>
    <t>皇帝太平燕豚骨スープ5食パック</t>
  </si>
  <si>
    <t>皇帝太平燕辛みそ味</t>
  </si>
  <si>
    <t>重光産業皇帝太平燕和風魚介味5食</t>
  </si>
  <si>
    <t>ｼｹﾞﾐﾂｻﾝｷﾞｮ</t>
  </si>
  <si>
    <t>シンガポール風ラクサ5食</t>
  </si>
  <si>
    <t>トムカーガイ</t>
  </si>
  <si>
    <t>ベトナムフォー牛だしスープ2食セット</t>
  </si>
  <si>
    <t>ｱｲｼﾞｴﾑ</t>
  </si>
  <si>
    <t>カニ春雨スープ</t>
  </si>
  <si>
    <t>名和甚</t>
  </si>
  <si>
    <t>ﾅﾜｼﾞﾝ</t>
  </si>
  <si>
    <t>山椒春雨スープ</t>
  </si>
  <si>
    <t>うめ春雨スープ</t>
  </si>
  <si>
    <t>たまねぎ春雨スープ</t>
  </si>
  <si>
    <t>太平燕ゆず胡椒味</t>
  </si>
  <si>
    <t>イケダ食品</t>
  </si>
  <si>
    <t>ｲｹﾀﾞｼｮｸﾋﾝ</t>
  </si>
  <si>
    <t>太平燕チキン味</t>
  </si>
  <si>
    <t>スープ春雨ごまとワカメ</t>
  </si>
  <si>
    <t>日本ドライフーズ</t>
  </si>
  <si>
    <t>ﾆﾎﾝﾄﾞﾗｲ</t>
  </si>
  <si>
    <t>スープ春雨とろみえびたんめん</t>
  </si>
  <si>
    <t>バラエティ広がるスープはるさめ3袋セット</t>
  </si>
  <si>
    <t>3袋セット</t>
  </si>
  <si>
    <t>3種でうれしいｽｰﾌﾟ春雨6食</t>
  </si>
  <si>
    <t>3種でうれしい　スープはるさめ　6食パック</t>
  </si>
  <si>
    <t>スープはるさめプチパック6食</t>
  </si>
  <si>
    <t>スープフォーよりどり１０Ｐ</t>
  </si>
  <si>
    <t>1473g×10</t>
  </si>
  <si>
    <t>いろいろ入っているｽｰﾌﾟ春雨12食</t>
  </si>
  <si>
    <t>いろいろ入っているスープ春雨12食</t>
  </si>
  <si>
    <t>１６２．６ｇ</t>
  </si>
  <si>
    <t>スープ春雨10P</t>
  </si>
  <si>
    <t>154g</t>
  </si>
  <si>
    <t>もっと選べるｽｰﾌﾟ春雨</t>
  </si>
  <si>
    <t>142g</t>
  </si>
  <si>
    <t>選べるスープ春雨スパイシーHOT</t>
  </si>
  <si>
    <t>おいしさ選べるスープはるさめ</t>
  </si>
  <si>
    <t>選べるスープ春雨</t>
  </si>
  <si>
    <t>おいしさ選べる　アジアンスープ紀行</t>
  </si>
  <si>
    <t>選べるスープ春雨減塩</t>
  </si>
  <si>
    <t>おいしさ選べる　ヨーロッパスープ紀行</t>
  </si>
  <si>
    <t>選べるスープ＆フォー　緑のアジアンスープ</t>
  </si>
  <si>
    <t>選べるスープ＆フォー　赤のアジアンスープ</t>
  </si>
  <si>
    <t>おいしさ選べる　アメリカンスープ紀行</t>
  </si>
  <si>
    <t>毎日スープ春雨中華・かきたま</t>
  </si>
  <si>
    <t>おいしさ選べるスープ春雨</t>
  </si>
  <si>
    <t>5つの味のスープ春雨</t>
  </si>
  <si>
    <t>バラエティ広がるスープはるさめ</t>
  </si>
  <si>
    <t>164.8g</t>
  </si>
  <si>
    <t>スープはるさめ鶏しお＆とんこつしょうゆ</t>
  </si>
  <si>
    <t>エスニック風スープはるさめ</t>
  </si>
  <si>
    <t>84.5g</t>
  </si>
  <si>
    <t>おいしさいろいろ5つの味のスープ春雨</t>
  </si>
  <si>
    <t>159.4g</t>
  </si>
  <si>
    <t>朝に食べたい5つの味のスープはるさめ10食</t>
  </si>
  <si>
    <t>春雨ヌードル</t>
  </si>
  <si>
    <t>海老丸ごとビスク</t>
  </si>
  <si>
    <t>鯛のポタージュ</t>
  </si>
  <si>
    <t>香草グリーンスープ</t>
  </si>
  <si>
    <t>10.7ｇx4</t>
  </si>
  <si>
    <t>ﾛｲｺ</t>
  </si>
  <si>
    <t>西洋ネギスープ</t>
  </si>
  <si>
    <t>16.4gx4</t>
  </si>
  <si>
    <t>至高のトマトスープ</t>
  </si>
  <si>
    <t>20.7gx3</t>
  </si>
  <si>
    <t>マッシュルームスープ</t>
  </si>
  <si>
    <t>18.9gx3</t>
  </si>
  <si>
    <t>ホワイトアスパラガススープ</t>
  </si>
  <si>
    <t>20gx3</t>
  </si>
  <si>
    <t>至極のパンプキン＆キャロットスープ</t>
  </si>
  <si>
    <t>22.5gx3</t>
  </si>
  <si>
    <t>じっくりコトコト濃厚コーンポタージュ箱</t>
  </si>
  <si>
    <t>72.6g</t>
  </si>
  <si>
    <t>じっくり濃厚クラムチャウダ</t>
  </si>
  <si>
    <t>50.7g</t>
  </si>
  <si>
    <t>じっくりコトコト海老の贅沢ビスク箱</t>
  </si>
  <si>
    <t>51.3g</t>
  </si>
  <si>
    <t>じっくりコトコト牡蠣の贅沢ポタージュ箱</t>
  </si>
  <si>
    <t>65.1g</t>
  </si>
  <si>
    <t>じっくりコトコト本格チキンクリーム箱</t>
  </si>
  <si>
    <t>ﾎﾟﾂｶｻﾂﾎﾟﾛ</t>
  </si>
  <si>
    <t>じっくりコトコト濃厚かぼちゃポタージュ箱</t>
  </si>
  <si>
    <t>ハッピースープつぶコーン</t>
  </si>
  <si>
    <t>ハッピースープポタージュ</t>
  </si>
  <si>
    <t>ハッピースープかぼちゃのポタージュ</t>
  </si>
  <si>
    <t>49.5g</t>
  </si>
  <si>
    <t>じっくりコトコトブロッコリーチーズ箱</t>
  </si>
  <si>
    <t>57G</t>
  </si>
  <si>
    <t>54.9G</t>
  </si>
  <si>
    <t>朝食スタイルケアコーンポタージュ</t>
  </si>
  <si>
    <t>66.9g</t>
  </si>
  <si>
    <t>朝食スタイルケアオニオンコンソメ</t>
  </si>
  <si>
    <t>じっくりコトコト濃厚コーンポタージュ</t>
  </si>
  <si>
    <t>じっくりコトコトブイヤベース風スープ</t>
  </si>
  <si>
    <t>48G</t>
  </si>
  <si>
    <t>じっくりコトコト牡蠣の濃厚クリーム</t>
  </si>
  <si>
    <t>57.6g</t>
  </si>
  <si>
    <t>じっくりコトコトフレンチチキンクリーム</t>
  </si>
  <si>
    <t>58.8G</t>
  </si>
  <si>
    <t>じっくりコトコト海老の濃厚ビスク</t>
  </si>
  <si>
    <t>51.9g</t>
  </si>
  <si>
    <t>じっくりコトコトマッシュルームチーズポタージュ</t>
  </si>
  <si>
    <t>じっくりコトコト完熟かぼちゃクリーム</t>
  </si>
  <si>
    <t>59.4g</t>
  </si>
  <si>
    <t>じっくりコトコトブロッコリーチーズポタージュ</t>
  </si>
  <si>
    <t>じっくりコトコト濃厚チキンクリーム</t>
  </si>
  <si>
    <t>じっくりシーフードと3種のチーズ</t>
  </si>
  <si>
    <t>じっくりコトコト白みそクリーム</t>
  </si>
  <si>
    <t>じっくりコトコトカレークリーム</t>
  </si>
  <si>
    <t>49.8g</t>
  </si>
  <si>
    <t>じっくりコトコトやさいさつまいも</t>
  </si>
  <si>
    <t>63.9g</t>
  </si>
  <si>
    <t>じっくりコトコトやさいかぼちゃ</t>
  </si>
  <si>
    <t>じっくりコトコトやさいブロッコリー</t>
  </si>
  <si>
    <t>アンパンマンスープ</t>
  </si>
  <si>
    <t>男爵いものポタージュ</t>
  </si>
  <si>
    <t>53.7g</t>
  </si>
  <si>
    <t>クリームオニオンポタージュ</t>
  </si>
  <si>
    <t>クノールカップスープ完熟トマト</t>
  </si>
  <si>
    <t>クノールカップスープコー</t>
  </si>
  <si>
    <t>55.8g</t>
  </si>
  <si>
    <t>クノールカップス-プポ</t>
  </si>
  <si>
    <t>クノール粒コーンクリーム</t>
  </si>
  <si>
    <t>48.3g</t>
  </si>
  <si>
    <t>クノールカップスープオニオンコンソメ</t>
  </si>
  <si>
    <t>クノール　カップスープ　チキンコンソメ</t>
  </si>
  <si>
    <t>クノールカップスープミルク仕立きのこ</t>
  </si>
  <si>
    <t>クノールチーズ仕立ほうれんそう</t>
  </si>
  <si>
    <t>40.2g</t>
  </si>
  <si>
    <t>ベーコンとポテトのポタージュ</t>
  </si>
  <si>
    <t>49.2g</t>
  </si>
  <si>
    <t>冷たい牛乳でコーンポタージュ</t>
  </si>
  <si>
    <t>冷たい牛乳で作るじゃがいものポタージュ3食</t>
  </si>
  <si>
    <t>冷たい牛乳で作る栗かぼちゃ3食</t>
  </si>
  <si>
    <t>コーンクリーム塩分40%カット</t>
  </si>
  <si>
    <t>54.6g</t>
  </si>
  <si>
    <t>ポタージュ塩分40%カット</t>
  </si>
  <si>
    <t>クノールカップ栗かぼちゃのポタージュ</t>
  </si>
  <si>
    <t>4種のチーズポタージュ</t>
  </si>
  <si>
    <t>冷たい牛乳で枝豆ポタージュ</t>
  </si>
  <si>
    <t>36.3g</t>
  </si>
  <si>
    <t>味の素　プレミアム　クラムチャウダー　箱２袋</t>
  </si>
  <si>
    <t>味の素　Ｃスーププレミアム　海老のビスク　箱２袋</t>
  </si>
  <si>
    <t>クノールカップスープ豆のポタージュ</t>
  </si>
  <si>
    <t>クノールカップスープオニオンコンソメ3P</t>
  </si>
  <si>
    <t>33.9g</t>
  </si>
  <si>
    <t>クノールカップ牛乳でつくるじゃがいもポタ</t>
  </si>
  <si>
    <t>47.7g</t>
  </si>
  <si>
    <t>クノールカップ牛乳でつくるコーンポタージュ</t>
  </si>
  <si>
    <t>クノールカップ牛乳でえだ豆のポタージュ</t>
  </si>
  <si>
    <t>クノールカップ牛乳で栗かぼちゃポタージュ</t>
  </si>
  <si>
    <t>ブイヤベース用スープ</t>
  </si>
  <si>
    <t>290g</t>
  </si>
  <si>
    <t>ミネストローネ用ベース</t>
  </si>
  <si>
    <t>よくばりソイポタごぼうスープ</t>
  </si>
  <si>
    <t>よくばりソイポタかぼちゃスープ</t>
  </si>
  <si>
    <t>デイリースープ粒入コーンスープ</t>
  </si>
  <si>
    <t>ＳＳＫセールス</t>
  </si>
  <si>
    <t>SSKｾ-ﾙｽ</t>
  </si>
  <si>
    <t>デイリースープクラムチャウダー</t>
  </si>
  <si>
    <t>デイリースープミネストローネ</t>
  </si>
  <si>
    <t>160g×3P</t>
  </si>
  <si>
    <t>美活ポタジェ大豆たんぱくとコーンのポタージュ</t>
  </si>
  <si>
    <t>カツプシチュー４種緑黄野菜Ｃ</t>
  </si>
  <si>
    <t>カツプシチュー３種のきのこＣ</t>
  </si>
  <si>
    <t>カップシチュ４種緑黄色野菜箱</t>
  </si>
  <si>
    <t>カップシチュ３種茸クリーム箱</t>
  </si>
  <si>
    <t>カップＤカレ３種のきのこカレ</t>
  </si>
  <si>
    <t>マグカップシチュークリーム</t>
  </si>
  <si>
    <t>23gX2</t>
  </si>
  <si>
    <t>マグカップシチューコーンクリーム</t>
  </si>
  <si>
    <t>22.5gX2</t>
  </si>
  <si>
    <t>マグカップシチューブラウン</t>
  </si>
  <si>
    <t>21gX2</t>
  </si>
  <si>
    <t>ひんやりマグシチューコーン</t>
  </si>
  <si>
    <t>ひんやりマグシチュークリーム</t>
  </si>
  <si>
    <t>マグカップで北海道シチュークリーム</t>
  </si>
  <si>
    <t>マグカップで北海道シチューコーンクリーム</t>
  </si>
  <si>
    <t>マグカップで北海道シチューチーズ</t>
  </si>
  <si>
    <t>マグカップで北海道フォンデュシチュー</t>
  </si>
  <si>
    <t>おうちスープコーンスープ箱</t>
  </si>
  <si>
    <t>おうちスープポタージュ箱</t>
  </si>
  <si>
    <t>おうちスープクラム箱</t>
  </si>
  <si>
    <t>おうちスープじゃがいも箱</t>
  </si>
  <si>
    <t>おうちスープコーン箱</t>
  </si>
  <si>
    <t>67.5g</t>
  </si>
  <si>
    <t>じっくりコトコト濃厚クラムポタージュ箱</t>
  </si>
  <si>
    <t>53.4g</t>
  </si>
  <si>
    <t>じっくりコトコト濃厚海老のビスク箱</t>
  </si>
  <si>
    <t>じっくりコトコト濃厚トマトクリーム箱</t>
  </si>
  <si>
    <t>じっくりコトコト濃厚ブロッコリーチーズ箱</t>
  </si>
  <si>
    <t>じっくりコトコト濃厚かぼちゃクリーム箱</t>
  </si>
  <si>
    <t>63.6g</t>
  </si>
  <si>
    <t>じっくりコトコト濃厚チキンクリーム箱</t>
  </si>
  <si>
    <t>じっくりコトコト濃厚さつまいもクリーム箱</t>
  </si>
  <si>
    <t>おうちスープ3種アソート箱</t>
  </si>
  <si>
    <t>富士食品　ジェントリースープ　コーンポタージュ　箱</t>
  </si>
  <si>
    <t>富士食品　ジェントリーオニオンスープ　箱</t>
  </si>
  <si>
    <t>富士食品　ジェントリーきのこのポタージュ　箱</t>
  </si>
  <si>
    <t>富士食品　ジェントリー　トマトポタージュ　箱</t>
  </si>
  <si>
    <t>富士食品　ジェントリー　チャウダー　箱</t>
  </si>
  <si>
    <t>富士食品　ジェントリー　パンプキンポタージュ　箱</t>
  </si>
  <si>
    <t>ＪＡＬスープビーフコンソメ</t>
  </si>
  <si>
    <t>ＪＡＬオニオンコンソメ　４Ｐ</t>
  </si>
  <si>
    <t>ポケモンコーンクリーム</t>
  </si>
  <si>
    <t>すみっコぐらしコーンクリーム</t>
  </si>
  <si>
    <t>わかめｽｰﾌﾟ牛だし白湯ｽｰﾌﾟ</t>
  </si>
  <si>
    <t>海苔スープ</t>
  </si>
  <si>
    <t>４袋入</t>
  </si>
  <si>
    <t>発芽玄米スープパスタクリーム＆きのこ</t>
  </si>
  <si>
    <t>北海道コーンスープ</t>
  </si>
  <si>
    <t>北海道かぼちゃスープ</t>
  </si>
  <si>
    <t>北海道男爵いもクリームスープ</t>
  </si>
  <si>
    <t>北海道オニオンスープ</t>
  </si>
  <si>
    <t>有機野菜のコーンが濃いポタージュ</t>
  </si>
  <si>
    <t>北海道たまねぎのポタージュ</t>
  </si>
  <si>
    <t>グリーンズ北見</t>
  </si>
  <si>
    <t>ｸﾞﾘｰﾝｽﾞｷﾀﾐ</t>
  </si>
  <si>
    <t>冷たいｽｰﾌﾟ_ｳﾞｨｼｿﾜｰｽﾞ</t>
  </si>
  <si>
    <t>キャンベルジャパン</t>
  </si>
  <si>
    <t>ＴＲコーンスープ</t>
  </si>
  <si>
    <t>ＴＲポタージュ</t>
  </si>
  <si>
    <t>ハッピースープ徳用つぶコーン箱100.8g3個セット</t>
  </si>
  <si>
    <t>ハッピースープ徳用ポタージュ箱110.4g3個セット</t>
  </si>
  <si>
    <t>コーンポタージュ3個セット</t>
  </si>
  <si>
    <t>クノールカップスープコーンクリーム8袋3個セット</t>
  </si>
  <si>
    <t>コーンポタージュ2個セット</t>
  </si>
  <si>
    <t>ＴＲコーンスープ_3個セット</t>
  </si>
  <si>
    <t>ビーフコンソメ　３個セット</t>
  </si>
  <si>
    <t>8袋*3</t>
  </si>
  <si>
    <t>コーンクリーム6個セット</t>
  </si>
  <si>
    <t>140.8G6</t>
  </si>
  <si>
    <t>ポタージュ6個セット</t>
  </si>
  <si>
    <t>136G6</t>
  </si>
  <si>
    <t>つぶたっぷりコーンクリーム6個セット</t>
  </si>
  <si>
    <t>132G6</t>
  </si>
  <si>
    <t>コーンクリーム2個セット</t>
  </si>
  <si>
    <t>140.8g*2</t>
  </si>
  <si>
    <t>善太淡路島フルーツ玉ねぎスープ30食</t>
  </si>
  <si>
    <t>186g</t>
  </si>
  <si>
    <t>善太</t>
  </si>
  <si>
    <t>ｾﾞﾝﾌﾄ</t>
  </si>
  <si>
    <t>選べるみんなのスープ箱</t>
  </si>
  <si>
    <t>１１０g</t>
  </si>
  <si>
    <t>選べる減塩みんなのスープ</t>
  </si>
  <si>
    <t>８袋</t>
  </si>
  <si>
    <t>ハッピースープ徳用つぶコーン</t>
  </si>
  <si>
    <t>ハッピースープ徳用ポタージュ</t>
  </si>
  <si>
    <t>選べる減塩みんなのスープ８袋</t>
  </si>
  <si>
    <t>１２７．８ｇ</t>
  </si>
  <si>
    <t>選べるみんなのスープ</t>
  </si>
  <si>
    <t>冷製みんなのスープ箱</t>
  </si>
  <si>
    <t>一杯の減塩洋風ポタージュアソート</t>
  </si>
  <si>
    <t>選べるみんなの冷たいスープ</t>
  </si>
  <si>
    <t>コーンクリーム</t>
  </si>
  <si>
    <t>148.8g</t>
  </si>
  <si>
    <t>ポタージュ</t>
  </si>
  <si>
    <t>つぶたっぷりコーンクリーム</t>
  </si>
  <si>
    <t>128.8g</t>
  </si>
  <si>
    <t>オニオンコンソメ</t>
  </si>
  <si>
    <t>11.5g×8P</t>
  </si>
  <si>
    <t>クノール毎日スープポタージュ</t>
  </si>
  <si>
    <t>251.2g</t>
  </si>
  <si>
    <t>クノールカップスープコーンクリーム8袋+2袋</t>
  </si>
  <si>
    <t>完熟トマトまるごと1個分使ったポタージュ</t>
  </si>
  <si>
    <t>クノールカップスープオニオンコンソメ8p</t>
  </si>
  <si>
    <t>90.4g</t>
  </si>
  <si>
    <t>クノール毎日スープオニオンコンソメ</t>
  </si>
  <si>
    <t>クノール毎日スープコーンクリーム</t>
  </si>
  <si>
    <t>286.4g</t>
  </si>
  <si>
    <t>チーズ仕立てのほうれん草のポタージュ</t>
  </si>
  <si>
    <t>生活派_つぶ入りｺｰﾝｽｰﾌﾟ_8袋</t>
  </si>
  <si>
    <t>生活派ポタージュスープ</t>
  </si>
  <si>
    <t>つぶ入りコーンスープ</t>
  </si>
  <si>
    <t>まったりポタージュスープ</t>
  </si>
  <si>
    <t>減塩いろいろすーぷ</t>
  </si>
  <si>
    <t>笑顔で朝食徳用ポタージュ</t>
  </si>
  <si>
    <t>おうちスープコーンスープ袋</t>
  </si>
  <si>
    <t>おうちスープポタージュ袋</t>
  </si>
  <si>
    <t>おうちスープじゃがいも袋</t>
  </si>
  <si>
    <t>おうちスープクラムチャウダー袋</t>
  </si>
  <si>
    <t>おうちスープコーン袋</t>
  </si>
  <si>
    <t>おうちスープ減塩3種アソート</t>
  </si>
  <si>
    <t>114.6g</t>
  </si>
  <si>
    <t>徳用たまねぎみそクリームスープ</t>
  </si>
  <si>
    <t>ＪＡＬビーフコンソメ</t>
  </si>
  <si>
    <t>割るだけスープホタテチャウダー</t>
  </si>
  <si>
    <t>割るだけスープコーンスープ</t>
  </si>
  <si>
    <t>富永食品　つぶ入りコーンスープ　８袋</t>
  </si>
  <si>
    <t>富永食品　ポタージュスープ　８袋</t>
  </si>
  <si>
    <t>15.4gx8P</t>
  </si>
  <si>
    <t>完熟フルーツトマトのおいしいスープ</t>
  </si>
  <si>
    <t>１０食入</t>
  </si>
  <si>
    <t>コーンポタージュ</t>
  </si>
  <si>
    <t>ビーフコンソメ</t>
  </si>
  <si>
    <t>ポタージュスープ</t>
  </si>
  <si>
    <t>オニオンコンソメスープ</t>
  </si>
  <si>
    <t>洋風スープオニオン風味</t>
  </si>
  <si>
    <t>北海道じゃがバタースープ</t>
  </si>
  <si>
    <t>スープタイム　パイスープ</t>
  </si>
  <si>
    <t>22.4g</t>
  </si>
  <si>
    <t>スープタイム　おこげスープ</t>
  </si>
  <si>
    <t>14.2g</t>
  </si>
  <si>
    <t>ハオイルソースアンチョビ＆オリーブオイル</t>
  </si>
  <si>
    <t>キャンベルクラムチャウダー</t>
  </si>
  <si>
    <t>キャンベルコーンポタージュ</t>
  </si>
  <si>
    <t>キャンベル　濃縮トマトスープ　３０５ｇ</t>
  </si>
  <si>
    <t>濃縮スープオニオングラタンスープ</t>
  </si>
  <si>
    <t>キャンベルミネストローネ</t>
  </si>
  <si>
    <t>ミワソウメン_ヒネモノ</t>
  </si>
  <si>
    <t>宝屋本店</t>
  </si>
  <si>
    <t>麺処分特別お買い得品</t>
  </si>
  <si>
    <t>麺お買い得商品</t>
  </si>
  <si>
    <t>カップ麺特別お買い得商品</t>
  </si>
  <si>
    <t>カップ麺ケ－ス販売</t>
  </si>
  <si>
    <t>５食ラ－メン</t>
  </si>
  <si>
    <t>５００円パックその他</t>
  </si>
  <si>
    <t>六種の具材のキムチクッパ</t>
  </si>
  <si>
    <t>ｱｽｻﾞｯｸﾌｰｽﾞ</t>
  </si>
  <si>
    <t>ボルシチスープ</t>
  </si>
  <si>
    <t>ゴボウスープ</t>
  </si>
  <si>
    <t>6g×8</t>
  </si>
  <si>
    <t>ブリッジ</t>
  </si>
  <si>
    <t>ﾄﾗｽﾄ</t>
  </si>
  <si>
    <t>オニオンスープ</t>
  </si>
  <si>
    <t>トマトスープ</t>
  </si>
  <si>
    <t>島原手延べ素麺</t>
  </si>
  <si>
    <t>赤星製麺</t>
  </si>
  <si>
    <t>ｱｶﾎｼ</t>
  </si>
  <si>
    <t>利休庵</t>
  </si>
  <si>
    <t>ごぼうスープ</t>
  </si>
  <si>
    <t>こんがりパンのジャーマンポテト風ポタージュ_カップ</t>
  </si>
  <si>
    <t>サクサクパイのクリスピーマルゲリータ風スープカップ</t>
  </si>
  <si>
    <t>29.8g</t>
  </si>
  <si>
    <t>こんがりパンの明太マヨ風ポタージュカップ</t>
  </si>
  <si>
    <t>ポッカ　完熟トマトスープ</t>
  </si>
  <si>
    <t>27.8g</t>
  </si>
  <si>
    <t>きちんと朝食スープ_トースト入りコーンスープカップ</t>
  </si>
  <si>
    <t>33.3g</t>
  </si>
  <si>
    <t>韓湯美味_サムゲタン_カップ</t>
  </si>
  <si>
    <t>韓湯美味_ユッケジャン_カップ</t>
  </si>
  <si>
    <t>16.6g</t>
  </si>
  <si>
    <t>韓湯美味_コムタン_カップ</t>
  </si>
  <si>
    <t>12.1g</t>
  </si>
  <si>
    <t>韓湯美味白辛サムゲタン</t>
  </si>
  <si>
    <t>16.9g</t>
  </si>
  <si>
    <t>韓湯美味赤辛ユッケジャン</t>
  </si>
  <si>
    <t>一杯の減塩わかめｽｰﾌﾟ</t>
  </si>
  <si>
    <t>じっくりコトコトあらびきコーン　３Ｐ</t>
  </si>
  <si>
    <t>73.8g</t>
  </si>
  <si>
    <t>じっくりコトコトクラムチャウダー　３Ｐ</t>
  </si>
  <si>
    <t>じっくりコトコト海老のビスク　３Ｐ</t>
  </si>
  <si>
    <t>じっくりコトコトサーモンチーズチャウダー　３Ｐ</t>
  </si>
  <si>
    <t>じっくりコトコト牡蠣のポタージュ　３Ｐ</t>
  </si>
  <si>
    <t>じっくりコトコト濃厚かぼちゃ　３Ｐ</t>
  </si>
  <si>
    <t>じっくりコトコトクリーミーじゃがいも　３Ｐ</t>
  </si>
  <si>
    <t>58.2g</t>
  </si>
  <si>
    <t>じっくりコトコトこんがりパンクラムチャウダー</t>
  </si>
  <si>
    <t>じっくりコトコトこんがりパンかぼちゃポタージュ</t>
  </si>
  <si>
    <t>じっくりコトコトこんがりパンヘルシートマト</t>
  </si>
  <si>
    <t>じくコト　パン1.5倍のスパイシーカレー</t>
  </si>
  <si>
    <t>37.1g</t>
  </si>
  <si>
    <t>じっくりコトコトこんがりパンおさつポタージュ</t>
  </si>
  <si>
    <t>じっくりコトコトサクサクパイ濃厚きのこポタージュ</t>
  </si>
  <si>
    <t>28.3g</t>
  </si>
  <si>
    <t>きちんと朝食スープ_中華粥</t>
  </si>
  <si>
    <t>素材屋ねぎたっぷりスープカップ</t>
  </si>
  <si>
    <t>こんがりパンコーンポタージュプチパック</t>
  </si>
  <si>
    <t>73.2g</t>
  </si>
  <si>
    <t>韓湯美味サムゲタンスープ袋</t>
  </si>
  <si>
    <t>豆腐じんわり参鶏湯</t>
  </si>
  <si>
    <t>旨×辛×酸ｷﾑﾁﾕｯｹｼﾞｬﾝ</t>
  </si>
  <si>
    <t>プルコギ鍋　カップ</t>
  </si>
  <si>
    <t>じっくりコトコトこんがりパン豆乳チーズポタージュ</t>
  </si>
  <si>
    <t>30.1g</t>
  </si>
  <si>
    <t>じっくりコトコトサクサクパイ　トマトと海老のビスク</t>
  </si>
  <si>
    <t>こんがりパン北海道じゃがバターポタージュ</t>
  </si>
  <si>
    <t>じっくりコトコトこんがりパン　パン1.5倍のキーマーカレー</t>
  </si>
  <si>
    <t>37.9g</t>
  </si>
  <si>
    <t>素材屋すうぷ_ごまどっさりスープ</t>
  </si>
  <si>
    <t>じっくりコトコト_海老のビスク</t>
  </si>
  <si>
    <t>じっくりコトコトチキンクリーム</t>
  </si>
  <si>
    <t>一杯の減塩わかめスープ箱</t>
  </si>
  <si>
    <t>こんがりパンやさしい甘さのおさつポタージュCUP</t>
  </si>
  <si>
    <t>サクサク濃厚きのこポタージュ</t>
  </si>
  <si>
    <t>27.6g</t>
  </si>
  <si>
    <t>じっくりコトコトこんがりパン野菜チャウダー</t>
  </si>
  <si>
    <t>じっくりコトコト野菜を食べるトマトチャウダー</t>
  </si>
  <si>
    <t>じっくりコトコトこんがりパン　ブロッコリーチーズポタージュ</t>
  </si>
  <si>
    <t>素材屋すうぷごぼうどっさりスープ</t>
  </si>
  <si>
    <t>素材屋すうぷごまたっぷりスープ袋</t>
  </si>
  <si>
    <t>54.9g</t>
  </si>
  <si>
    <t>韓湯美味　赤辛ユッケジャン</t>
  </si>
  <si>
    <t>15.7g</t>
  </si>
  <si>
    <t>韓湯美味　黒辛参鶏湯</t>
  </si>
  <si>
    <t>１８．３ｇ</t>
  </si>
  <si>
    <t>韓湯美味旨辛海鮮ユッケジャン袋</t>
  </si>
  <si>
    <t>29.7g</t>
  </si>
  <si>
    <t>韓湯美味温辛牛だし生姜スープ袋</t>
  </si>
  <si>
    <t>韓湯美味　激辛キムチチゲ袋</t>
  </si>
  <si>
    <t>韓湯美味　甘辛　じゃがいもチゲ　カップ</t>
  </si>
  <si>
    <t>18.8g</t>
  </si>
  <si>
    <t>韓湯美味　赤辛　ユッケジャン　カップ</t>
  </si>
  <si>
    <t>韓湯美味大辛鶏だんごスープ_カップ</t>
  </si>
  <si>
    <t>素材屋すうぷ食べるごぼうたっぷりスープ袋</t>
  </si>
  <si>
    <t>39.3g</t>
  </si>
  <si>
    <t>素材屋食べるごまたっぷりスープ</t>
  </si>
  <si>
    <t>素材屋すうぷ食べるごまどっさりスープ</t>
  </si>
  <si>
    <t>じっくりコトコトじゃがバターポタージュカップ</t>
  </si>
  <si>
    <t>こんがりパン野菜を食べるトマトチャウダー</t>
  </si>
  <si>
    <t>じっくりコトコトサーモンのクリーミーポタージュ</t>
  </si>
  <si>
    <t>29.0g</t>
  </si>
  <si>
    <t>こんがりパンデミグラススープ_カップ</t>
  </si>
  <si>
    <t>こんがりパンビーフハヤシ風スープカップ</t>
  </si>
  <si>
    <t>サクサクパイチキンのクリーミーポタージュカップ</t>
  </si>
  <si>
    <t>じっくりパン根菜食べるチャウダー</t>
  </si>
  <si>
    <t>２８．４ｇ</t>
  </si>
  <si>
    <t>こんがりパンほうれん草チーズポタージュカップ</t>
  </si>
  <si>
    <t>サクサクパイ濃厚きのこ</t>
  </si>
  <si>
    <t>韓湯美味旨辛豆腐ユッケジャン袋</t>
  </si>
  <si>
    <t>27.9g</t>
  </si>
  <si>
    <t>韓湯美味赤辛ユッケジャンカップ</t>
  </si>
  <si>
    <t>素材屋すうぷ食べるなすどっさりスープカップ</t>
  </si>
  <si>
    <t>韓湯美味シビ辛山椒豆腐チゲカップ</t>
  </si>
  <si>
    <t>素材屋すうぷ食べるねぎたっぷりスープ袋</t>
  </si>
  <si>
    <t>42.0g</t>
  </si>
  <si>
    <t>こんがりパン北海道じゃがバター</t>
  </si>
  <si>
    <t>32.3g</t>
  </si>
  <si>
    <t>じっくりコトコトこんがりパングリーンカレーカップ</t>
  </si>
  <si>
    <t>３１．１ｇ</t>
  </si>
  <si>
    <t>こんがりパンデミグラススープ</t>
  </si>
  <si>
    <t>じっくりご褒美ダイニングコーン袋</t>
  </si>
  <si>
    <t>じっくりご褒美ダイニングビスク袋</t>
  </si>
  <si>
    <t>じっくりご褒美ダイニングきのこ袋</t>
  </si>
  <si>
    <t>サクサクパイトマトと海老のビスク</t>
  </si>
  <si>
    <t>クノールカップスープほうれん草</t>
  </si>
  <si>
    <t>スープパスタ４種のチーズ</t>
  </si>
  <si>
    <t>Ｐｏｔａトマト</t>
  </si>
  <si>
    <t>クノールカップスープコーンクリーム</t>
  </si>
  <si>
    <t>スープパスタ野菜カレー</t>
  </si>
  <si>
    <t>39.1g</t>
  </si>
  <si>
    <t>ポテトとベーコン</t>
  </si>
  <si>
    <t>スープパスタほうれん草</t>
  </si>
  <si>
    <t>クノールスープパスタざくざく野菜</t>
  </si>
  <si>
    <t>43.7g</t>
  </si>
  <si>
    <t>Ｐｏｔａ容器４種の茸のポタ</t>
  </si>
  <si>
    <t>ＰＯＴＡ４種のキノコ</t>
  </si>
  <si>
    <t>80.1g</t>
  </si>
  <si>
    <t>Ｐｏｔａ栗南瓜箱</t>
  </si>
  <si>
    <t>78.6g</t>
  </si>
  <si>
    <t>Ｐｏｔａ容器スイートコーン</t>
  </si>
  <si>
    <t>ｐｏｔａスイートコーンポタ</t>
  </si>
  <si>
    <t>77.7g</t>
  </si>
  <si>
    <t>ｐｏｔａ完熟トマトポタ</t>
  </si>
  <si>
    <t>80.7g</t>
  </si>
  <si>
    <t>クノールカップス－プポタージュ</t>
  </si>
  <si>
    <t>クノールコーンクリーム</t>
  </si>
  <si>
    <t>クノールカップポタージュ</t>
  </si>
  <si>
    <t>スープパスタふんわり鶏卵</t>
  </si>
  <si>
    <t>スープパスタアスパラクリーム</t>
  </si>
  <si>
    <t>クノール北海道Ｐコーンクリーム</t>
  </si>
  <si>
    <t>クノール北海道Ｐポタージュ</t>
  </si>
  <si>
    <t>北海道パンプキン</t>
  </si>
  <si>
    <t>クノール粒たっぷりコーン</t>
  </si>
  <si>
    <t>ＰＯＴＡ栗かぼちゃ箱</t>
  </si>
  <si>
    <t>ＰＯＴＡスイートコーン容器</t>
  </si>
  <si>
    <t>ＰＯＴＡスイートコーン箱</t>
  </si>
  <si>
    <t>79.2g</t>
  </si>
  <si>
    <t>カップスープ野菜チャウダー</t>
  </si>
  <si>
    <t>50.1g</t>
  </si>
  <si>
    <t>クラムチャウダー容器</t>
  </si>
  <si>
    <t>スープパスタミネストローネ</t>
  </si>
  <si>
    <t>38.8g</t>
  </si>
  <si>
    <t>北海道ポタージュ_粒コーン</t>
  </si>
  <si>
    <t>カップディスプレイ</t>
  </si>
  <si>
    <t>スープパスタコーンチャウダー</t>
  </si>
  <si>
    <t>44.4g</t>
  </si>
  <si>
    <t>クノールオニオンコンソメ</t>
  </si>
  <si>
    <t>41.6g</t>
  </si>
  <si>
    <t>カップスープ　チキンコンソメ</t>
  </si>
  <si>
    <t>丸鶏がらスープ袋</t>
  </si>
  <si>
    <t>スープＤＯコーンクリーム</t>
  </si>
  <si>
    <t>豆乳のコーンポタージュ</t>
  </si>
  <si>
    <t>クノール豆乳ポタージュ</t>
  </si>
  <si>
    <t>62.7g</t>
  </si>
  <si>
    <t>毎日ＣＡ梅めかぶ３袋</t>
  </si>
  <si>
    <t>30.6g</t>
  </si>
  <si>
    <t>スープブラン濃厚チーズクリーム</t>
  </si>
  <si>
    <t>41.8g</t>
  </si>
  <si>
    <t>スープブラン彩り野菜クリーム</t>
  </si>
  <si>
    <t>スープブランきのこデミグラス</t>
  </si>
  <si>
    <t>クノールカップスープイタリアントマト</t>
  </si>
  <si>
    <t>カップキノコポタージュ</t>
  </si>
  <si>
    <t>カップほうれん草のポタージュ</t>
  </si>
  <si>
    <t>クノール　カップスープ　栗かぼちゃのポタージュ</t>
  </si>
  <si>
    <t>56.7g</t>
  </si>
  <si>
    <t>クノールスープパスタきの</t>
  </si>
  <si>
    <t>42.1g</t>
  </si>
  <si>
    <t>クノールスープパスタ完熟</t>
  </si>
  <si>
    <t>クノールスープパスタモッ</t>
  </si>
  <si>
    <t>45.6g</t>
  </si>
  <si>
    <t>クノールスープパスタコー</t>
  </si>
  <si>
    <t>毎日きざみ梅とめかぶ</t>
  </si>
  <si>
    <t>クッウドゥスーラータン用</t>
  </si>
  <si>
    <t>クックドゥ玉米湯用</t>
  </si>
  <si>
    <t>１０種の野菜完熟トマトポタ</t>
  </si>
  <si>
    <t>いつもアミノ酸＆カロリー０</t>
  </si>
  <si>
    <t>５種野菜スパイシーコンソメ</t>
  </si>
  <si>
    <t>１０種野菜かぼちゃポタージュ</t>
  </si>
  <si>
    <t>海老ワンタンスープ</t>
  </si>
  <si>
    <t>163g</t>
  </si>
  <si>
    <t>１５品目コーンチャウダー</t>
  </si>
  <si>
    <t>１５品目クラムチャウダー</t>
  </si>
  <si>
    <t>１０種の野菜かぼちゃポタ</t>
  </si>
  <si>
    <t>１０種の野菜トマトポタ</t>
  </si>
  <si>
    <t>クノール　クリーミージンジャー</t>
  </si>
  <si>
    <t>サクサクパンコーンポタージュ</t>
  </si>
  <si>
    <t>サクサクパンチーズフォンデュ</t>
  </si>
  <si>
    <t>クノール_スープで食べる温野菜ミネストローネ</t>
  </si>
  <si>
    <t>クノール　スープパスタ　カルボナーラ</t>
  </si>
  <si>
    <t>パンが入ったコーンポタージュ</t>
  </si>
  <si>
    <t>パンガ入ッタカレースープ</t>
  </si>
  <si>
    <t>26.3g</t>
  </si>
  <si>
    <t>カップスープコールドコーンポター</t>
  </si>
  <si>
    <t>カップスープｃｏｌｄじゃがいものポタージュ</t>
  </si>
  <si>
    <t>プレミアムポタージュ完熟トマト</t>
  </si>
  <si>
    <t>スープパスタきのこクリーム</t>
  </si>
  <si>
    <t>スープパスタ完熟トマト</t>
  </si>
  <si>
    <t>46.3g</t>
  </si>
  <si>
    <t>スープパスタたらこクリーム</t>
  </si>
  <si>
    <t>クノールスープパスタカマンベールと４種のチーズ</t>
  </si>
  <si>
    <t>クノールサクサクパンが入ったクリームオニオンポタージュ</t>
  </si>
  <si>
    <t>31.2g</t>
  </si>
  <si>
    <t>スープＤＥＬＩ黒胡椒香るカルボナーラのスープパスタ</t>
  </si>
  <si>
    <t>35.8g</t>
  </si>
  <si>
    <t>スープＤＥＲＩクラムチャウダー</t>
  </si>
  <si>
    <t>スープＤＥＲＩパンスイートコーン</t>
  </si>
  <si>
    <t>29.3g</t>
  </si>
  <si>
    <t>スープＤＥＬＩフランスパンのチーズフォンデュスープ</t>
  </si>
  <si>
    <t>ｸﾉｰﾙｽｰﾌﾟﾃﾞﾘ　ﾌﾗﾝｽﾊﾟﾝｵﾆｵﾝｸﾞﾗﾀﾝｽｰﾌﾟ</t>
  </si>
  <si>
    <t>クノールスープDELIきのこ3食入</t>
  </si>
  <si>
    <t>90.3g</t>
  </si>
  <si>
    <t>クノールスープDELIトマト3食入</t>
  </si>
  <si>
    <t>86.7g</t>
  </si>
  <si>
    <t>ｸﾉｰﾙ_ｽｰﾌﾟDELIﾎﾞｽﾄﾝｸﾗﾑﾁｬｳﾀﾞｰ_3P</t>
  </si>
  <si>
    <t>ｽｰﾌﾟDERIﾌﾗﾝｽﾊﾟﾝのｽﾊﾟｲｼｰｶﾚｰｽｰﾌﾟ</t>
  </si>
  <si>
    <t>米粉パスタのごまみそ坦々スープ</t>
  </si>
  <si>
    <t>34.7g</t>
  </si>
  <si>
    <t>米粉パスタの参鶏湯スープ</t>
  </si>
  <si>
    <t>ｽｰﾌﾟDELI_米粉ﾍﾞﾄﾅﾑﾌｫｰ</t>
  </si>
  <si>
    <t>ｽｰﾌﾟDELIｸﾞﾘｰﾝｶﾚｰ</t>
  </si>
  <si>
    <t>32.7g</t>
  </si>
  <si>
    <t>クノール　カップ４種のチーズ濃厚ポタージュ</t>
  </si>
  <si>
    <t>56.1ｇ</t>
  </si>
  <si>
    <t>Ｃ・Ｓ完熟カボチャのポタージュ</t>
  </si>
  <si>
    <t>カップスープキノコポタージュ</t>
  </si>
  <si>
    <t>カップスープ野菜とベーコン</t>
  </si>
  <si>
    <t>52.2g</t>
  </si>
  <si>
    <t>カップスープオニオンコンソメ</t>
  </si>
  <si>
    <t>カップスープチキンコンソメ</t>
  </si>
  <si>
    <t>オニオングラタンＳ容器</t>
  </si>
  <si>
    <t>スープドゥ　トウフチゲヨウ</t>
  </si>
  <si>
    <t>スープパスタ　キノコクリームカップ</t>
  </si>
  <si>
    <t>クノールカップ完熟トマト</t>
  </si>
  <si>
    <t>スープパスタ　完熟トマトカップ</t>
  </si>
  <si>
    <t>43.2g</t>
  </si>
  <si>
    <t>じゃがいもポタージュ</t>
  </si>
  <si>
    <t>クノール　アッサリユズフウミモズクスープ</t>
  </si>
  <si>
    <t>中華スープ容器</t>
  </si>
  <si>
    <t>ほうれん草とベーコンスープ５ｐ</t>
  </si>
  <si>
    <t>白ごまたっぷりわかめＳ</t>
  </si>
  <si>
    <t>北海道つぶコーン</t>
  </si>
  <si>
    <t>ふんわりたまごスープ５Ｐ</t>
  </si>
  <si>
    <t>ふんわりたまごスープカップ</t>
  </si>
  <si>
    <t>7.8g</t>
  </si>
  <si>
    <t>クノールポタージュ容器入り</t>
  </si>
  <si>
    <t>クノール粒コーン容器入り</t>
  </si>
  <si>
    <t>24.9g</t>
  </si>
  <si>
    <t>スープパスタあさりクリーム</t>
  </si>
  <si>
    <t>43.8g</t>
  </si>
  <si>
    <t>クノールスープパスタキノコクリーム</t>
  </si>
  <si>
    <t>43.4g</t>
  </si>
  <si>
    <t>42.2g</t>
  </si>
  <si>
    <t>クノールスープパスタ完熟トマト</t>
  </si>
  <si>
    <t>クノールスープパスタなすのアラビアータ</t>
  </si>
  <si>
    <t>クノール　スープごはん用まろやかコンソメ</t>
  </si>
  <si>
    <t>クノール　スープごはん用　しお鶏だし</t>
  </si>
  <si>
    <t>クノールスープDELIたらこ3食入</t>
  </si>
  <si>
    <t>94.8g</t>
  </si>
  <si>
    <t>クノールスープDELIサーモン3食入</t>
  </si>
  <si>
    <t>83.4G</t>
  </si>
  <si>
    <t>中華おこげごま坦々味</t>
  </si>
  <si>
    <t>中華おこげ　海鮮風五目塩味</t>
  </si>
  <si>
    <t>中華おこげスープ_醤油</t>
  </si>
  <si>
    <t>中華おこげスープあんかけ醤油</t>
  </si>
  <si>
    <t>中華おこげスープ四川風味噌味</t>
  </si>
  <si>
    <t>中華おこげのスープ野菜白湯</t>
  </si>
  <si>
    <t>はるさめパスタきのこクリーム味</t>
  </si>
  <si>
    <t>42.8g</t>
  </si>
  <si>
    <t>スープ屋春雨パスタ　トマトチーズ</t>
  </si>
  <si>
    <t>45.5g</t>
  </si>
  <si>
    <t>スープバーミネストローネ</t>
  </si>
  <si>
    <t>スープバークリームスープ</t>
  </si>
  <si>
    <t>スープバードミグラススープ</t>
  </si>
  <si>
    <t>大人の濃厚スープ　海老のビスク</t>
  </si>
  <si>
    <t>大人の濃厚ｽｰﾌﾟ鶏のﾎﾟﾀｰｼﾞｭ</t>
  </si>
  <si>
    <t>大人の濃厚　ポルチーニのチーズポタージュ</t>
  </si>
  <si>
    <t>スープバーコーンポタージュ</t>
  </si>
  <si>
    <t>スープバーきのこが入ったオニ</t>
  </si>
  <si>
    <t>スープバー根菜の和風スープ</t>
  </si>
  <si>
    <t>パイスープコーンポタージュ</t>
  </si>
  <si>
    <t>パイスープじゃがいもポタージュ</t>
  </si>
  <si>
    <t>27.1g</t>
  </si>
  <si>
    <t>ほっとなパイスープ　クリームシチュー風</t>
  </si>
  <si>
    <t>カップもち付き野菜スープ</t>
  </si>
  <si>
    <t>15.5g</t>
  </si>
  <si>
    <t>井村屋</t>
  </si>
  <si>
    <t>ｲﾑﾗﾔｾｲｶ</t>
  </si>
  <si>
    <t>ＭＣＣ　冷製とうもろこしのスープ</t>
  </si>
  <si>
    <t>エム・シーシー食品</t>
  </si>
  <si>
    <t>MCC</t>
  </si>
  <si>
    <t>ＭＣＣ　冷製かぼちゃのスープ</t>
  </si>
  <si>
    <t>塩こうじｽｰﾌﾟ</t>
  </si>
  <si>
    <t>スープはるさめ_野菜とわかめ</t>
  </si>
  <si>
    <t>旅するスープロシアボルシチ</t>
  </si>
  <si>
    <t>くずし豆腐の京だしスープ（ことりっぷ）</t>
  </si>
  <si>
    <t>彩々豆のトマトスープ</t>
  </si>
  <si>
    <t>彩々豆のカボチャスープ</t>
  </si>
  <si>
    <t>カップ野菜ふわふわたまごスープ</t>
  </si>
  <si>
    <t>味のりおにぎり用</t>
  </si>
  <si>
    <t>しじみわかめスープめかぶ入り</t>
  </si>
  <si>
    <t>大森屋あさりわかめスープ</t>
  </si>
  <si>
    <t>大森屋あさりわかめスープめかぶ入り</t>
  </si>
  <si>
    <t>大森屋しょうがスープあさりわかめ入り</t>
  </si>
  <si>
    <t>ジンジャーレモンティーWITHハニー</t>
  </si>
  <si>
    <t>ﾄﾜｲﾆﾝｸﾞ</t>
  </si>
  <si>
    <t>サラダ代わりミネストローネ</t>
  </si>
  <si>
    <t>サラダ代わりコンソメべジ</t>
  </si>
  <si>
    <t>生活派_たっぷりわかめｽｰﾌﾟ_10袋入</t>
  </si>
  <si>
    <t>生活派_ふんわり_ふわふわたまごｽｰﾌﾟ_8袋</t>
  </si>
  <si>
    <t>たっぷりわかめスープ</t>
  </si>
  <si>
    <t>6.4g×8</t>
  </si>
  <si>
    <t>クルトン</t>
  </si>
  <si>
    <t>野菜を食べよう中華スープ</t>
  </si>
  <si>
    <t>キムチスープの素</t>
  </si>
  <si>
    <t>ミネストローネの素</t>
  </si>
  <si>
    <t>チャウダーの素</t>
  </si>
  <si>
    <t>30g×2</t>
  </si>
  <si>
    <t>和風スープの素</t>
  </si>
  <si>
    <t>35g×2</t>
  </si>
  <si>
    <t>スープ倶楽部コーンスープ</t>
  </si>
  <si>
    <t>鶏がらスープ</t>
  </si>
  <si>
    <t>新進</t>
  </si>
  <si>
    <t>ｼﾝｼﾝ</t>
  </si>
  <si>
    <t>タマゴスープ</t>
  </si>
  <si>
    <t>サンヨー堂</t>
  </si>
  <si>
    <t>ｻﾝﾖｰﾄﾞｳ</t>
  </si>
  <si>
    <t>ミソワンタンカップ</t>
  </si>
  <si>
    <t>ｻﾝﾖｰｼｮｸﾋﾝ</t>
  </si>
  <si>
    <t>スティッチ野菜パンスープカレー</t>
  </si>
  <si>
    <t>チリトマトスープワンタン</t>
  </si>
  <si>
    <t>ワンタン　コンソメ</t>
  </si>
  <si>
    <t>めかぶスープ</t>
  </si>
  <si>
    <t>たまごスープ２Ｐ</t>
  </si>
  <si>
    <t>たまごスープカップ</t>
  </si>
  <si>
    <t>7.7g</t>
  </si>
  <si>
    <t>中華スープかに入り</t>
  </si>
  <si>
    <t>まいたけスープ５Ｐ</t>
  </si>
  <si>
    <t>48g×5</t>
  </si>
  <si>
    <t>おこげがおいしい　中華しょうゆ</t>
  </si>
  <si>
    <t>20.2g</t>
  </si>
  <si>
    <t>三陸産めかぶスープ５Ｐ</t>
  </si>
  <si>
    <t>5g×5</t>
  </si>
  <si>
    <t>三陸産めかぶスープ</t>
  </si>
  <si>
    <t>沖縄産もずくスープカレンダー</t>
  </si>
  <si>
    <t>三陸産めかぶスープカレンダー</t>
  </si>
  <si>
    <t>おこげがおいしい辛コクチゲ</t>
  </si>
  <si>
    <t>おこげがおいしい中華しょうゆ</t>
  </si>
  <si>
    <t>７種の野菜を食べるスープ鶏だし中華</t>
  </si>
  <si>
    <t>７種の野菜を食べるスープピリ辛味噌</t>
  </si>
  <si>
    <t>７種の野菜を食べるｽｰﾌﾟ鶏だし中華</t>
  </si>
  <si>
    <t>７種の野菜を食べるｽｰﾌﾟピリ辛味噌</t>
  </si>
  <si>
    <t>７種の野菜を食べるスープ　鶏だし中華</t>
  </si>
  <si>
    <t>21.0g</t>
  </si>
  <si>
    <t>７種の野菜を食べるスープ　ピリ辛味噌</t>
  </si>
  <si>
    <t>15.0g</t>
  </si>
  <si>
    <t>7種の野菜を食べるｽｰﾌﾟ鶏だし中華</t>
  </si>
  <si>
    <t>7種の野菜を食べるスープ担担味</t>
  </si>
  <si>
    <t>7種の野菜を食べるスープ　鶏だし中華</t>
  </si>
  <si>
    <t>7種の野菜を食べるスープ　坦坦味</t>
  </si>
  <si>
    <t>マルちゃん　おだしのきいたおもちすうぷ３食１１１ｇ</t>
  </si>
  <si>
    <t>111G</t>
  </si>
  <si>
    <t>マルちゃんおろしと生姜のおもちすうぷ</t>
  </si>
  <si>
    <t>マルちゃん　胡麻担担おもちすうぷ　４３ｇ</t>
  </si>
  <si>
    <t>43G</t>
  </si>
  <si>
    <t>マルちゃんおだしのきいたおもちすうぷ</t>
  </si>
  <si>
    <t>モズクスープカップ</t>
  </si>
  <si>
    <t>ﾄｳｷｮｳﾅｶﾞｲ</t>
  </si>
  <si>
    <t>マグ　ワンタンスープ</t>
  </si>
  <si>
    <t>マグ　シーフードワンタンスープ</t>
  </si>
  <si>
    <t>日清　純豆腐　スンドゥブチゲスープ</t>
  </si>
  <si>
    <t>17.2g</t>
  </si>
  <si>
    <t>日清　純豆腐　からだぽかぽか_スンドゥブチゲスープ</t>
  </si>
  <si>
    <t>柚子香るおぼろ豆腐の豆乳スープ</t>
  </si>
  <si>
    <t>純豆腐スンドゥブチゲスープ</t>
  </si>
  <si>
    <t>純豆腐　金ごま濃厚スンドゥブチゲスープ</t>
  </si>
  <si>
    <t>中華スープ　ごま担々豆乳仕立て</t>
  </si>
  <si>
    <t>中華スープ　海老と帆立だしの旨辛仕立て</t>
  </si>
  <si>
    <t>もずくスープ　オクラ入　袋</t>
  </si>
  <si>
    <t>もずくスープ　オクラ入　ＣＵＰ</t>
  </si>
  <si>
    <t>4.5g</t>
  </si>
  <si>
    <t>もずくスープ中華風</t>
  </si>
  <si>
    <t>オニオンスープ10P</t>
  </si>
  <si>
    <t>5.8g×10</t>
  </si>
  <si>
    <t>ちょこっとたまごスープ</t>
  </si>
  <si>
    <t>ﾕｯｹｼﾞｬﾝ風ｸｯﾊﾟの素</t>
  </si>
  <si>
    <t>参鶏湯風ｸｯﾊﾟの素</t>
  </si>
  <si>
    <t>酸辣湯（サンラータン）</t>
  </si>
  <si>
    <t>ニチレイフーズ</t>
  </si>
  <si>
    <t>ﾆﾁﾚｲ</t>
  </si>
  <si>
    <t>フカヒレスープ</t>
  </si>
  <si>
    <t>広東風蟹のスープ</t>
  </si>
  <si>
    <t>クラムチャウダー</t>
  </si>
  <si>
    <t>紅ずわいがにのトマトクリームスープ</t>
  </si>
  <si>
    <t>十勝工場　コーンスープ</t>
  </si>
  <si>
    <t>十勝工場_かぼちゃスープ</t>
  </si>
  <si>
    <t>十勝工場　オニオンスープ</t>
  </si>
  <si>
    <t>こんがりクルトン</t>
  </si>
  <si>
    <t>こんがりクルトン　シーザー</t>
  </si>
  <si>
    <t>クルトンプレーン味</t>
  </si>
  <si>
    <t>ﾆｯﾌﾟﾝ</t>
  </si>
  <si>
    <t>クルトンシーザー味</t>
  </si>
  <si>
    <t>無添加コンソメ8P</t>
  </si>
  <si>
    <t>36ｇ</t>
  </si>
  <si>
    <t>無添加チキンコンソメ</t>
  </si>
  <si>
    <t>ﾏｷﾞｰ</t>
  </si>
  <si>
    <t>三種のきのこのスープ</t>
  </si>
  <si>
    <t>韓流スープ豆腐チゲ</t>
  </si>
  <si>
    <t>韓流スープサムゲタン</t>
  </si>
  <si>
    <t>中華スープ五目野菜</t>
  </si>
  <si>
    <t>中華スープコーンスープ</t>
  </si>
  <si>
    <t>具だくさん洋風トマトスープ</t>
  </si>
  <si>
    <t>具だくさんチゲ風スープ</t>
  </si>
  <si>
    <t>具だくさん中華風春雨スープ</t>
  </si>
  <si>
    <t>Ｔｈｅコク旨コムタン風スープ</t>
  </si>
  <si>
    <t>Ｔｈｅピリ辛ユッケジャンスープ</t>
  </si>
  <si>
    <t>冷え知らず生姜坦々スープ</t>
  </si>
  <si>
    <t>冷え知らず生姜参鶏湯スープ</t>
  </si>
  <si>
    <t>永谷園冷え知らずたまごスープ</t>
  </si>
  <si>
    <t>スープで食べるグラノーラ_コーンスープ_３袋入</t>
  </si>
  <si>
    <t>62.1g</t>
  </si>
  <si>
    <t>スープで食べるグラノーラ_じゃがいものポタージュ_３袋入</t>
  </si>
  <si>
    <t>64.5g</t>
  </si>
  <si>
    <t>スープで食べるグラノーラ_コーンスープカップ</t>
  </si>
  <si>
    <t>スープで食べるグラノーラ_じゃがいものポタージュカップ</t>
  </si>
  <si>
    <t>ＣＵＰシチュートマト</t>
  </si>
  <si>
    <t>ＣＵＰシチューシーフード</t>
  </si>
  <si>
    <t>ＨプチＣシチュークリーム</t>
  </si>
  <si>
    <t>プチカップコーンシチユー</t>
  </si>
  <si>
    <t>スープＤＥおこげ中華しょうゆ</t>
  </si>
  <si>
    <t>スープＤＥおこげ海鮮しお</t>
  </si>
  <si>
    <t>カップシチユー緑黄色野菜</t>
  </si>
  <si>
    <t>カップシチユーコーン</t>
  </si>
  <si>
    <t>しらたき麺のスープ鶏だし塩味</t>
  </si>
  <si>
    <t>スープＤＥおこげ鶏だしたまご</t>
  </si>
  <si>
    <t>スープＤＥおこげピリ辛坦</t>
  </si>
  <si>
    <t>スープでおこげプチしょうゆ</t>
  </si>
  <si>
    <t>スープでおこげ韓国チゲ</t>
  </si>
  <si>
    <t>スープｄｅおこげクリーム</t>
  </si>
  <si>
    <t>32.9g</t>
  </si>
  <si>
    <t>スープｄｅおこげ欧風カレー</t>
  </si>
  <si>
    <t>37.0g</t>
  </si>
  <si>
    <t>スープｄｅおこげ中華しょうゆ</t>
  </si>
  <si>
    <t>24.6g</t>
  </si>
  <si>
    <t>スープｄｅおこげ海鮮しお</t>
  </si>
  <si>
    <t>スープｄｅおこげピリ辛坦々</t>
  </si>
  <si>
    <t>スープｄｅおこげ中華醤油プチパック</t>
  </si>
  <si>
    <t>スープｄｅおこげプチパック海鮮しお</t>
  </si>
  <si>
    <t>スープｄｅおこげピリ辛坦々プチパック</t>
  </si>
  <si>
    <t>スープＤＥおこげラー油味酸辣湯</t>
  </si>
  <si>
    <t>シャキシャキくきわかめスープ</t>
  </si>
  <si>
    <t>5.45g×4</t>
  </si>
  <si>
    <t>ふわふわたまごスープ</t>
  </si>
  <si>
    <t>9g×5</t>
  </si>
  <si>
    <t>豚キムチスープ　個食</t>
  </si>
  <si>
    <t>タマゴスープ　お徳用</t>
  </si>
  <si>
    <t>笑顔で朝食つぶコーン</t>
  </si>
  <si>
    <t>笑顔ス－プ_ポタ－ジュ</t>
  </si>
  <si>
    <t>笑顔で朝食徳用きのこ</t>
  </si>
  <si>
    <t>笑顔で朝食粒コーン</t>
  </si>
  <si>
    <t>笑顔で朝食ポタージュ</t>
  </si>
  <si>
    <t>笑顔で朝食きのこポタ</t>
  </si>
  <si>
    <t>笑顔で朝食わかめスープ</t>
  </si>
  <si>
    <t>笑顔で朝食ビーフコンソメ</t>
  </si>
  <si>
    <t>笑顔で朝食中華スープコーン</t>
  </si>
  <si>
    <t>笑顔で朝食豆腐とごまのスープ</t>
  </si>
  <si>
    <t>笑顔で朝食ワカメスープ</t>
  </si>
  <si>
    <t>笑顔で朝食かぼちゃのポタージ</t>
  </si>
  <si>
    <t>おいしさいろいろスープ</t>
  </si>
  <si>
    <t>121.6g</t>
  </si>
  <si>
    <t>クルトンガーリック風味</t>
  </si>
  <si>
    <t>クルトンスープ用</t>
  </si>
  <si>
    <t>インスタントスープニイレルパスタ</t>
  </si>
  <si>
    <t>47.1g</t>
  </si>
  <si>
    <t>笑顔で朝食オニオンコンソメ</t>
  </si>
  <si>
    <t>笑顔で朝食徳用つぶコーン</t>
  </si>
  <si>
    <t>Ｐ_朝食_徳用わかめ</t>
  </si>
  <si>
    <t>56.8g</t>
  </si>
  <si>
    <t>笑顔で朝食徳用オニオンコンソメ</t>
  </si>
  <si>
    <t>じっくり贅沢コーンカップ</t>
  </si>
  <si>
    <t>じっくり贅沢クラムカップ</t>
  </si>
  <si>
    <t>じっくりスープ　　クラムチャウダー</t>
  </si>
  <si>
    <t>じっくりスープ　　あらびきコーン</t>
  </si>
  <si>
    <t>じっくり煮込コーンポタジュＣ</t>
  </si>
  <si>
    <t>じっくり煮込クラムチャウダＣ</t>
  </si>
  <si>
    <t>コトコト食べるコンチャウダＣ</t>
  </si>
  <si>
    <t>コトコト食べるクラムチャウＣ</t>
  </si>
  <si>
    <t>笑顔で朝食かぼちゃ</t>
  </si>
  <si>
    <t>笑顔で朝食わかめ</t>
  </si>
  <si>
    <t>笑顔で朝食オニコン</t>
  </si>
  <si>
    <t>じっくりスープ　粗引きコーン</t>
  </si>
  <si>
    <t>じっくりことこと　きのこ</t>
  </si>
  <si>
    <t>じっくりことこと　じゃがいも</t>
  </si>
  <si>
    <t>じっくり　クラムチャウダー</t>
  </si>
  <si>
    <t>じっくり　ミネストローネ</t>
  </si>
  <si>
    <t>じっくりブロッコリーチーズ</t>
  </si>
  <si>
    <t>煮込んだスープほうれん草クラ</t>
  </si>
  <si>
    <t>煮込んだスープ緑野菜のポター</t>
  </si>
  <si>
    <t>ジックチコトコト淡色野菜のポター</t>
  </si>
  <si>
    <t>ジックリコトコト赤野菜ポタージュ</t>
  </si>
  <si>
    <t>じっくりコトコトあらびき</t>
  </si>
  <si>
    <t>60.9g</t>
  </si>
  <si>
    <t>じっくりコトコトホクじゃが</t>
  </si>
  <si>
    <t>じっくりコトコトザクザク</t>
  </si>
  <si>
    <t>48.9g</t>
  </si>
  <si>
    <t>じっくりコトコトクラムチャ</t>
  </si>
  <si>
    <t>じっくりコトコト緑野菜</t>
  </si>
  <si>
    <t>44.1g</t>
  </si>
  <si>
    <t>じっくりコトコト赤野菜</t>
  </si>
  <si>
    <t>じっくりコトコト彩野菜</t>
  </si>
  <si>
    <t>じっくり黄野菜のポタージュ</t>
  </si>
  <si>
    <t>じっくりコトコト夏野菜コンソ</t>
  </si>
  <si>
    <t>じっくりコトコト冬野菜ポタ</t>
  </si>
  <si>
    <t>じっくりコトコトクラムチャウ</t>
  </si>
  <si>
    <t>38.6g</t>
  </si>
  <si>
    <t>じっくりコトコトあらびきコー</t>
  </si>
  <si>
    <t>じっくりコトコトホックホクじ</t>
  </si>
  <si>
    <t>じっくりコトクラムチャウダー</t>
  </si>
  <si>
    <t>じっくりコトコト野菜を味わう</t>
  </si>
  <si>
    <t>じっくりコトコト野菜を味わうかぼちゃ</t>
  </si>
  <si>
    <t>61.2g</t>
  </si>
  <si>
    <t>じっくりコトコト野菜トマト</t>
  </si>
  <si>
    <t>牛乳でつくる冷製コーンポタージュ</t>
  </si>
  <si>
    <t>ジックリコトコトアラビキコーン</t>
  </si>
  <si>
    <t>ジックリコトコトジャガイモ</t>
  </si>
  <si>
    <t>ジックリコトコトクラムチャウダー</t>
  </si>
  <si>
    <t>ジックリコトコトトローリチーズ</t>
  </si>
  <si>
    <t>ジックリコトコトトローリカボチャ</t>
  </si>
  <si>
    <t>じっくりコトコト根菜ポタージュ</t>
  </si>
  <si>
    <t>じっくりコトコト豆のポタージュ</t>
  </si>
  <si>
    <t>じっくりコトコト冷製コーンポタージュ</t>
  </si>
  <si>
    <t>じっくりコトコト海老のビスク</t>
  </si>
  <si>
    <t>じくコトサーモンチーズチャウダー</t>
  </si>
  <si>
    <t>和風きのこパスタスープカップ</t>
  </si>
  <si>
    <t>こんがりパンコーンカップ</t>
  </si>
  <si>
    <t>こんがりパンきのこポタカップ</t>
  </si>
  <si>
    <t>じっくりゴルゴンゾーラカップ</t>
  </si>
  <si>
    <t>ピリ辛クッパカップ</t>
  </si>
  <si>
    <t>35.3g</t>
  </si>
  <si>
    <t>煮込んだこんがりパンのコーン</t>
  </si>
  <si>
    <t>煮込んだこんがりパンのきのこ</t>
  </si>
  <si>
    <t>煮込んだこんがりパンのゴルゴ</t>
  </si>
  <si>
    <t>パンのはいったコーンポター</t>
  </si>
  <si>
    <t>パンのはいったクラムチャウダ</t>
  </si>
  <si>
    <t>パンのはいった緑のポタージュ</t>
  </si>
  <si>
    <t>ポッカ_パンコーンポタージュ</t>
  </si>
  <si>
    <t>ポッカ_パンクラムチャウダー</t>
  </si>
  <si>
    <t>ポッカ_パントマトポタージュ</t>
  </si>
  <si>
    <t>25.0g</t>
  </si>
  <si>
    <t>コトコトパンのコーンポタ</t>
  </si>
  <si>
    <t>コトコトパンのクラムチャウダーＣ</t>
  </si>
  <si>
    <t>コトコトパンオニオンコンソメ</t>
  </si>
  <si>
    <t>21.1g</t>
  </si>
  <si>
    <t>こんがりパンチーズポタージュ</t>
  </si>
  <si>
    <t>明太子ポタ－ジュ</t>
  </si>
  <si>
    <t>冷製スイートポタージュさつま</t>
  </si>
  <si>
    <t>スイートポタージュさつまいも</t>
  </si>
  <si>
    <t>パンノハイッタコーンポタージュ</t>
  </si>
  <si>
    <t>パンノハイッタクラムチャウダー</t>
  </si>
  <si>
    <t>パンノハイッタチーズノポタージュ</t>
  </si>
  <si>
    <t>こんがりパンのはいったかぼちゃポタージュＳカップ入り</t>
  </si>
  <si>
    <t>こんがりパンのはいったきのこポタージュカップ入り</t>
  </si>
  <si>
    <t>28.6g</t>
  </si>
  <si>
    <t>こんがりパンのはいったキーマカレーＡカップ入り</t>
  </si>
  <si>
    <t>じっくり_こんがりパンのはいったキーマカレーAカップ入り</t>
  </si>
  <si>
    <t>ﾎﾟｯｶ_韓湯美味参鶏湯_13.0g</t>
  </si>
  <si>
    <t>ﾎﾟｯｶ_韓湯美味_ｺﾑﾀﾝ_12.1g</t>
  </si>
  <si>
    <t>ﾎﾟｯｶ_韓湯美味_ﾕｯｹｼﾞｬﾝ_16.6g</t>
  </si>
  <si>
    <t>ﾎﾟｯｶ_韓湯美味_ｻﾑｹﾞﾀﾝ</t>
  </si>
  <si>
    <t>ﾎﾟｯｶ_韓湯美味_ﾕｯｹｼﾞｬﾝｽｰﾌﾟ_3袋_28.</t>
  </si>
  <si>
    <t>こんがりパンのはいったコーンポタージュプチパック</t>
  </si>
  <si>
    <t>68.7g</t>
  </si>
  <si>
    <t>73.5g</t>
  </si>
  <si>
    <t>こんがりパン　エビのビスク</t>
  </si>
  <si>
    <t>29.9g</t>
  </si>
  <si>
    <t>クリスピーパイチーズポタージュ</t>
  </si>
  <si>
    <t>サクサクパイのクリスピークリーミートマト</t>
  </si>
  <si>
    <t>ふかひれス－プ</t>
  </si>
  <si>
    <t>ホテイフーズコーポレーション</t>
  </si>
  <si>
    <t>ﾎﾃｲ</t>
  </si>
  <si>
    <t>ずわいがにス－プ</t>
  </si>
  <si>
    <t>ほたて貝柱ス－プ</t>
  </si>
  <si>
    <t>ミネストローネ</t>
  </si>
  <si>
    <t>ﾊｲﾝﾂ</t>
  </si>
  <si>
    <t>北海道かぼちゃポタージュ</t>
  </si>
  <si>
    <t>北海道コーンポタージュ</t>
  </si>
  <si>
    <t>北海道ホタテクラムチャウダー</t>
  </si>
  <si>
    <t>大人むけの冷たいクリーミーパンプキン</t>
  </si>
  <si>
    <t>大人むけの冷たいスイートコーンポタージュ</t>
  </si>
  <si>
    <t>野菜とﾍﾞｰｺﾝのﾐﾈｽﾄﾛｰﾈ_180G</t>
  </si>
  <si>
    <t>180Ｇ</t>
  </si>
  <si>
    <t>ﾎﾞﾙｼﾁ風_煮込みｽｰﾌﾟ__180G</t>
  </si>
  <si>
    <t>根菜とﾍﾞｰｺﾝのﾎﾟﾀｰｼﾞｭ_180G</t>
  </si>
  <si>
    <t>海老クリームのグラタンソース</t>
  </si>
  <si>
    <t>玄米と5種の穀物をおいしく食べるスープ中華しょうゆ味</t>
  </si>
  <si>
    <t>選べる春雨スープ１０食</t>
  </si>
  <si>
    <t>毎日おいしいわかめスープ</t>
  </si>
  <si>
    <t>めかぶ和風スープ_カップ</t>
  </si>
  <si>
    <t>海藻スープもずく</t>
  </si>
  <si>
    <t>プラス糀_糀スープ２食</t>
  </si>
  <si>
    <t>まるごと野菜　ゆず胡椒風味和風スープ</t>
  </si>
  <si>
    <t>まるごと野菜　香ばしきのこの濃厚ポタージュ</t>
  </si>
  <si>
    <t>まるごと野菜ミネストローネ</t>
  </si>
  <si>
    <t>まるごと野菜　野菜とエビのうまみビスク</t>
  </si>
  <si>
    <t>まるごと野菜ポトフ</t>
  </si>
  <si>
    <t>まるごと野菜冷製かぼちゃのスープ</t>
  </si>
  <si>
    <t>明治_中華ｽｰﾌﾟ_しょうゆ味_5袋入り</t>
  </si>
  <si>
    <t>8g×5</t>
  </si>
  <si>
    <t>明治_中華ｽｰﾌﾟ_しお味_5袋入り</t>
  </si>
  <si>
    <t>十勝カップクリーム</t>
  </si>
  <si>
    <t>5g×12</t>
  </si>
  <si>
    <t>まるごと野菜完熟トマトミネス</t>
  </si>
  <si>
    <t>まるごと野菜プロヴァンス風コ</t>
  </si>
  <si>
    <t>まるごと野菜和風野菜スープ</t>
  </si>
  <si>
    <t>カフェスープミネストローネ</t>
  </si>
  <si>
    <t>カフェスープコンソメスープ</t>
  </si>
  <si>
    <t>プリキュアスープわかめ</t>
  </si>
  <si>
    <t>スマイルプリキュアわかめｽｰﾌﾟ</t>
  </si>
  <si>
    <t>ドキドキプリキュアわかめスープ</t>
  </si>
  <si>
    <t>ハピネスチャージプリキュアわかめスープ</t>
  </si>
  <si>
    <t>GOプリンセスプリキュア　わかめスープ</t>
  </si>
  <si>
    <t>プリキュアわかめスープ３袋</t>
  </si>
  <si>
    <t>１３．２g</t>
  </si>
  <si>
    <t>ポケモンわかめスープ</t>
  </si>
  <si>
    <t>スープdeごはんピリ辛担々雑炊</t>
  </si>
  <si>
    <t>72.7g</t>
  </si>
  <si>
    <t>スープdeごはん彩り野菜カレー</t>
  </si>
  <si>
    <t>73.3g</t>
  </si>
  <si>
    <t>スープdeごはん　ピリ辛チゲクッパ</t>
  </si>
  <si>
    <t>72.1g</t>
  </si>
  <si>
    <t>スープでごはんトマト</t>
  </si>
  <si>
    <t>76.7g</t>
  </si>
  <si>
    <t>万能中華スープ</t>
  </si>
  <si>
    <t>ごろっと鶏だんごスープ濃厚鶏白湯味</t>
  </si>
  <si>
    <t>ごろっと鶏だんごスープ_うま辛キムチ味</t>
  </si>
  <si>
    <t>ごろっと鶏だんごスープ焼あごだし味</t>
  </si>
  <si>
    <t>ペヤング　どっさりねぎわかめスープ</t>
  </si>
  <si>
    <t>まるか食品</t>
  </si>
  <si>
    <t>ﾍﾟﾔﾝｸﾞ</t>
  </si>
  <si>
    <t>かんたんお雑煮の素</t>
  </si>
  <si>
    <t>わかめスープレギュラー</t>
  </si>
  <si>
    <t>4.7g×3</t>
  </si>
  <si>
    <t>スープでパスタたらこクリーム</t>
  </si>
  <si>
    <t>ヤマダイ_スープデパスタ_カルボナーラ</t>
  </si>
  <si>
    <t>ヤマダイ_スープデパスタ_トマトクリーム</t>
  </si>
  <si>
    <t>北海道産ねばとろがごめ昆布スープ</t>
  </si>
  <si>
    <t>ｺﾊﾞﾔｼｼｮｸﾋﾝ</t>
  </si>
  <si>
    <t>ﾔﾏﾓﾘ_ﾄﾑﾔﾑｸﾝ_180g</t>
  </si>
  <si>
    <t>わかめスープ徳用</t>
  </si>
  <si>
    <t>ワカメスープ</t>
  </si>
  <si>
    <t>ねぎのピリ辛スープ</t>
  </si>
  <si>
    <t>わかめＳごまねぎとんこつ</t>
  </si>
  <si>
    <t>8.2g×3</t>
  </si>
  <si>
    <t>海藻の恵み　めかぶスープ</t>
  </si>
  <si>
    <t>海藻の恵み　海苔のスープ</t>
  </si>
  <si>
    <t>わかめスープネギ塩徳用</t>
  </si>
  <si>
    <t>コリコリめかぶスープ３Ｐ</t>
  </si>
  <si>
    <t>鶏白湯スープ</t>
  </si>
  <si>
    <t>わかめスープピリ辛徳用</t>
  </si>
  <si>
    <t>ねぎの鶏だしスープ</t>
  </si>
  <si>
    <t>青じそ香るめかぶスープ</t>
  </si>
  <si>
    <t>わかめスープほっと生姜のスープ</t>
  </si>
  <si>
    <t>わかめスープねぎ塩徳用</t>
  </si>
  <si>
    <t>わかめスープぴり辛徳用</t>
  </si>
  <si>
    <t>わかめスープ焙煎ごま徳用</t>
  </si>
  <si>
    <t>北海大和_ｺｰﾝﾎﾟﾀｰｼﾞｭ_15G×3P</t>
  </si>
  <si>
    <t>北海大和_ﾎﾟﾃﾄﾎﾟﾀｰｼﾞｭ_15G×3P</t>
  </si>
  <si>
    <t>北海大和_ｵﾆｵﾝｺﾝｿﾒ_7G×3P</t>
  </si>
  <si>
    <t>北海大和_わかめｽｰﾌﾟ昆布入_21G</t>
  </si>
  <si>
    <t>北海_たまごｽｰﾌﾟつぶｺｰﾝ入_21G</t>
  </si>
  <si>
    <t>北海道産秋鮭の食べるスープ</t>
  </si>
  <si>
    <t>ＮＳニッセイ</t>
  </si>
  <si>
    <t>NSﾆｯｾｲ</t>
  </si>
  <si>
    <t>北海道産帆立の食べるスープ</t>
  </si>
  <si>
    <t>北海道産真だらの食べるスープ</t>
  </si>
  <si>
    <t>富永食品　つぶ入りコーンスープ　【箱】</t>
  </si>
  <si>
    <t>8Px40</t>
  </si>
  <si>
    <t>富永食品　ポタージュスープ　【箱】</t>
  </si>
  <si>
    <t>富永食品　わかめスープ　【箱】</t>
  </si>
  <si>
    <t>叙々苑ユッケジャン</t>
  </si>
  <si>
    <t>高知産生姜スープ</t>
  </si>
  <si>
    <t>ヨコヤマコーポレーション</t>
  </si>
  <si>
    <t>ﾖｺﾔﾏｺｰﾎﾟﾚｰ</t>
  </si>
  <si>
    <t>有機野菜でつくったｺｰﾝｽｰﾌﾟ3P</t>
  </si>
  <si>
    <t>有機野菜トマトスープ</t>
  </si>
  <si>
    <t>有機野菜のトマトが濃いポタージュ</t>
  </si>
  <si>
    <t>味源お徳用たまねぎスープ</t>
  </si>
  <si>
    <t>おどろき野菜　スープ　酢辣湯</t>
  </si>
  <si>
    <t>アサヒF＆H　おどろき野菜　スープ　鶏だんご汁</t>
  </si>
  <si>
    <t>おどろき野菜具だくさん鶏だんご</t>
  </si>
  <si>
    <t>おどろき野菜　鶏旨わさび</t>
  </si>
  <si>
    <t>おどろき野菜　ユッケジャン　チゲ</t>
  </si>
  <si>
    <t>おどろき野菜　玉子コムタン</t>
  </si>
  <si>
    <t>4.2g×6</t>
  </si>
  <si>
    <t>成城石井__フリーズドライスープアソート__１２食入り</t>
  </si>
  <si>
    <t>しじみスープ</t>
  </si>
  <si>
    <t>しじみスープ　３Ｐ</t>
  </si>
  <si>
    <t>太平燕白湯とんこつ味</t>
  </si>
  <si>
    <t>コンソメ風島根県産わかめスープ</t>
  </si>
  <si>
    <t>乾物屋のまかないスープ</t>
  </si>
  <si>
    <t>国産わかめスープ玄米入り</t>
  </si>
  <si>
    <t>ワフウワカメスープ</t>
  </si>
  <si>
    <t>シジミワカメスープ</t>
  </si>
  <si>
    <t>オルニチンパワーわかめしじみ風味噌汁</t>
  </si>
  <si>
    <t>かにスープ</t>
  </si>
  <si>
    <t>谷貝食品工業</t>
  </si>
  <si>
    <t>ﾔｶﾞｲ</t>
  </si>
  <si>
    <t>北海道ｵﾆｵﾝｽｰﾌﾟ4袋入</t>
  </si>
  <si>
    <t>5g*4ﾎﾝ</t>
  </si>
  <si>
    <t>北海道じゃがﾊﾞﾀｰｽｰﾌﾟ4袋入</t>
  </si>
  <si>
    <t>北海道にんじんｽｰﾌﾟ4袋入</t>
  </si>
  <si>
    <t>7g×5</t>
  </si>
  <si>
    <t>豊食</t>
  </si>
  <si>
    <t>シャキシャキ茎わかめスープ</t>
  </si>
  <si>
    <t>シャキシャキ梅の香り茎わかめスープ</t>
  </si>
  <si>
    <t>シャキシャキしたくきわかめスープ</t>
  </si>
  <si>
    <t>ストック・FD</t>
  </si>
  <si>
    <t>たまごスープフリーズドライ</t>
  </si>
  <si>
    <t>5.6g</t>
  </si>
  <si>
    <t>匠味堂</t>
  </si>
  <si>
    <t>ﾀｸﾐﾄﾞｳ</t>
  </si>
  <si>
    <t>AWATAMAオニオンスープ</t>
  </si>
  <si>
    <t>54.5g</t>
  </si>
  <si>
    <t>さっと炒めた国産牛の和風すーぷ</t>
  </si>
  <si>
    <t>Calientaトムヤムクン</t>
  </si>
  <si>
    <t>NATUREFUTURe和だし玉子スープ</t>
  </si>
  <si>
    <t>無添加もずくスープ</t>
  </si>
  <si>
    <t>無添加のりスープ</t>
  </si>
  <si>
    <t>無添加あおさ入りスープ</t>
  </si>
  <si>
    <t>5.5g</t>
  </si>
  <si>
    <t>和風スープたまごスープ</t>
  </si>
  <si>
    <t>Theうまみたまごスープ</t>
  </si>
  <si>
    <t>Theうまみ海藻スープ</t>
  </si>
  <si>
    <t>Theうまみコーンスープ</t>
  </si>
  <si>
    <t>きょうのスープ五目中華スープ</t>
  </si>
  <si>
    <t>Theうまみトマトスープ</t>
  </si>
  <si>
    <t>Theうまみガーリックスープ</t>
  </si>
  <si>
    <t>Theうまみマッシュルームスープ</t>
  </si>
  <si>
    <t>11.7g</t>
  </si>
  <si>
    <t>Theうまみ唐辛子スープ</t>
  </si>
  <si>
    <t>Theうまみ炙り牛スープ</t>
  </si>
  <si>
    <t>Theうまみ燻製鶏スープ</t>
  </si>
  <si>
    <t>揚げなすの完熟トマトスープ</t>
  </si>
  <si>
    <t>ねばねば具材の和風スープ</t>
  </si>
  <si>
    <t>Theうまみ粒コーンポテトポタージュ</t>
  </si>
  <si>
    <t>スープディズふかひれスープ</t>
  </si>
  <si>
    <t>スープディズ　トムヤムクン</t>
  </si>
  <si>
    <t>９ｇ</t>
  </si>
  <si>
    <t>スーパー大麦と海藻の食べるスープ9.6</t>
  </si>
  <si>
    <t>日本アクセス</t>
  </si>
  <si>
    <t>ｶﾗﾀﾞｽﾏｲﾙ</t>
  </si>
  <si>
    <t>スーパー大麦たまご食べるスープ</t>
  </si>
  <si>
    <t>１２．６ｇ</t>
  </si>
  <si>
    <t>スーパー大麦チーズミネストローネ</t>
  </si>
  <si>
    <t>スーパー大麦3種野菜コンソメ</t>
  </si>
  <si>
    <t>本格派たまごスープ</t>
  </si>
  <si>
    <t>協和発酵キリン</t>
  </si>
  <si>
    <t>ｷｮｳﾜﾊｯｺｳ</t>
  </si>
  <si>
    <t>国産たまごｽｰﾌﾟ5P_3個ｾｯﾄ</t>
  </si>
  <si>
    <t>３２Ｇ*3</t>
  </si>
  <si>
    <t>あめ色玉ねぎのスープ</t>
  </si>
  <si>
    <t>6.6g×4食入</t>
  </si>
  <si>
    <t>信州しめじの和風スープ</t>
  </si>
  <si>
    <t>アスザック　根野菜のけんちん汁　４食</t>
  </si>
  <si>
    <t>ｱｽｻﾞﾂｸ</t>
  </si>
  <si>
    <t>野菜のしょうがスープ</t>
  </si>
  <si>
    <t>野菜とたまごの具だくさんスープ</t>
  </si>
  <si>
    <t>パクチー香るトムヤムスープ</t>
  </si>
  <si>
    <t>6g×4P</t>
  </si>
  <si>
    <t>ふんわりたまごスープ5P</t>
  </si>
  <si>
    <t>ほうれん草とベーコンのスープ</t>
  </si>
  <si>
    <t>クノール韓国チゲスープ</t>
  </si>
  <si>
    <t>もずくスープ５Ｐ</t>
  </si>
  <si>
    <t>クノール中華ふかひれ</t>
  </si>
  <si>
    <t>クノールちゃんぽん風スープ4食</t>
  </si>
  <si>
    <t>クノール海鮮チゲスープ4食</t>
  </si>
  <si>
    <t>クノール7種の葉菜･根菜･海藻スープ</t>
  </si>
  <si>
    <t>素材のチカラ沖縄産もずくスープパック</t>
  </si>
  <si>
    <t>3.6g×5</t>
  </si>
  <si>
    <t>野菜が美味しいスープ中華風_5Ｐ</t>
  </si>
  <si>
    <t>たまごスープ４Ｐ</t>
  </si>
  <si>
    <t>64g×4</t>
  </si>
  <si>
    <t>中華スープ4P</t>
  </si>
  <si>
    <t>73g×4P</t>
  </si>
  <si>
    <t>たまごスープカレンダー</t>
  </si>
  <si>
    <t>素材のチカラオニオンスープ5食パック</t>
  </si>
  <si>
    <t>7.3g×5</t>
  </si>
  <si>
    <t>素材のチカラトマトスープ５Ｐ</t>
  </si>
  <si>
    <t>素材のチカラスンドゥブチゲスープパック</t>
  </si>
  <si>
    <t>6.6g×5</t>
  </si>
  <si>
    <t>マルちゃん素材のチカラめかぶスープ5P</t>
  </si>
  <si>
    <t>4.7g×5</t>
  </si>
  <si>
    <t>マルちゃん素材のチカラ野菜スープ5P</t>
  </si>
  <si>
    <t>6g×5</t>
  </si>
  <si>
    <t>マルちゃん素材のチカラまいたけスープ5P</t>
  </si>
  <si>
    <t>4.3g×5</t>
  </si>
  <si>
    <t>マルちゃん素材のチカラたまごスープ5P</t>
  </si>
  <si>
    <t>31.5g</t>
  </si>
  <si>
    <t>マルちゃん中華スープ</t>
  </si>
  <si>
    <t>6.4g×4</t>
  </si>
  <si>
    <t>カマンベールとオニオンのスープ</t>
  </si>
  <si>
    <t>国産たまご使用玉子スープ</t>
  </si>
  <si>
    <t>あおさのスープ</t>
  </si>
  <si>
    <t>たまごスープ5P</t>
  </si>
  <si>
    <t>磯の香り豊かな国産あおさのスープ</t>
  </si>
  <si>
    <t>オートミールde中華粥鶏粥＆海鮮粥</t>
  </si>
  <si>
    <t>うんと健康あわたまオニオンスープ</t>
  </si>
  <si>
    <t>10.9g</t>
  </si>
  <si>
    <t>厳選素材のスープバラエティセット</t>
  </si>
  <si>
    <t>84.2g</t>
  </si>
  <si>
    <t>Nフューチャーミネストローネ</t>
  </si>
  <si>
    <t>Nフューチャー生姜スープ</t>
  </si>
  <si>
    <t>Nフューチャー焼き海苔スープ</t>
  </si>
  <si>
    <t>味源淡路産玉ねぎスープ</t>
  </si>
  <si>
    <t>10g×6P</t>
  </si>
  <si>
    <t>成城石井__淡路島産たまねぎじっくりと炒めたスープ</t>
  </si>
  <si>
    <t>成城石井__生姜が香るふわふわたまごのスープ</t>
  </si>
  <si>
    <t>成城石井　恩納村産もずくとみつばのスープ</t>
  </si>
  <si>
    <t>きょうのスープたまごスープ</t>
  </si>
  <si>
    <t>フリーズドライ　たまごスープ</t>
  </si>
  <si>
    <t>8P+1</t>
  </si>
  <si>
    <t>淡路島朝のオニオンスープ</t>
  </si>
  <si>
    <t>ｾﾞﾝﾀﾞ</t>
  </si>
  <si>
    <t>オニオングラタンスープ</t>
  </si>
  <si>
    <t>アイリスフーズ</t>
  </si>
  <si>
    <t>ｱｲﾘｽ</t>
  </si>
  <si>
    <t>クレアおばさん具沢山コーンチャウダー</t>
  </si>
  <si>
    <t>ｸﾞﾘｺ</t>
  </si>
  <si>
    <t>鶏スープ</t>
  </si>
  <si>
    <t>マグカップで北海道シチューかぼちゃ</t>
  </si>
  <si>
    <t>十勝コーンクリーム</t>
  </si>
  <si>
    <t>１９０ｇ</t>
  </si>
  <si>
    <t>ザク切りキャベツとトマトのスープ</t>
  </si>
  <si>
    <t>野菜の旨み冷製ヴィシソワーズ</t>
  </si>
  <si>
    <t>リゾランテ芳醇きのこチーズリゾッ</t>
  </si>
  <si>
    <t>ﾌﾟﾚﾐｱﾑ　ｸﾗﾑﾁｬｳﾀﾞｰC</t>
  </si>
  <si>
    <t>43.6G</t>
  </si>
  <si>
    <t>冷たい牛乳トマトのポタージュ</t>
  </si>
  <si>
    <t>50.7ｇ</t>
  </si>
  <si>
    <t>ｶｯﾌﾟｽｰﾌﾟﾌﾟﾚﾐｱﾑﾌﾞｲﾔﾍﾞｰｽ</t>
  </si>
  <si>
    <t>ｽｰﾌﾟｸﾞﾗﾝﾃﾞﾐﾈｽﾄﾛｰﾈ</t>
  </si>
  <si>
    <t>ｽｰﾌﾟｸﾞﾗﾝﾃﾞｵﾆｵﾝｸﾞﾗﾀﾝ</t>
  </si>
  <si>
    <t>しじみわかめスープ減塩</t>
  </si>
  <si>
    <t>53ｇ</t>
  </si>
  <si>
    <t>韓流スープ</t>
  </si>
  <si>
    <t>たまねぎスープ</t>
  </si>
  <si>
    <t>10.3ｇ*2</t>
  </si>
  <si>
    <t>10.2ｇ*2</t>
  </si>
  <si>
    <t>ゆず香る野菜たっぷりｽｰﾌﾟ</t>
  </si>
  <si>
    <t>15.5G*4</t>
  </si>
  <si>
    <t>マルちゃんたまごスープ4食入</t>
  </si>
  <si>
    <t>マルちゃんトマトスープ4食入</t>
  </si>
  <si>
    <t>30.8g</t>
  </si>
  <si>
    <t>マルちゃん中華スープ4食入</t>
  </si>
  <si>
    <t>貝柱のクリームスープ</t>
  </si>
  <si>
    <t>ふかひれスープ</t>
  </si>
  <si>
    <t>しじみ70個分ｽｰﾌﾟはるさめ</t>
  </si>
  <si>
    <t>カップ松茸の味お雑煮</t>
  </si>
  <si>
    <t>１個</t>
  </si>
  <si>
    <t>カマンベール入り国産オニオンのスープ</t>
  </si>
  <si>
    <t>スープグラ　トマト＆コンソメ</t>
  </si>
  <si>
    <t>８２Ｇ</t>
  </si>
  <si>
    <t>スープグラ　かきたま＆豆乳</t>
  </si>
  <si>
    <t>スープセレクトコーンスープ</t>
  </si>
  <si>
    <t>ﾊﾁ</t>
  </si>
  <si>
    <t>スープセレクトパンプキンスープ</t>
  </si>
  <si>
    <t>スープセレクトミネストローネ</t>
  </si>
  <si>
    <t>スープセレクトクラムチャウダー</t>
  </si>
  <si>
    <t>スープDEごはん梅しらす茶漬け</t>
  </si>
  <si>
    <t>66.2G</t>
  </si>
  <si>
    <t>ｽｰﾌﾟdeごはん広東風中華雑炊</t>
  </si>
  <si>
    <t>69.9G</t>
  </si>
  <si>
    <t>ミニオンスープリゾット　チーズ</t>
  </si>
  <si>
    <t>79.6ｇ</t>
  </si>
  <si>
    <t>ミニオンスープリゾット　トマト</t>
  </si>
  <si>
    <t>78.6ｇ</t>
  </si>
  <si>
    <t>生姜わかめスープ</t>
  </si>
  <si>
    <t>３袋</t>
  </si>
  <si>
    <t>ﾘｹﾝ</t>
  </si>
  <si>
    <t>わかめスープめかぶ入り</t>
  </si>
  <si>
    <t>３袋入り</t>
  </si>
  <si>
    <t>生姜スープはるさめ</t>
  </si>
  <si>
    <t>94.2Ｇ</t>
  </si>
  <si>
    <t>ｵｵﾏｻ</t>
  </si>
  <si>
    <t>中華スープはるさめ</t>
  </si>
  <si>
    <t>96.6Ｇ</t>
  </si>
  <si>
    <t>オートミールRトマト＆チーズ</t>
  </si>
  <si>
    <t>オートミールリゾットきのこ＆トマトカレー</t>
  </si>
  <si>
    <t>92g</t>
  </si>
  <si>
    <t>元祖太平燕カレー味</t>
  </si>
  <si>
    <t>５食入</t>
  </si>
  <si>
    <t>元祖太平燕チキン味</t>
  </si>
  <si>
    <t>元祖太平燕白湯とんこつ味</t>
  </si>
  <si>
    <t>元祖太平燕高菜とんこつ味</t>
  </si>
  <si>
    <t>元祖太平燕ゆず胡椒味</t>
  </si>
  <si>
    <t>元祖太平燕トマト味</t>
  </si>
  <si>
    <t>オニオンスープ10食</t>
  </si>
  <si>
    <t>10個</t>
  </si>
  <si>
    <t>北海道スープアソートセット</t>
  </si>
  <si>
    <t>HSAP-6</t>
  </si>
  <si>
    <t>ドライブイン鳥鳥スープフリーズドライ</t>
  </si>
  <si>
    <t>伊万里グリーンファーム</t>
  </si>
  <si>
    <t>ｱﾘｳﾗ</t>
  </si>
  <si>
    <t>味噌とポタ味わいコンソメ仕立て</t>
  </si>
  <si>
    <t>味噌とポタまろやか豆乳仕立て</t>
  </si>
  <si>
    <t>食べる7種野菜スープシーフード味</t>
  </si>
  <si>
    <t>ご自愛ポタージュクリーミーオニオン</t>
  </si>
  <si>
    <t>中華三昧赤坂栄林トマト酸辣湯</t>
  </si>
  <si>
    <t>クリームトマト</t>
  </si>
  <si>
    <t>ストック・要調理</t>
  </si>
  <si>
    <t>タッカルビタンミョン</t>
  </si>
  <si>
    <t>ｲｰﾊｲｼﾞｬﾊﾟﾝ</t>
  </si>
  <si>
    <t>マーラーシャングォ</t>
  </si>
  <si>
    <t>頤海</t>
  </si>
  <si>
    <t>広東風ふかひれスープ5個セット</t>
  </si>
  <si>
    <t>ﾆﾁﾚｲﾌ-ｽﾞ</t>
  </si>
  <si>
    <t>ふかひれスープ_3個ｾｯﾄ</t>
  </si>
  <si>
    <t>180g*3</t>
  </si>
  <si>
    <t>中華スープ　コーン</t>
  </si>
  <si>
    <t>SoupDoミネストローネ</t>
  </si>
  <si>
    <t>スープドゥフカヒレスープ</t>
  </si>
  <si>
    <t>クノールスープコーンクリーム</t>
  </si>
  <si>
    <t>65.2g</t>
  </si>
  <si>
    <t>クノールSoupDoふかひれスープ用</t>
  </si>
  <si>
    <t>中華スープコーンと帆立</t>
  </si>
  <si>
    <t>中華スープ椎茸・鶏</t>
  </si>
  <si>
    <t>中華スープ蟹・わかめ</t>
  </si>
  <si>
    <t>広東風かにと貝柱のスープ</t>
  </si>
  <si>
    <t>シチュープ参鶏湯風おかずスープの素</t>
  </si>
  <si>
    <t>ホテイ　スンドゥブチゲ　濃縮タイプ　</t>
  </si>
  <si>
    <t>ホテイ　サムゲタン　濃縮タイプ</t>
  </si>
  <si>
    <t>ホテイ　ふかひれスープ　</t>
  </si>
  <si>
    <t>ホテイ　紅ずわいがにスープ　</t>
  </si>
  <si>
    <t>ホテイ　ほたて貝柱スープ</t>
  </si>
  <si>
    <t>ソムリエ　バクテー風スペアリブスープ</t>
  </si>
  <si>
    <t>赤いスンドゥブ</t>
  </si>
  <si>
    <t>李朝園</t>
  </si>
  <si>
    <t>ﾘﾁｮｳｴﾝ</t>
  </si>
  <si>
    <t>カルビスープ</t>
  </si>
  <si>
    <t>気仙沼ほていふかひれ濃縮スープ広東風</t>
  </si>
  <si>
    <t>気仙沼ほてい</t>
  </si>
  <si>
    <t>ｹｾﾝﾇﾏﾎﾃｲ</t>
  </si>
  <si>
    <t>ふかひれ濃縮スープ北京風</t>
  </si>
  <si>
    <t>ふかひれ濃縮スープ四川風</t>
  </si>
  <si>
    <t>200gx6袋</t>
  </si>
  <si>
    <t>ふかひれ濃縮スープ広東風</t>
  </si>
  <si>
    <t>ほていセット</t>
  </si>
  <si>
    <t>ＲＳ－３０</t>
  </si>
  <si>
    <t>ほていふかひれセット</t>
  </si>
  <si>
    <t>RS-23</t>
  </si>
  <si>
    <t>ゆでずにできるマカロニ</t>
  </si>
  <si>
    <t>トマトスープ　英字</t>
  </si>
  <si>
    <t>３０５Ｇ</t>
  </si>
  <si>
    <t>クリームチキン　英字</t>
  </si>
  <si>
    <t>２９８Ｇ</t>
  </si>
  <si>
    <t>ベジタリアンベジ</t>
  </si>
  <si>
    <t>チキンヌードル　英字</t>
  </si>
  <si>
    <t>ＮＥクラムチャウダー　英字</t>
  </si>
  <si>
    <t>クリームポテト　英字</t>
  </si>
  <si>
    <t>クラムチャウダー　4個セット</t>
  </si>
  <si>
    <t>4個セット</t>
  </si>
  <si>
    <t>クノールコーンクリームスープ</t>
  </si>
  <si>
    <t>クノールポタージュ</t>
  </si>
  <si>
    <t>クノールスープポタージュ</t>
  </si>
  <si>
    <t>野菜を食べようミネストローネ</t>
  </si>
  <si>
    <t>35gx2P</t>
  </si>
  <si>
    <t>野菜を食べようチャウダー</t>
  </si>
  <si>
    <t>30gx2P</t>
  </si>
  <si>
    <t>野菜を食べよう和風スープ</t>
  </si>
  <si>
    <t>シチュープビスク風おかずスープの素</t>
  </si>
  <si>
    <t>134g</t>
  </si>
  <si>
    <t>クリームマッシュルーム日本語ラベル</t>
  </si>
  <si>
    <t>クリームパンプキン日本語ラベル</t>
  </si>
  <si>
    <t>北海道クリーミースープの素</t>
  </si>
  <si>
    <t>ふんわり香るあおさスープ</t>
  </si>
  <si>
    <t>ライスペーパー</t>
  </si>
  <si>
    <t>協同食品</t>
  </si>
  <si>
    <t>ｱｵｻﾞｲ</t>
  </si>
  <si>
    <t>野菜ともち麦のミネストローネ</t>
  </si>
  <si>
    <t>焼ラーメン醤油とんこつ味</t>
  </si>
  <si>
    <t>焼ちゃんぽん海鮮しお味</t>
  </si>
  <si>
    <t>244g</t>
  </si>
  <si>
    <t>ストック・レトルト</t>
  </si>
  <si>
    <t>ユッケジャンスープ</t>
  </si>
  <si>
    <t>ナリタ</t>
  </si>
  <si>
    <t>ﾅﾘﾀ</t>
  </si>
  <si>
    <t>塩牛テールスープ</t>
  </si>
  <si>
    <t>淡路島産玉ねぎオニオンスープ</t>
  </si>
  <si>
    <t>ｴﾑｼｰｼｰ</t>
  </si>
  <si>
    <t>たまねぎみそクリームスープ3食</t>
  </si>
  <si>
    <t>スーパー大麦レンズ豆生姜スープ</t>
  </si>
  <si>
    <t>スーパー大麦ごぼう豆乳野菜スープ</t>
  </si>
  <si>
    <t>フォー・ボー_牛肉フォースープ</t>
  </si>
  <si>
    <t>Barona</t>
  </si>
  <si>
    <t>アスパラクリームスープ</t>
  </si>
  <si>
    <t>富良野地方卸売市場</t>
  </si>
  <si>
    <t>ﾌﾗﾉｲﾁﾊﾞ</t>
  </si>
  <si>
    <t>丸ごとじゃがいも入りコーンスープ</t>
  </si>
  <si>
    <t>北海道産とうもろこし使用コーンスープ</t>
  </si>
  <si>
    <t>コーンツーブ</t>
  </si>
  <si>
    <t>コーンスープ</t>
  </si>
  <si>
    <t>あさくまオニオンス-プ</t>
  </si>
  <si>
    <t>あさくまコ-ンスプ</t>
  </si>
  <si>
    <t>じっくりご褒美ダイニング贅沢コーン　袋</t>
  </si>
  <si>
    <t>じっくりご褒美ダイニング栗かぼちゃ　袋</t>
  </si>
  <si>
    <t>じっくりご褒美ダイニング冷製コーン袋</t>
  </si>
  <si>
    <t>じっくりご褒美ダイニング冷製かぼちゃ袋</t>
  </si>
  <si>
    <t>じっくりご褒美ダイニング濃厚コーン</t>
  </si>
  <si>
    <t>じっくりご褒美ダイニング濃厚かぼちゃ</t>
  </si>
  <si>
    <t>じっくりご褒美野菜の旨み　冷製コーン　袋</t>
  </si>
  <si>
    <t>じっくりご褒美野菜の旨み　冷製パンプキン</t>
  </si>
  <si>
    <t>ご褒美ダイニングとろりと煮込んだ具材が溶け込むコーンポタージュ</t>
  </si>
  <si>
    <t>ご褒美ダイニングとろりと煮込んだ具材が溶け込む海老のビスク</t>
  </si>
  <si>
    <t>じっくりベジ冷トマトパプリカ袋</t>
  </si>
  <si>
    <t>じっくりベジ冷にんじん栗かぼちゃ</t>
  </si>
  <si>
    <t>クノールポタージュで食べる豆と野菜　栗かぼちゃ</t>
  </si>
  <si>
    <t>クノールスープDELI栗かぼちゃ</t>
  </si>
  <si>
    <t>38.2G</t>
  </si>
  <si>
    <t>クノールポタージュで食べる豆と野菜完熟トマト</t>
  </si>
  <si>
    <t>クノールポタージュで食べる豆と野菜クラム</t>
  </si>
  <si>
    <t>クノールポタージュで食べる豆と野菜北海道コーン</t>
  </si>
  <si>
    <t>クノールスープＤＥＬＩ北海道とうもろこし</t>
  </si>
  <si>
    <t>クレアおばさんの具だくさんクリームチャウダー</t>
  </si>
  <si>
    <t>ローマ風トマトソース</t>
  </si>
  <si>
    <t>北海道産とうもろこしのスープ袋</t>
  </si>
  <si>
    <t>クラムチャウダー袋</t>
  </si>
  <si>
    <t>ミネストローネ袋</t>
  </si>
  <si>
    <t>北海道産かぼちゃのスープ袋</t>
  </si>
  <si>
    <t>国産6種野菜のスープ袋</t>
  </si>
  <si>
    <t>ボルシチスープ袋</t>
  </si>
  <si>
    <t>国産押麦と野菜のスープ袋</t>
  </si>
  <si>
    <t>白いミネストローネ袋</t>
  </si>
  <si>
    <t>カニのクリームビスク袋</t>
  </si>
  <si>
    <t>トリュフマッシュルームのスープ袋</t>
  </si>
  <si>
    <t>ごはんにかけるスープ海老と完熟トマトのビスク</t>
  </si>
  <si>
    <t>ごはんにかけるスープ濃厚ボルシチ</t>
  </si>
  <si>
    <t>野菜たっぷりトマトのスープ</t>
  </si>
  <si>
    <t>野菜たっぷりかぼちゃのスープ</t>
  </si>
  <si>
    <t>野菜たっぷり豆のスープ</t>
  </si>
  <si>
    <t>野菜たっぷりかぶちゃのスープ</t>
  </si>
  <si>
    <t>スープ仕立てのサラダ用　ゆず香る生姜白湯ソース</t>
  </si>
  <si>
    <t>スープ仕立てのサラダ用　シナモン香るごま豆乳ソース</t>
  </si>
  <si>
    <t>シェフズリザーブレンジでごちそうコーンのポタージュ</t>
  </si>
  <si>
    <t>ＳＳＫ　ＣＲレンジでごちそうかぼちゃのスープ　１５０ｇ</t>
  </si>
  <si>
    <t>シェフズリザーブレンジでごちそうミネストローネ</t>
  </si>
  <si>
    <t>レンジでおいしいごちそうスープオニオンスープ</t>
  </si>
  <si>
    <t>レンジでおいしいクラムチャウダー</t>
  </si>
  <si>
    <t>糖質コントロール　ミネストローネ</t>
  </si>
  <si>
    <t>ｶﾗﾀﾞｼﾌﾄ</t>
  </si>
  <si>
    <t>糖質コントロールクラムチャウダー</t>
  </si>
  <si>
    <t>マルハニチロ食品</t>
  </si>
  <si>
    <t>大人むけのスープ粒コーンのクリームポタージュ</t>
  </si>
  <si>
    <t>大人むけのスープ栗かぼちゃのクリームポタージュ</t>
  </si>
  <si>
    <t>大人むけのスープオマール海老のクリームビスク</t>
  </si>
  <si>
    <t>大人むけのスープボストンクラムチャウダー</t>
  </si>
  <si>
    <t>まるごと野菜　チキンと野菜のクリームスープ</t>
  </si>
  <si>
    <t>まるごと野菜完熟トマトのミネストローネ</t>
  </si>
  <si>
    <t>まるごと野菜じっくり煮込んだポトフ</t>
  </si>
  <si>
    <t>糀とじゃがいものポタージュ</t>
  </si>
  <si>
    <t>糀とコーンのポタージュ</t>
  </si>
  <si>
    <t>人参と玉ねぎのポタージュスープ</t>
  </si>
  <si>
    <t>ふらの農業協同組合</t>
  </si>
  <si>
    <t>ﾌﾗﾉﾉｳｷﾞｮｳ</t>
  </si>
  <si>
    <t>アスパラガスのポタージュスープ</t>
  </si>
  <si>
    <t>富良野コーンのポタージュ</t>
  </si>
  <si>
    <t>かぼちゃのポタージュスープ</t>
  </si>
  <si>
    <t>トマトのクリームスープ</t>
  </si>
  <si>
    <t>成城石井　北海道産とうもろこしの冷たいスープ__１４０ｇ</t>
  </si>
  <si>
    <t>成城石井　北海道産かぼちゃの冷たいスープ__１４０ｇ</t>
  </si>
  <si>
    <t>成城石井　国内産ごぼうの冷たいスープ__１４０ｇ</t>
  </si>
  <si>
    <t>成城石井　４種の国産香味野菜の冷たいスープ　１４０ｇ</t>
  </si>
  <si>
    <t>成城石井__ミネストローネ</t>
  </si>
  <si>
    <t>成城石井__クラムチャクダー</t>
  </si>
  <si>
    <t>成城石井__紅ずわい蟹のビスク</t>
  </si>
  <si>
    <t>成城石井__ボルシチ</t>
  </si>
  <si>
    <t>魚の屋　わかめスープ　とろーり昆布入り　１００ｇ</t>
  </si>
  <si>
    <t>わかめスープ焼きのり入り</t>
  </si>
  <si>
    <t>香るレモンの酢たまねぎの素</t>
  </si>
  <si>
    <t>スーパー大麦と完熟トマト6種野菜スープ</t>
  </si>
  <si>
    <t>気ままにグルメボルシチ</t>
  </si>
  <si>
    <t>気ままにグルメビーフストロガノフ</t>
  </si>
  <si>
    <t>ソムリエチキンガンボ風トマトチキンスープ</t>
  </si>
  <si>
    <t>コーンクリームスープ</t>
  </si>
  <si>
    <t>UNITED_FOODS_INTERNA</t>
  </si>
  <si>
    <t>100Pine</t>
  </si>
  <si>
    <t>フルーツトマトスープ</t>
  </si>
  <si>
    <t>オニオンジンジャースープ</t>
  </si>
  <si>
    <t>ZENTAの金のポタージュ</t>
  </si>
  <si>
    <t>ゴロッと玉ねぎと骨付きチキンのクリームシチュー商品陳</t>
  </si>
  <si>
    <t>ﾌﾗﾉﾁﾎｳｵﾛｼ</t>
  </si>
  <si>
    <t>いちご煮スタンドパウチ3人前</t>
  </si>
  <si>
    <t>木多郎スープカレーチキン</t>
  </si>
  <si>
    <t>タンゼンテクニカルプロダクト</t>
  </si>
  <si>
    <t>ﾀﾝｾﾞﾝ</t>
  </si>
  <si>
    <t>Ｐｏｔａ栗かぼちゃ</t>
  </si>
  <si>
    <t>Ｐｏｔａスイートコーン</t>
  </si>
  <si>
    <t>スープ春雨海老ワンタン</t>
  </si>
  <si>
    <t>チュウカスープ・ホタテカイ</t>
  </si>
  <si>
    <t>アンパンマンポタージュ</t>
  </si>
  <si>
    <t>ケイニクトシイタケ</t>
  </si>
  <si>
    <t>ヨウキイリ　ツブコーン</t>
  </si>
  <si>
    <t>ヨウキイリ　ポタージュ</t>
  </si>
  <si>
    <t>サクサクパンがはいったチーズ</t>
  </si>
  <si>
    <t>フンワリタマゴスープトリツクネ</t>
  </si>
  <si>
    <t>フンワリタマゴスープ</t>
  </si>
  <si>
    <t>海老ワンタンＳ容器</t>
  </si>
  <si>
    <t>クラッカーと食べるクラム</t>
  </si>
  <si>
    <t>ホッカイドウチェダ－チ－ズ</t>
  </si>
  <si>
    <t>スープパスタタラコ</t>
  </si>
  <si>
    <t>白湯スープ</t>
  </si>
  <si>
    <t>速ごはん_鮭ときのこのスープごはんの素_白醤油</t>
  </si>
  <si>
    <t>朝の速ご飯完熟トマトのスープ</t>
  </si>
  <si>
    <t>速ごはん_甘熟かぼちゃのスープごはんの素_生クリーム</t>
  </si>
  <si>
    <t>Vege_Bran_1日分の緑黄色野菜のミネストローネ</t>
  </si>
  <si>
    <t>Vege_Bran_1/3日分の野菜のかぼちゃ豆乳ポタージュ</t>
  </si>
  <si>
    <t>Vege_Bran_1/3日の分野菜のしょうが塩糀スープ</t>
  </si>
  <si>
    <t>ベジグラーノ　ミネストローネ</t>
  </si>
  <si>
    <t>ベジグラーノ　生姜コンソメスープ</t>
  </si>
  <si>
    <t>ベジグラーノ　かぼちゃのポタージュ</t>
  </si>
  <si>
    <t>和風玉子スープ</t>
  </si>
  <si>
    <t>コーンクリームスープ濃縮</t>
  </si>
  <si>
    <t>クラムチャウダー濃縮</t>
  </si>
  <si>
    <t>スープ倶楽部タマゴスープ</t>
  </si>
  <si>
    <t>スープ倶楽部ベジタブル</t>
  </si>
  <si>
    <t>冷やしもずくスープ</t>
  </si>
  <si>
    <t>4.5g×4</t>
  </si>
  <si>
    <t>コ－ンポタ－ジュ</t>
  </si>
  <si>
    <t>名古屋製酪</t>
  </si>
  <si>
    <t>ﾒｲﾗｸ</t>
  </si>
  <si>
    <t>パンプキンスープ</t>
  </si>
  <si>
    <t>北海道シチューコーンクリーム</t>
  </si>
  <si>
    <t>カップＤカレスパイシ＆クリミ</t>
  </si>
  <si>
    <t>ＣＵＰＳＴＥＷシーフード</t>
  </si>
  <si>
    <t>ＣＵＰＳＴＥＷ枝豆</t>
  </si>
  <si>
    <t>スープＤＥおこげ塩味ワカメスープ</t>
  </si>
  <si>
    <t>トムヤムクンＡ</t>
  </si>
  <si>
    <t>22g×2</t>
  </si>
  <si>
    <t>すりゴマのピリ辛スープ</t>
  </si>
  <si>
    <t>フカヒレ入りス－プ</t>
  </si>
  <si>
    <t>エガオベニイモポタ－ジュ</t>
  </si>
  <si>
    <t>76g×4</t>
  </si>
  <si>
    <t>元気コーンスープ</t>
  </si>
  <si>
    <t>44g×3</t>
  </si>
  <si>
    <t>元気　ワカメスープ</t>
  </si>
  <si>
    <t>24g×3</t>
  </si>
  <si>
    <t>元気スープビーフコンソメ</t>
  </si>
  <si>
    <t>元気スープポタージュ</t>
  </si>
  <si>
    <t>じっくり　粗引きコーンＣＵＰ</t>
  </si>
  <si>
    <t>ベーコンクラムチャウダーカップ</t>
  </si>
  <si>
    <t>ジックリクラムチャウダー</t>
  </si>
  <si>
    <t>ジックリコトコトオニオンスープ</t>
  </si>
  <si>
    <t>ギックリコトコトミネストロ－ネＡ</t>
  </si>
  <si>
    <t>48g×3</t>
  </si>
  <si>
    <t>パスタ　きのこポタージュ</t>
  </si>
  <si>
    <t>パスタ　ミネストローネ</t>
  </si>
  <si>
    <t>ジックリコトコト贅沢クリーミィコーン</t>
  </si>
  <si>
    <t>92.1g</t>
  </si>
  <si>
    <t>ジックリコトコト贅沢クラムチャウダー</t>
  </si>
  <si>
    <t>ルゥでつくるコーンスープ</t>
  </si>
  <si>
    <t>ルゥでつくるクリームスープ</t>
  </si>
  <si>
    <t>95.0g</t>
  </si>
  <si>
    <t>パスタ　きのこカップ</t>
  </si>
  <si>
    <t>パスタ　ゴルゴンゾーラＣ</t>
  </si>
  <si>
    <t>パンノハイッタポタージュカップ</t>
  </si>
  <si>
    <t>パンのはいったコーンカップ</t>
  </si>
  <si>
    <t>パスタノハイッタカルボナーラカップ</t>
  </si>
  <si>
    <t>パンきのこポタージュカップ</t>
  </si>
  <si>
    <t>36.5g</t>
  </si>
  <si>
    <t>パスタのはいったカニクリーム</t>
  </si>
  <si>
    <t>ペンネゴルゴンゾーラカップ</t>
  </si>
  <si>
    <t>コトコトパンの入ったコーンポタージュ</t>
  </si>
  <si>
    <t>スープになっちゃったカレーパン</t>
  </si>
  <si>
    <t>37.3g</t>
  </si>
  <si>
    <t>パスタのはいったボンゴレビアンコ</t>
  </si>
  <si>
    <t>北欧風のコーンクリーム</t>
  </si>
  <si>
    <t>まるごと野菜コンソメ</t>
  </si>
  <si>
    <t>まるごと野菜ミネステローネ</t>
  </si>
  <si>
    <t>まるごと野菜南欧コンソメ</t>
  </si>
  <si>
    <t>まるごと野菜フランス風</t>
  </si>
  <si>
    <t>まるごと野菜韓国風</t>
  </si>
  <si>
    <t>まるごと野菜南欧野菜スープ</t>
  </si>
  <si>
    <t>まるごと野菜フランス風煮込Ｓ</t>
  </si>
  <si>
    <t>ヤサイノコンソメスープ</t>
  </si>
  <si>
    <t>ゴマタップリスープ</t>
  </si>
  <si>
    <t>ウミノヤサイタップリスープ</t>
  </si>
  <si>
    <t>カップデスープコーンポタージュ</t>
  </si>
  <si>
    <t>カップデスープミルクポタージュ</t>
  </si>
  <si>
    <t>ワカメスープギュウネギ</t>
  </si>
  <si>
    <t>緑黄野菜のほうれん草スープ</t>
  </si>
  <si>
    <t>しっかり野菜のごぼうスープ</t>
  </si>
  <si>
    <t>鮨湯のみセット</t>
  </si>
  <si>
    <t>ドリーム</t>
  </si>
  <si>
    <t>ｼﾐｽﾞ</t>
  </si>
  <si>
    <t>ぶどう糖１００％</t>
  </si>
  <si>
    <t>ダイドーフーズ</t>
  </si>
  <si>
    <t>ﾀﾞｲﾄﾞｰ</t>
  </si>
  <si>
    <t>ＦＤ　モズクスープシイタケ</t>
  </si>
  <si>
    <t>堀内</t>
  </si>
  <si>
    <t>ﾎﾘｳﾁ</t>
  </si>
  <si>
    <t>ミニ鯉のぼり</t>
  </si>
  <si>
    <t>ハート</t>
  </si>
  <si>
    <t>ｲｶﾜ</t>
  </si>
  <si>
    <t>濃厚ごま油香るビビンバ2人前</t>
  </si>
  <si>
    <t>ﾄｸﾔﾏ</t>
  </si>
  <si>
    <t>田積産業</t>
  </si>
  <si>
    <t>12g×5</t>
  </si>
  <si>
    <t>コーヒーゼリー</t>
  </si>
  <si>
    <t>4枚入</t>
  </si>
  <si>
    <t>東京ヨーロッパ貿易</t>
  </si>
  <si>
    <t>ラティーナ</t>
  </si>
  <si>
    <t>ﾗﾃｨ-ﾅ</t>
  </si>
  <si>
    <t>築地岩波</t>
  </si>
  <si>
    <t>ｲﾜﾅﾐﾉﾘ</t>
  </si>
  <si>
    <t>ﾎｯﾄﾗﾝﾄﾞ</t>
  </si>
  <si>
    <t>ケーミジャパン</t>
  </si>
  <si>
    <t>ｹｰﾐｼﾞｬﾊﾟﾝ</t>
  </si>
  <si>
    <t>Ｃａｒｎａ</t>
  </si>
  <si>
    <t>6.6g</t>
  </si>
  <si>
    <t>15.1g</t>
  </si>
  <si>
    <t>クッキーミックス粉</t>
  </si>
  <si>
    <t>クリスマスチョコセット</t>
  </si>
  <si>
    <t>パウンドケーキミックス粉</t>
  </si>
  <si>
    <t>マフィンミックス</t>
  </si>
  <si>
    <t>スコーンミックス粉</t>
  </si>
  <si>
    <t>スターサンタ</t>
  </si>
  <si>
    <t>2点</t>
  </si>
  <si>
    <t>サンタオーナメント</t>
  </si>
  <si>
    <t>18g×2</t>
  </si>
  <si>
    <t>18ｇ</t>
  </si>
  <si>
    <t>ｷｭ-ﾋﾟ-</t>
  </si>
  <si>
    <t>テンプラコ</t>
  </si>
  <si>
    <t>竜田揚げ粉</t>
  </si>
  <si>
    <t>だし醤油仕立てたこ焼粉</t>
  </si>
  <si>
    <t>ツナマヨネーズ</t>
  </si>
  <si>
    <t>ホットケーキミックス</t>
  </si>
  <si>
    <t>お好み焼き粉</t>
  </si>
  <si>
    <t>1.5g</t>
  </si>
  <si>
    <t>ラーメンの具</t>
  </si>
  <si>
    <t>0.5g</t>
  </si>
  <si>
    <t>3.5g</t>
  </si>
  <si>
    <t>ﾌｼﾞｻﾜ</t>
  </si>
  <si>
    <t>くらげ</t>
  </si>
  <si>
    <t>薬味</t>
  </si>
  <si>
    <t>ラーメンの具カレンダー</t>
  </si>
  <si>
    <t>餃子がおいしいカレンダー</t>
  </si>
  <si>
    <t>ｵﾁｬﾉﾏﾙｺｳ</t>
  </si>
  <si>
    <t>3g×15P</t>
  </si>
  <si>
    <t>天かす</t>
  </si>
  <si>
    <t>桜えび</t>
  </si>
  <si>
    <t>アロエデザート</t>
  </si>
  <si>
    <t>12g×10</t>
  </si>
  <si>
    <t>生パン粉</t>
  </si>
  <si>
    <t>雪印食品</t>
  </si>
  <si>
    <t>ﾕｷｼﾞﾙｼ</t>
  </si>
  <si>
    <t>4.8g</t>
  </si>
  <si>
    <t>ヤマヒデ食品</t>
  </si>
  <si>
    <t>ﾔﾏﾋﾃﾞ</t>
  </si>
  <si>
    <t>ﾔﾏﾋﾃﾞｼｮｸﾋﾝ</t>
  </si>
  <si>
    <t>小えび</t>
  </si>
  <si>
    <t>青のり粉</t>
  </si>
  <si>
    <t>ヘルシーダブル</t>
  </si>
  <si>
    <t>理研農産化工</t>
  </si>
  <si>
    <t>ﾘｹﾝﾉｳｻﾝｶｺｳ</t>
  </si>
  <si>
    <t>ダイホク</t>
  </si>
  <si>
    <t>ﾀﾞｲﾎｸ</t>
  </si>
  <si>
    <t>3g×4</t>
  </si>
  <si>
    <t>虎屋産業</t>
  </si>
  <si>
    <t>ﾄﾗﾔ</t>
  </si>
  <si>
    <t>カネソ２２</t>
  </si>
  <si>
    <t>ｶﾈｿ22</t>
  </si>
  <si>
    <t>２２７ｇ</t>
  </si>
  <si>
    <t>アスプルンド</t>
  </si>
  <si>
    <t>ｶﾌﾞｼｷｶﾞｲｼｬ</t>
  </si>
  <si>
    <t>ﾀﾈｼｮｳ</t>
  </si>
  <si>
    <t>吉良食品</t>
  </si>
  <si>
    <t>ｷﾗｼｮｸﾋﾝ</t>
  </si>
  <si>
    <t>ﾔｶﾞｲｼｮｸﾋﾝ</t>
  </si>
  <si>
    <t>モチトリコ</t>
  </si>
  <si>
    <t>山くるみ</t>
  </si>
  <si>
    <t>淡路製粉</t>
  </si>
  <si>
    <t>ｱﾜｼﾞｾｲﾌﾝ</t>
  </si>
  <si>
    <t>小池海苔店</t>
  </si>
  <si>
    <t>ｺｲｹ</t>
  </si>
  <si>
    <t>クラウン・フーヅ</t>
  </si>
  <si>
    <t>ｸﾗｳﾝﾌｰﾂﾞ</t>
  </si>
  <si>
    <t>ケーエム商事</t>
  </si>
  <si>
    <t>ﾆｲﾐ</t>
  </si>
  <si>
    <t>真田</t>
  </si>
  <si>
    <t>ﾔﾏｼﾛﾔ</t>
  </si>
  <si>
    <t>駿河園</t>
  </si>
  <si>
    <t>ｽﾙｶﾞｴﾝ</t>
  </si>
  <si>
    <t>ﾌｧｲﾝ</t>
  </si>
  <si>
    <t>まる浪</t>
  </si>
  <si>
    <t>ﾏﾙﾅﾐ</t>
  </si>
  <si>
    <t>薄力小麦粉</t>
  </si>
  <si>
    <t>地中海フーズ</t>
  </si>
  <si>
    <t>ナチュリヤ</t>
  </si>
  <si>
    <t>嗜好品</t>
  </si>
  <si>
    <t>インスタントコーヒー</t>
  </si>
  <si>
    <t>コーヒーギフト</t>
  </si>
  <si>
    <t>ﾕｰｼｰｼｰ</t>
  </si>
  <si>
    <t>ｱｼﾞﾉﾓﾄAGF</t>
  </si>
  <si>
    <t>味の素AGF</t>
  </si>
  <si>
    <t>AGF</t>
  </si>
  <si>
    <t>ユーシーシー上島珈琲</t>
  </si>
  <si>
    <t>UCC</t>
  </si>
  <si>
    <t>キーコーヒー</t>
  </si>
  <si>
    <t>ｷｰｺｰﾋｰ</t>
  </si>
  <si>
    <t>日清オイリオグループ</t>
  </si>
  <si>
    <t>ドトールコーヒー</t>
  </si>
  <si>
    <t>レギュラーコーヒー</t>
  </si>
  <si>
    <t>ﾋﾏﾜﾘﾊﾞﾀｹ</t>
  </si>
  <si>
    <t>ﾄﾞｳｼｼﾔ</t>
  </si>
  <si>
    <t>ﾊﾏﾔ</t>
  </si>
  <si>
    <t>丸山珈琲</t>
  </si>
  <si>
    <t>ﾏﾙﾔﾏｺｰﾋｰ</t>
  </si>
  <si>
    <t>ｽﾀｰﾊﾞｯｸｽ</t>
  </si>
  <si>
    <t>KEYｺｰﾋｰ</t>
  </si>
  <si>
    <t>ｽｷﾞﾓﾄﾔ</t>
  </si>
  <si>
    <t>ﾈｽｶﾌｪ</t>
  </si>
  <si>
    <t>伊藤忠食品</t>
  </si>
  <si>
    <t>ﾄﾞﾄｰﾙｺｰﾋｰ</t>
  </si>
  <si>
    <t>ユニカフェ</t>
  </si>
  <si>
    <t>ﾕﾆｶﾌｪ</t>
  </si>
  <si>
    <t>ハマヤ</t>
  </si>
  <si>
    <t>ｻﾝﾖ-</t>
  </si>
  <si>
    <t>麺類</t>
  </si>
  <si>
    <t>うどん</t>
  </si>
  <si>
    <t>讃岐うどん</t>
  </si>
  <si>
    <t>和敬物産</t>
  </si>
  <si>
    <t>ﾜｹｲﾌﾞｯｻﾝ</t>
  </si>
  <si>
    <t>丸協</t>
  </si>
  <si>
    <t>ﾏﾙｷｮｳ</t>
  </si>
  <si>
    <t>さぬき麺のかわふじ</t>
  </si>
  <si>
    <t>ｲｼﾏﾙｾｲﾒﾝ</t>
  </si>
  <si>
    <t>ｾﾄｳﾁｻﾇｷｺｳﾎ</t>
  </si>
  <si>
    <t>半生さぬきうどん</t>
  </si>
  <si>
    <t>石丸製麺</t>
  </si>
  <si>
    <t>ｲｼﾏﾙ</t>
  </si>
  <si>
    <t>麺ファミリー</t>
  </si>
  <si>
    <t>ﾒﾝﾌｧﾐﾘｰ</t>
  </si>
  <si>
    <t>高原通商店</t>
  </si>
  <si>
    <t>ﾀｶﾊﾗﾄﾞｵﾘ</t>
  </si>
  <si>
    <t>北神食糧</t>
  </si>
  <si>
    <t>730g</t>
  </si>
  <si>
    <t>嘉和京</t>
  </si>
  <si>
    <t>ｷﾜｷｮｳ</t>
  </si>
  <si>
    <t>四国物産</t>
  </si>
  <si>
    <t>ｼｺｸﾌﾞｯｻﾝ</t>
  </si>
  <si>
    <t>ｸﾎﾞﾀ</t>
  </si>
  <si>
    <t>藤井製麺</t>
  </si>
  <si>
    <t>ﾌｼﾞｲｾｲﾒﾝ</t>
  </si>
  <si>
    <t>ﾐﾜｿｳﾒﾝ</t>
  </si>
  <si>
    <t>ｾﾝ</t>
  </si>
  <si>
    <t>そうめん</t>
  </si>
  <si>
    <t>讃岐そうめん</t>
  </si>
  <si>
    <t>ｲﾎﾞﾉｲﾄ</t>
  </si>
  <si>
    <t>なつ喜</t>
  </si>
  <si>
    <t>20束</t>
  </si>
  <si>
    <t>たなか物産</t>
  </si>
  <si>
    <t>ﾀﾅｶﾌﾞｯｻﾝ</t>
  </si>
  <si>
    <t>三輪そうめん</t>
  </si>
  <si>
    <t>ﾓﾘｼｮｳ</t>
  </si>
  <si>
    <t>岡山手延素麺</t>
  </si>
  <si>
    <t>ｵｶﾔﾏﾃﾉﾍﾞ</t>
  </si>
  <si>
    <t>マルキ</t>
  </si>
  <si>
    <t>ﾏﾙｷ</t>
  </si>
  <si>
    <t>野村屋</t>
  </si>
  <si>
    <t>ﾉﾑﾗﾔ</t>
  </si>
  <si>
    <t>揖保の糸　手延べ素麺</t>
  </si>
  <si>
    <t>三盛物産</t>
  </si>
  <si>
    <t>ヘルシーフーズ</t>
  </si>
  <si>
    <t>ﾍﾙｼｰﾌｰｽﾞ</t>
  </si>
  <si>
    <t>岡本製麺</t>
  </si>
  <si>
    <t>ｵｶﾓﾄｾｲﾒﾝ</t>
  </si>
  <si>
    <t>カネス製麺</t>
  </si>
  <si>
    <t>小豆島手延素麺協同組合</t>
  </si>
  <si>
    <t>ｼﾏﾉﾋｶﾘ</t>
  </si>
  <si>
    <t>高尾製粉製麺</t>
  </si>
  <si>
    <t>ｼｮｳﾄﾞｼﾏ</t>
  </si>
  <si>
    <t>そば</t>
  </si>
  <si>
    <t>信州そば</t>
  </si>
  <si>
    <t>更科そば</t>
  </si>
  <si>
    <t>長田茶店</t>
  </si>
  <si>
    <t>ﾅｶﾞﾀﾁｬﾐｾ</t>
  </si>
  <si>
    <t>更科そばギフト</t>
  </si>
  <si>
    <t>職人仕立てそばギフト</t>
  </si>
  <si>
    <t>各務製粉</t>
  </si>
  <si>
    <t>780g</t>
  </si>
  <si>
    <t>520g</t>
  </si>
  <si>
    <t>ｶﾈｽｾｲﾒﾝ</t>
  </si>
  <si>
    <t>本田商店</t>
  </si>
  <si>
    <t>ﾎﾝﾀﾞｼｮｳﾃﾝ</t>
  </si>
  <si>
    <t>ﾏﾂｼﾛｿﾊﾞ</t>
  </si>
  <si>
    <t>ラーメン</t>
  </si>
  <si>
    <t>エン・ダイニング</t>
  </si>
  <si>
    <t>ｴﾝﾀﾞｲﾆﾝｸﾞ</t>
  </si>
  <si>
    <t>狩野ジャパン</t>
  </si>
  <si>
    <t>ｶﾘﾉ</t>
  </si>
  <si>
    <t>SSB</t>
  </si>
  <si>
    <t>長崎麺房</t>
  </si>
  <si>
    <t>ﾀﾞｲﾆﾝｸﾞﾐﾕｳ</t>
  </si>
  <si>
    <t>手延べうどん</t>
  </si>
  <si>
    <t>ﾀﾞｲﾆﾝｸﾞﾐｭｳ</t>
  </si>
  <si>
    <t>川上製麺</t>
  </si>
  <si>
    <t>鳥志商店</t>
  </si>
  <si>
    <t>ﾄﾘｼ</t>
  </si>
  <si>
    <t>戸田久</t>
  </si>
  <si>
    <t>ﾄﾀﾞｷｭｳ</t>
  </si>
  <si>
    <t>渡辺製麺</t>
  </si>
  <si>
    <t>菱香</t>
  </si>
  <si>
    <t>ﾘｮｳｶ</t>
  </si>
  <si>
    <t>960g</t>
  </si>
  <si>
    <t>SS</t>
  </si>
  <si>
    <t>640g</t>
  </si>
  <si>
    <t>684g</t>
  </si>
  <si>
    <t>ｼｽﾞｵｶﾁｬ</t>
  </si>
  <si>
    <t>静岡茶</t>
  </si>
  <si>
    <t>佐々木製茶</t>
  </si>
  <si>
    <t>茶匠</t>
  </si>
  <si>
    <t>ｻｼｮｳ</t>
  </si>
  <si>
    <t>幸家</t>
  </si>
  <si>
    <t>ｺｳﾔ</t>
  </si>
  <si>
    <t>宇治の露製茶</t>
  </si>
  <si>
    <t>ｳｼﾞﾉﾂﾕｾｲﾁｬ</t>
  </si>
  <si>
    <t>ホンダ製菓</t>
  </si>
  <si>
    <t>ﾎﾝﾀﾞｾｲｶ</t>
  </si>
  <si>
    <t>山城物産</t>
  </si>
  <si>
    <t>若竹園</t>
  </si>
  <si>
    <t>ﾜｶﾀｹｴﾝ</t>
  </si>
  <si>
    <t>丸勝園</t>
  </si>
  <si>
    <t>ﾏﾙｶﾂｴﾝ</t>
  </si>
  <si>
    <t>キリンビバレッジ</t>
  </si>
  <si>
    <t>ｷﾘﾝﾋﾞﾊﾞﾚｯｼ</t>
  </si>
  <si>
    <t>日向茶業</t>
  </si>
  <si>
    <t>ﾋｭｳｶﾞﾁｬ</t>
  </si>
  <si>
    <t>100g×3P</t>
  </si>
  <si>
    <t>古市製茶</t>
  </si>
  <si>
    <t>銘茶セット</t>
  </si>
  <si>
    <t>宇治香園</t>
  </si>
  <si>
    <t>ｳｼﾞｺｳｴﾝ</t>
  </si>
  <si>
    <t>お茶の秋月園</t>
  </si>
  <si>
    <t>ｵﾁｬﾉｱｷﾂﾞｷ</t>
  </si>
  <si>
    <t>ジェイエイかごしま茶業</t>
  </si>
  <si>
    <t>JAｶｺﾞｼﾏ</t>
  </si>
  <si>
    <t>ますぶち園</t>
  </si>
  <si>
    <t>ﾏｽﾌﾞﾁｴﾝ</t>
  </si>
  <si>
    <t>森山園</t>
  </si>
  <si>
    <t>ﾓﾘﾔﾏｴﾝ</t>
  </si>
  <si>
    <t>油</t>
  </si>
  <si>
    <t>ﾆｯｼﾝｵｲﾘｵ</t>
  </si>
  <si>
    <t>エキストラバージンオリーブオイル</t>
  </si>
  <si>
    <t>オリーブオイルエクストラバージン</t>
  </si>
  <si>
    <t>ﾆﾂｼﾝｵｲﾘｵ</t>
  </si>
  <si>
    <t>オリーブオイル</t>
  </si>
  <si>
    <t>ｷﾝｺﾞﾏﾎﾝﾎﾟ</t>
  </si>
  <si>
    <t>3本</t>
  </si>
  <si>
    <t>そらみつ</t>
  </si>
  <si>
    <t>ｿﾗﾐﾂ</t>
  </si>
  <si>
    <t>花王</t>
  </si>
  <si>
    <t>ｶｵｳ</t>
  </si>
  <si>
    <t>マル勝高田商店</t>
  </si>
  <si>
    <t>ﾏﾙｶﾂﾀｶﾀﾞ</t>
  </si>
  <si>
    <t>キャノーラ油</t>
  </si>
  <si>
    <t>岡村製油</t>
  </si>
  <si>
    <t>ｵｶﾑﾗｾｲﾕ</t>
  </si>
  <si>
    <t>コーン胚芽油</t>
  </si>
  <si>
    <t>九鬼産業</t>
  </si>
  <si>
    <t>ｸｷｻﾝｷﾞｮｳ</t>
  </si>
  <si>
    <t>ボーソー油脂</t>
  </si>
  <si>
    <t>1箱</t>
  </si>
  <si>
    <t>うれし野ラボ</t>
  </si>
  <si>
    <t>ｳﾚｼﾉﾗﾎﾞ</t>
  </si>
  <si>
    <t>６本</t>
  </si>
  <si>
    <t>ﾎｳﾈﾝ</t>
  </si>
  <si>
    <t>柳屋本店</t>
  </si>
  <si>
    <t>ﾔﾅｷﾞﾔﾎﾝﾃﾝ</t>
  </si>
  <si>
    <t>ｻﾝﾖｰ</t>
  </si>
  <si>
    <t>セット</t>
  </si>
  <si>
    <t>1.4kg</t>
  </si>
  <si>
    <t>紅ずわいがにほぐし身</t>
  </si>
  <si>
    <t>デコポン缶詰</t>
  </si>
  <si>
    <t>岩手県産</t>
  </si>
  <si>
    <t>6ｺ</t>
  </si>
  <si>
    <t>クリスターコーポレーション</t>
  </si>
  <si>
    <t>ｸﾘｽﾀｰｺｰﾎﾟ</t>
  </si>
  <si>
    <t>ｲｿｼﾞﾏﾝ</t>
  </si>
  <si>
    <t>磯じまん</t>
  </si>
  <si>
    <t>酒悦</t>
  </si>
  <si>
    <t>ｼｭｴﾂ</t>
  </si>
  <si>
    <t>さけたらこほぐし</t>
  </si>
  <si>
    <t>紅ずわいがに</t>
  </si>
  <si>
    <t>焼鮭ほぐし</t>
  </si>
  <si>
    <t>ﾀｶｷｶｲｿｳ</t>
  </si>
  <si>
    <t>オルソン</t>
  </si>
  <si>
    <t>ｵﾙｿﾝ</t>
  </si>
  <si>
    <t>土川そば</t>
  </si>
  <si>
    <t>手延素麺揖保乃糸上級品</t>
  </si>
  <si>
    <t>ﾀﾂﾐｾｲﾌﾝ</t>
  </si>
  <si>
    <t>ｲｹﾘ</t>
  </si>
  <si>
    <t>RMW-30</t>
  </si>
  <si>
    <t>花山うどん</t>
  </si>
  <si>
    <t>ﾊﾅﾔﾏｳﾄﾞﾝ</t>
  </si>
  <si>
    <t>麺屋吉丁</t>
  </si>
  <si>
    <t>竹市製麺</t>
  </si>
  <si>
    <t>ﾀｶｾ</t>
  </si>
  <si>
    <t>揖保乃糸上級品</t>
  </si>
  <si>
    <t>三輪素麺</t>
  </si>
  <si>
    <t>ｶﾓｶﾞﾜ</t>
  </si>
  <si>
    <t>白石興産</t>
  </si>
  <si>
    <t>ｼﾛｲｼｺｳｻﾝ</t>
  </si>
  <si>
    <t>なごやきしめん亭</t>
  </si>
  <si>
    <t>220g×10</t>
  </si>
  <si>
    <t>半田手延素麺</t>
  </si>
  <si>
    <t>八百秀</t>
  </si>
  <si>
    <t>ﾔｵﾋﾃﾞ</t>
  </si>
  <si>
    <t>サンコク</t>
  </si>
  <si>
    <t>ｻﾝｺｸ</t>
  </si>
  <si>
    <t>やない製麺</t>
  </si>
  <si>
    <t>ﾔﾅｲｾｲﾒﾝ</t>
  </si>
  <si>
    <t>ふるせ</t>
  </si>
  <si>
    <t>ﾌﾙｾ</t>
  </si>
  <si>
    <t>巽製粉</t>
  </si>
  <si>
    <t>島原手延素麺</t>
  </si>
  <si>
    <t>ｲﾘｴｼｮｳﾃﾝ</t>
  </si>
  <si>
    <t>1300g</t>
  </si>
  <si>
    <t>無限堂</t>
  </si>
  <si>
    <t>ｲｹﾀﾞ</t>
  </si>
  <si>
    <t>池利</t>
  </si>
  <si>
    <t>尾道ラーメン</t>
  </si>
  <si>
    <t>阿藻珍味</t>
  </si>
  <si>
    <t>小野製麺</t>
  </si>
  <si>
    <t>かも川手延素麺</t>
  </si>
  <si>
    <t>ｶﾓｶﾞﾜﾃﾉﾍﾞ</t>
  </si>
  <si>
    <t>五色そうめん株式会社森川</t>
  </si>
  <si>
    <t>ｺﾞｼｷｿｳﾒﾝ</t>
  </si>
  <si>
    <t>ｶﾈｽ</t>
  </si>
  <si>
    <t>島原手延べそうめん</t>
  </si>
  <si>
    <t>自然芋そば</t>
  </si>
  <si>
    <t>白石</t>
  </si>
  <si>
    <t>ｼﾗｲｼ</t>
  </si>
  <si>
    <t>ﾀﾅﾋﾞｷｾｲﾒﾝ</t>
  </si>
  <si>
    <t>後文</t>
  </si>
  <si>
    <t>ｺﾞﾌﾞﾝ</t>
  </si>
  <si>
    <t>三輪そうめん山本</t>
  </si>
  <si>
    <t>マルツネ</t>
  </si>
  <si>
    <t>ﾏﾙﾂﾈ</t>
  </si>
  <si>
    <t>釜揚げうどん</t>
  </si>
  <si>
    <t>乾物</t>
  </si>
  <si>
    <t>海苔</t>
  </si>
  <si>
    <t>白子味のり</t>
  </si>
  <si>
    <t>柳川海苔本舗</t>
  </si>
  <si>
    <t>ﾔﾅｶﾞﾜﾉﾘ</t>
  </si>
  <si>
    <t>岩崎食品</t>
  </si>
  <si>
    <t>ｲﾜｻｷ</t>
  </si>
  <si>
    <t>地のり</t>
  </si>
  <si>
    <t>福徳海苔</t>
  </si>
  <si>
    <t>ﾌｸﾄｸﾉﾘ</t>
  </si>
  <si>
    <t>椎茸</t>
  </si>
  <si>
    <t>トーカン</t>
  </si>
  <si>
    <t>ﾄｰｶﾝ</t>
  </si>
  <si>
    <t>大分産椎茸どんこ</t>
  </si>
  <si>
    <t>磯美人</t>
  </si>
  <si>
    <t>ｲｿﾋﾞｼﾞﾝ</t>
  </si>
  <si>
    <t>100p</t>
  </si>
  <si>
    <t>山形屋商店</t>
  </si>
  <si>
    <t>ｶﾙﾋﾟｽ</t>
  </si>
  <si>
    <t>アサヒ飲料</t>
  </si>
  <si>
    <t>ﾄﾞﾄｰﾙ</t>
  </si>
  <si>
    <t>ｵｶﾞﾜｺｰﾋｰ</t>
  </si>
  <si>
    <t>小川珈琲</t>
  </si>
  <si>
    <t>伊藤園</t>
  </si>
  <si>
    <t>日本コカ・コーラ</t>
  </si>
  <si>
    <t>ｺｶ･ｺｰﾗ</t>
  </si>
  <si>
    <t>ﾆﾎﾝﾃﾞﾙﾓﾝﾃ</t>
  </si>
  <si>
    <t>宮崎県経済農業協同組合連合会</t>
  </si>
  <si>
    <t>160g×3</t>
  </si>
  <si>
    <t>ぜんざい</t>
  </si>
  <si>
    <t>ﾊﾔｼｶﾈ</t>
  </si>
  <si>
    <t>ﾌﾞﾗﾝﾄﾞ</t>
  </si>
  <si>
    <t>ｼﾞﾝﾁｭｳ</t>
  </si>
  <si>
    <t>ｲﾄｳﾁｭｳ</t>
  </si>
  <si>
    <t>ヤチヨ</t>
  </si>
  <si>
    <t>陣中</t>
  </si>
  <si>
    <t>丹波農産</t>
  </si>
  <si>
    <t>11個</t>
  </si>
  <si>
    <t>ｲﾑﾗﾔ</t>
  </si>
  <si>
    <t>榮太樓總本鋪</t>
  </si>
  <si>
    <t>ｴｲﾀﾛｳ</t>
  </si>
  <si>
    <t>DS-15</t>
  </si>
  <si>
    <t>ブルボン</t>
  </si>
  <si>
    <t>ﾌﾞﾙﾎﾞﾝ</t>
  </si>
  <si>
    <t>林兼産業</t>
  </si>
  <si>
    <t>お茶漬けふりかけせっと</t>
  </si>
  <si>
    <t>ﾔﾏｻﾞｷ</t>
  </si>
  <si>
    <t>ベストプラネット</t>
  </si>
  <si>
    <t>ﾍﾞｽﾄﾌﾟﾗﾈｯﾄ</t>
  </si>
  <si>
    <t>六甲バター</t>
  </si>
  <si>
    <t>ﾛｯｺｳﾊﾞﾀｰ</t>
  </si>
  <si>
    <t>三田屋総本家</t>
  </si>
  <si>
    <t>金澤兼六製菓</t>
  </si>
  <si>
    <t>ばらえてぃせっと</t>
  </si>
  <si>
    <t>聘珍樓</t>
  </si>
  <si>
    <t>中山製菓</t>
  </si>
  <si>
    <t>ﾅｶﾔﾏｾｲｶ</t>
  </si>
  <si>
    <t>丸将木曽路家</t>
  </si>
  <si>
    <t>福さ屋</t>
  </si>
  <si>
    <t>金市商店</t>
  </si>
  <si>
    <t>ｶﾈｲﾁｼｮｳﾃﾝ</t>
  </si>
  <si>
    <t>セイカ食品</t>
  </si>
  <si>
    <t>ﾀｶｷｶｲｿｳﾃﾝ</t>
  </si>
  <si>
    <t>米沢牛黄木</t>
  </si>
  <si>
    <t>日新蜂蜜</t>
  </si>
  <si>
    <t>ﾆｯｼﾝﾊﾁﾐﾂ</t>
  </si>
  <si>
    <t>恵比寿製菓</t>
  </si>
  <si>
    <t>静岡茶地元詰め</t>
  </si>
  <si>
    <t>全国ラーメン</t>
  </si>
  <si>
    <t>フライドオニオン</t>
  </si>
  <si>
    <t>キューネ</t>
  </si>
  <si>
    <t>ｷｭｰﾈ</t>
  </si>
  <si>
    <t>16枚</t>
  </si>
  <si>
    <t>瀧定大阪</t>
  </si>
  <si>
    <t>55ｇ</t>
  </si>
  <si>
    <t>ﾅｶﾑﾗ</t>
  </si>
  <si>
    <t>ﾌｳｹﾞﾂ</t>
  </si>
  <si>
    <t>2ｋｇ</t>
  </si>
  <si>
    <t>16個入</t>
  </si>
  <si>
    <t>ギフト処分</t>
  </si>
  <si>
    <t>利久</t>
  </si>
  <si>
    <t>ﾅｶﾓﾘﾔ</t>
  </si>
  <si>
    <t>水ようかん</t>
  </si>
  <si>
    <t>100g×8</t>
  </si>
  <si>
    <t>ココナッツミルク</t>
  </si>
  <si>
    <t>シキシマ</t>
  </si>
  <si>
    <t>ｼｷｼﾏ</t>
  </si>
  <si>
    <t>コンソメ</t>
  </si>
  <si>
    <t>YA-50</t>
  </si>
  <si>
    <t>BF</t>
  </si>
  <si>
    <t>リンガーハット長崎ちゃんぽん</t>
  </si>
  <si>
    <t>YA-30</t>
  </si>
  <si>
    <t>ﾐﾂｲｼ</t>
  </si>
  <si>
    <t>カットトマト</t>
  </si>
  <si>
    <t>朝日</t>
  </si>
  <si>
    <t>ｱｻﾋC</t>
  </si>
  <si>
    <t>ｱｼｽﾄ</t>
  </si>
  <si>
    <t>ﾎﾆﾎ</t>
  </si>
  <si>
    <t>三輪里山</t>
  </si>
  <si>
    <t>白亜ダイシン</t>
  </si>
  <si>
    <t>ｶｲｼﾝ</t>
  </si>
  <si>
    <t>大忠商興</t>
  </si>
  <si>
    <t>伊勢製餡所</t>
  </si>
  <si>
    <t>ｲｾｾｲｱﾝｼﾞｮ</t>
  </si>
  <si>
    <t>蟹の缶詰め</t>
  </si>
  <si>
    <t>旨辛ラー油</t>
  </si>
  <si>
    <t>サンフーズ</t>
  </si>
  <si>
    <t>3号</t>
  </si>
  <si>
    <t>12枚</t>
  </si>
  <si>
    <t>ｾﾝｼﾞｭ</t>
  </si>
  <si>
    <t>ｲﾄｳｴﾝ</t>
  </si>
  <si>
    <t>920g</t>
  </si>
  <si>
    <t>マキシムエスプレッソロースト</t>
  </si>
  <si>
    <t>井ケ田製茶</t>
  </si>
  <si>
    <t>ｲｹﾞﾀｾｲﾁｬ</t>
  </si>
  <si>
    <t>グリンピース</t>
  </si>
  <si>
    <t>4号缶</t>
  </si>
  <si>
    <t>12個</t>
  </si>
  <si>
    <t>ｷﾝｼﾞｮｳ</t>
  </si>
  <si>
    <t>まろやか仕立てミルクココア</t>
  </si>
  <si>
    <t>銀座京極堂</t>
  </si>
  <si>
    <t>ｷｮｳｺﾞｸﾄﾞｳ</t>
  </si>
  <si>
    <t>ケンミン食品</t>
  </si>
  <si>
    <t>ｹﾝﾐﾝ</t>
  </si>
  <si>
    <t>テイスティドレッシング和風</t>
  </si>
  <si>
    <t>クォーター</t>
  </si>
  <si>
    <t>ミートソースマッシュルーム</t>
  </si>
  <si>
    <t>7号缶</t>
  </si>
  <si>
    <t>ノンオイル梅づくし</t>
  </si>
  <si>
    <t>ゼロノンコレステロール</t>
  </si>
  <si>
    <t>ハニーマスタードソース</t>
  </si>
  <si>
    <t>和風ごまドレッシング</t>
  </si>
  <si>
    <t>中華ドレッシング</t>
  </si>
  <si>
    <t>5枚入</t>
  </si>
  <si>
    <t>10枚入</t>
  </si>
  <si>
    <t>杉本屋製菓</t>
  </si>
  <si>
    <t>15個</t>
  </si>
  <si>
    <t>天恵製菓</t>
  </si>
  <si>
    <t>ﾃﾝｹｲ</t>
  </si>
  <si>
    <t>18個</t>
  </si>
  <si>
    <t>竹下製茶</t>
  </si>
  <si>
    <t>ﾀｹｼﾀｾｲﾁｬ</t>
  </si>
  <si>
    <t>エム・シー・フーズ</t>
  </si>
  <si>
    <t>マヨドレ</t>
  </si>
  <si>
    <t>5号缶</t>
  </si>
  <si>
    <t>８本</t>
  </si>
  <si>
    <t>ゆであずき</t>
  </si>
  <si>
    <t>5g×50</t>
  </si>
  <si>
    <t>森永乳業</t>
  </si>
  <si>
    <t>ﾓﾘﾅｶﾞ</t>
  </si>
  <si>
    <t>ゆで小豆</t>
  </si>
  <si>
    <t>T2</t>
  </si>
  <si>
    <t>ﾏﾙﾖﾈ</t>
  </si>
  <si>
    <t>3号缶</t>
  </si>
  <si>
    <t>2号缶</t>
  </si>
  <si>
    <t>かつおパック</t>
  </si>
  <si>
    <t>1号</t>
  </si>
  <si>
    <t>2号</t>
  </si>
  <si>
    <t>20個</t>
  </si>
  <si>
    <t>リボン</t>
  </si>
  <si>
    <t>ﾘﾎﾞﾝ</t>
  </si>
  <si>
    <t>タケサンフーズ</t>
  </si>
  <si>
    <t>ﾄｸｼﾏｾｲﾌﾝ</t>
  </si>
  <si>
    <t>150g×2</t>
  </si>
  <si>
    <t>ミタカ</t>
  </si>
  <si>
    <t>ﾐﾀｶ</t>
  </si>
  <si>
    <t>京都茶農業協同組合</t>
  </si>
  <si>
    <t>ｷﾈｼｮｳ</t>
  </si>
  <si>
    <t>八女茶</t>
  </si>
  <si>
    <t>サマーコレクション</t>
  </si>
  <si>
    <t>緑東園</t>
  </si>
  <si>
    <t>ｻﾝﾄﾘｰ</t>
  </si>
  <si>
    <t>寿力物産</t>
  </si>
  <si>
    <t>ﾋｻﾘｷ</t>
  </si>
  <si>
    <t>4号</t>
  </si>
  <si>
    <t>味の海翁堂</t>
  </si>
  <si>
    <t>信州戸隠そば</t>
  </si>
  <si>
    <t>ｲﾘｴ</t>
  </si>
  <si>
    <t>入江商店</t>
  </si>
  <si>
    <t>ゆかり屋本舗</t>
  </si>
  <si>
    <t>ﾀｶﾑﾗｴﾝ</t>
  </si>
  <si>
    <t>ピエトロ</t>
  </si>
  <si>
    <t>ﾋﾟｴﾄﾛ</t>
  </si>
  <si>
    <t>ｴﾑｼｰﾋﾞﾊﾞﾚｯ</t>
  </si>
  <si>
    <t>12個入</t>
  </si>
  <si>
    <t>8ｺ</t>
  </si>
  <si>
    <t>6個入</t>
  </si>
  <si>
    <t>冨士製餡工業</t>
  </si>
  <si>
    <t>明和</t>
  </si>
  <si>
    <t>エースベーカリー</t>
  </si>
  <si>
    <t>ｴｰｽﾍﾞｰｶﾘｰ</t>
  </si>
  <si>
    <t>ｵﾆｼ</t>
  </si>
  <si>
    <t>クリカンロニ</t>
  </si>
  <si>
    <t>コールスロードレッシング</t>
  </si>
  <si>
    <t>ケンコ－マヨネ－ズ</t>
  </si>
  <si>
    <t>ｹﾝｺｰﾏﾖﾈｰｽﾞ</t>
  </si>
  <si>
    <t>田舎味のそば</t>
  </si>
  <si>
    <t>島原素麺</t>
  </si>
  <si>
    <t>冷やしぜんざい</t>
  </si>
  <si>
    <t>2個入り</t>
  </si>
  <si>
    <t>ノンオイル青じそドレッシング</t>
  </si>
  <si>
    <t>ホテルマヨネーズ</t>
  </si>
  <si>
    <t>丸和油脂</t>
  </si>
  <si>
    <t>島原そうめん</t>
  </si>
  <si>
    <t>静岡銘茶詰合せ</t>
  </si>
  <si>
    <t>スイ－トカフェタイム</t>
  </si>
  <si>
    <t>万亀</t>
  </si>
  <si>
    <t>ﾏﾝｶﾞﾒ</t>
  </si>
  <si>
    <t>１２０ｇ</t>
  </si>
  <si>
    <t>グレープシードオイル</t>
  </si>
  <si>
    <t>切り餅</t>
  </si>
  <si>
    <t>ｱｲﾘｽﾌ-ｽﾞ</t>
  </si>
  <si>
    <t>ｱｲﾘｽﾌｰｽﾞ</t>
  </si>
  <si>
    <t>越後製菓</t>
  </si>
  <si>
    <t>ｴﾁｺﾞｾｲｶ</t>
  </si>
  <si>
    <t>きむら食品</t>
  </si>
  <si>
    <t>ｳｻｷﾞﾓﾁ</t>
  </si>
  <si>
    <t>佐藤食品工業</t>
  </si>
  <si>
    <t>ｻﾄｳｼｮｸﾋﾝ</t>
  </si>
  <si>
    <t>352g</t>
  </si>
  <si>
    <t>たいまつ食品</t>
  </si>
  <si>
    <t>350ｇ</t>
  </si>
  <si>
    <t>マルシン食品</t>
  </si>
  <si>
    <t>ﾏﾙｼﾝ</t>
  </si>
  <si>
    <t>ﾏﾙｼﾝｼｮｸﾋﾝ</t>
  </si>
  <si>
    <t>２５０ｇ</t>
  </si>
  <si>
    <t>６６ｇ</t>
  </si>
  <si>
    <t>ﾀｲﾏﾂ</t>
  </si>
  <si>
    <t>ｷﾑﾗｼｮｸﾋﾝ</t>
  </si>
  <si>
    <t>あづさ食品工房</t>
  </si>
  <si>
    <t>野島製菓</t>
  </si>
  <si>
    <t>丸善</t>
  </si>
  <si>
    <t>ﾏﾙｾﾞﾝ</t>
  </si>
  <si>
    <t>木村食品</t>
  </si>
  <si>
    <t>ﾀｲﾏﾂｼｮｸﾋﾝ</t>
  </si>
  <si>
    <t>城北麺工</t>
  </si>
  <si>
    <t>ｼﾞｮｳﾎｸﾒﾝｺｳ</t>
  </si>
  <si>
    <t>ｴﾁｺﾞ</t>
  </si>
  <si>
    <t>66G</t>
  </si>
  <si>
    <t>丸餅</t>
  </si>
  <si>
    <t>６０ｇ</t>
  </si>
  <si>
    <t>165ｇ</t>
  </si>
  <si>
    <t>495g</t>
  </si>
  <si>
    <t>３３０ｇ</t>
  </si>
  <si>
    <t>２４０ｇ</t>
  </si>
  <si>
    <t>396g</t>
  </si>
  <si>
    <t>東福岡米穀協同組合</t>
  </si>
  <si>
    <t>ﾋｶﾞｼﾌｸｵｶ</t>
  </si>
  <si>
    <t>3600g</t>
  </si>
  <si>
    <t>杵屋本舗</t>
  </si>
  <si>
    <t>ｸｾﾞ</t>
  </si>
  <si>
    <t>2個</t>
  </si>
  <si>
    <t>ｻﾄｳ</t>
  </si>
  <si>
    <t>ｶﾅｴ</t>
  </si>
  <si>
    <t>富士食品</t>
  </si>
  <si>
    <t>ｺﾊﾞﾔｼｼｮｳﾃﾝ</t>
  </si>
  <si>
    <t>久世食品工業</t>
  </si>
  <si>
    <t>１３２ｇ</t>
  </si>
  <si>
    <t>ﾀｶﾉ</t>
  </si>
  <si>
    <t>高橋フーズ</t>
  </si>
  <si>
    <t>210G</t>
  </si>
  <si>
    <t>ｷﾑﾗ</t>
  </si>
  <si>
    <t>1100g</t>
  </si>
  <si>
    <t>198g</t>
  </si>
  <si>
    <t>297G</t>
  </si>
  <si>
    <t>132G</t>
  </si>
  <si>
    <t>桑野食品工業</t>
  </si>
  <si>
    <t>ｸﾜﾉｼｮｸﾋﾝ</t>
  </si>
  <si>
    <t>87G</t>
  </si>
  <si>
    <t>145G</t>
  </si>
  <si>
    <t>マエダ</t>
  </si>
  <si>
    <t>ﾏｴﾀﾞ</t>
  </si>
  <si>
    <t>ごはん・おかゆ・餅</t>
  </si>
  <si>
    <t>餅</t>
  </si>
  <si>
    <t>白もち</t>
  </si>
  <si>
    <t>～400g</t>
  </si>
  <si>
    <t>もち１個</t>
  </si>
  <si>
    <t>生きりもち</t>
  </si>
  <si>
    <t>生切り餅小さめ</t>
  </si>
  <si>
    <t>国産切り餅　シングルパック</t>
  </si>
  <si>
    <t>ディズニーツムツム　生切りもち</t>
  </si>
  <si>
    <t>低温製法米の生丸餅</t>
  </si>
  <si>
    <t>４００g</t>
  </si>
  <si>
    <t>アイリスしゃぶしゃぶ餅180g</t>
  </si>
  <si>
    <t>ディズニーツムツム生きりもち</t>
  </si>
  <si>
    <t>低温製法米の生切り餅ハーフカット</t>
  </si>
  <si>
    <t>４００ｇ</t>
  </si>
  <si>
    <t>宮城県産みやこがねもち</t>
  </si>
  <si>
    <t>ディズニー生きりもち</t>
  </si>
  <si>
    <t>ちびまるもち</t>
  </si>
  <si>
    <t>Ｄｒ．Ａ′Ｌｉｎｅｓ</t>
  </si>
  <si>
    <t>生切り餅</t>
  </si>
  <si>
    <t>まるこう食品</t>
  </si>
  <si>
    <t>越後製菓1/2サイズ切りもち</t>
  </si>
  <si>
    <t>高山もち</t>
  </si>
  <si>
    <t>生一番切りもち</t>
  </si>
  <si>
    <t>うさぎもち切り餅一切れ</t>
  </si>
  <si>
    <t>きむら　うさぎ切り餅一切れパック</t>
  </si>
  <si>
    <t>うさぎ丸餅一切パック</t>
  </si>
  <si>
    <t>杵つきおもち</t>
  </si>
  <si>
    <t>日の出屋製菓産業</t>
  </si>
  <si>
    <t>ﾋﾉﾃﾞﾔｾｲｶ</t>
  </si>
  <si>
    <t>400g杵つきおもち</t>
  </si>
  <si>
    <t>ﾋﾉﾃﾞﾔ</t>
  </si>
  <si>
    <t>たいまつ　杵つき餅おひとつパック</t>
  </si>
  <si>
    <t>たいまつもちピザシート</t>
  </si>
  <si>
    <t>小さめカットのおもち</t>
  </si>
  <si>
    <t>たいまつ食べやすカットのおもち</t>
  </si>
  <si>
    <t>生切り餅シングルパック</t>
  </si>
  <si>
    <t>生きねつき餅</t>
  </si>
  <si>
    <t>もち福</t>
  </si>
  <si>
    <t>ｸｾﾞｼｮｸﾋﾝ</t>
  </si>
  <si>
    <t>小判もち</t>
  </si>
  <si>
    <t>杵つき切りもち</t>
  </si>
  <si>
    <t>へそ餅</t>
  </si>
  <si>
    <t>フジワンタン本舗</t>
  </si>
  <si>
    <t>ｷｸﾂｷﾎﾝﾃﾝ</t>
  </si>
  <si>
    <t>キリモチシングルパック４００</t>
  </si>
  <si>
    <t>サトウの切り餅</t>
  </si>
  <si>
    <t>切り餅めんけもち</t>
  </si>
  <si>
    <t>純情もちシングルパック</t>
  </si>
  <si>
    <t>切り餅シングルパック</t>
  </si>
  <si>
    <t>佐藤食品　切り餅　特別栽培米ヒメノモチ　４００ｇ</t>
  </si>
  <si>
    <t>切り餅パリッとスリット</t>
  </si>
  <si>
    <t>サトウの切り餅_至高の餅_新潟県魚沼産こがねもち</t>
  </si>
  <si>
    <t>サトウの切り餅至高の餅</t>
  </si>
  <si>
    <t>佐藤食品　切り餅こぶりにしました。</t>
  </si>
  <si>
    <t>切り餅迎春パリッとスリット</t>
  </si>
  <si>
    <t>まる餅至高の餅魚沼こがね</t>
  </si>
  <si>
    <t>切り餅シングルパックミニ</t>
  </si>
  <si>
    <t>まる餅シングルパックミニ</t>
  </si>
  <si>
    <t>まる餅シングルパック</t>
  </si>
  <si>
    <t>サトウの切り餅乳酸菌プラス</t>
  </si>
  <si>
    <t>特別栽培米新潟県産こがねもち</t>
  </si>
  <si>
    <t>サトウの切り餅乳酸菌プラスSPY×FAMILYデザインパッケージ</t>
  </si>
  <si>
    <t>新鮮生切り餅</t>
  </si>
  <si>
    <t>藤永製菓</t>
  </si>
  <si>
    <t>ﾌｼﾞﾅｶﾞ</t>
  </si>
  <si>
    <t>朝のおもち</t>
  </si>
  <si>
    <t>まるもち１個パック</t>
  </si>
  <si>
    <t>前原製粉</t>
  </si>
  <si>
    <t>ﾏｴﾊﾞﾗ</t>
  </si>
  <si>
    <t>切り餅１個パック</t>
  </si>
  <si>
    <t>プチまるもち</t>
  </si>
  <si>
    <t>熊本丸餅</t>
  </si>
  <si>
    <t>ﾅｶﾞﾓﾁ</t>
  </si>
  <si>
    <t>義士　島根県産水稲もち使用　杵つきまる餅</t>
  </si>
  <si>
    <t>ﾏｴﾊﾗｾｲﾌﾝ</t>
  </si>
  <si>
    <t>まるもち</t>
  </si>
  <si>
    <t>もちもち</t>
  </si>
  <si>
    <t>シングルパック福ふくもち</t>
  </si>
  <si>
    <t>切り餅４００ｇ</t>
  </si>
  <si>
    <t>マルヨシ</t>
  </si>
  <si>
    <t>山木食品工業</t>
  </si>
  <si>
    <t>ﾔﾏｷｼｮｸﾋﾝ</t>
  </si>
  <si>
    <t>401g～1000g</t>
  </si>
  <si>
    <t>生切り餅もち米１００％</t>
  </si>
  <si>
    <t>ｷﾈﾔ</t>
  </si>
  <si>
    <t>杵搗き_こがね餅</t>
  </si>
  <si>
    <t>百萬粒</t>
  </si>
  <si>
    <t>ﾋｬｸﾏﾝﾂﾌﾞ</t>
  </si>
  <si>
    <t>もち</t>
  </si>
  <si>
    <t>お餅　徳用</t>
  </si>
  <si>
    <t>徳用餅</t>
  </si>
  <si>
    <t>鏡餅解体品</t>
  </si>
  <si>
    <t>低温製法米生きりもち2個セット</t>
  </si>
  <si>
    <t>切りもち</t>
  </si>
  <si>
    <t>ハーベスト</t>
  </si>
  <si>
    <t>ﾊｰﾍﾞｽﾄ</t>
  </si>
  <si>
    <t>杵つき餅シングルパック</t>
  </si>
  <si>
    <t>ナマキリモチ</t>
  </si>
  <si>
    <t>ひかり食品</t>
  </si>
  <si>
    <t>ﾋｶﾘｼｮｸﾋﾝ</t>
  </si>
  <si>
    <t>杵つき生丸もち</t>
  </si>
  <si>
    <t>九州食糧</t>
  </si>
  <si>
    <t>ｷｭｳｼｭｳｼｮｸﾘ</t>
  </si>
  <si>
    <t>生切りもち</t>
  </si>
  <si>
    <t>ｱｷﾀ</t>
  </si>
  <si>
    <t>きりもち</t>
  </si>
  <si>
    <t>ケイズブリッジ</t>
  </si>
  <si>
    <t>ｹｲｽﾞﾌﾞﾘｯｼﾞ</t>
  </si>
  <si>
    <t>切り餅バラ</t>
  </si>
  <si>
    <t>アクト中食</t>
  </si>
  <si>
    <t>JFN</t>
  </si>
  <si>
    <t>バラ切り餅</t>
  </si>
  <si>
    <t>純にほん国内産水稲もち米シングルパック</t>
  </si>
  <si>
    <t>グッドラストコーポレーション</t>
  </si>
  <si>
    <t>切り餅　バラ</t>
  </si>
  <si>
    <t>グッドラストコーポレーション（同）</t>
  </si>
  <si>
    <t>国内産水稲もち米シングルパック</t>
  </si>
  <si>
    <t>純にほんシングルパック切り餅</t>
  </si>
  <si>
    <t>もっちり生きりもち個包装</t>
  </si>
  <si>
    <t>国産切り餅シングルパック</t>
  </si>
  <si>
    <t>生切餅バラ</t>
  </si>
  <si>
    <t>低温製法米生きりもち</t>
  </si>
  <si>
    <t>国産生切り餅個包装</t>
  </si>
  <si>
    <t>アイリス低温製法米の生まるもち個包装1kg</t>
  </si>
  <si>
    <t>魚沼こがね切り餅</t>
  </si>
  <si>
    <t>低温製法米の大判丸餅</t>
  </si>
  <si>
    <t>ﾁｶﾗﾓﾁﾎﾝﾎﾟ</t>
  </si>
  <si>
    <t>北日本せいふん</t>
  </si>
  <si>
    <t>ｷﾀﾆﾎﾝｾｲﾌﾝ</t>
  </si>
  <si>
    <t>特選切り餅</t>
  </si>
  <si>
    <t>金印_切り餅</t>
  </si>
  <si>
    <t>杵つき餅ｼﾝｸﾞﾙﾊﾟｯｸ</t>
  </si>
  <si>
    <t>アレス_生切り餅</t>
  </si>
  <si>
    <t>アレス</t>
  </si>
  <si>
    <t>ｱﾚｽ</t>
  </si>
  <si>
    <t>まるでつきたて餅きりもち</t>
  </si>
  <si>
    <t>生一番魚沼産こがね餅</t>
  </si>
  <si>
    <t>飛騨高山餅</t>
  </si>
  <si>
    <t>越後製菓　生一番　きりもち　袋８００ｇ</t>
  </si>
  <si>
    <t>まるでつきたて餅まるもち</t>
  </si>
  <si>
    <t>生切り餅一切れパック</t>
  </si>
  <si>
    <t>ふるさと餅</t>
  </si>
  <si>
    <t>キネツキモチ</t>
  </si>
  <si>
    <t>キリモチイチバン</t>
  </si>
  <si>
    <t>田舎丸もち</t>
  </si>
  <si>
    <t>600ｇ</t>
  </si>
  <si>
    <t>ｳｻｷﾞ</t>
  </si>
  <si>
    <t>うすい切り餅一切れパック</t>
  </si>
  <si>
    <t>福岡県産特別栽培ひよく切餅</t>
  </si>
  <si>
    <t>うさぎ一切れパック切り餅</t>
  </si>
  <si>
    <t>うさぎ切り餅一切れパック</t>
  </si>
  <si>
    <t>うさぎもち福岡県産特別栽培ひよく切餅</t>
  </si>
  <si>
    <t>うさぎ　生切もち</t>
  </si>
  <si>
    <t>こがね切り餅一切れパック</t>
  </si>
  <si>
    <t>うさぎ　一切パック丸もち</t>
  </si>
  <si>
    <t>うさぎもち福岡県産特別栽培ひよく丸もち</t>
  </si>
  <si>
    <t>うさぎ一切れパック丸もち</t>
  </si>
  <si>
    <t>杵つきお餅</t>
  </si>
  <si>
    <t>杵つきもちおひとつパック</t>
  </si>
  <si>
    <t>杵つきもちおひとつパック丸</t>
  </si>
  <si>
    <t>お好みもち徳用パック</t>
  </si>
  <si>
    <t>杵つきもち袋</t>
  </si>
  <si>
    <t>たいまつ国内産杵つきもち</t>
  </si>
  <si>
    <t>切り餅おひとつパック</t>
  </si>
  <si>
    <t>550ｇ</t>
  </si>
  <si>
    <t>新潟県産特別栽培こがねもち</t>
  </si>
  <si>
    <t>魚沼こがねもち</t>
  </si>
  <si>
    <t>村松育ちこがねもち</t>
  </si>
  <si>
    <t>東北産杵つきもち800g</t>
  </si>
  <si>
    <t>丸小餅</t>
  </si>
  <si>
    <t>双葉洋行</t>
  </si>
  <si>
    <t>ﾌﾀﾊﾞﾖｳｺｳ</t>
  </si>
  <si>
    <t>生餅</t>
  </si>
  <si>
    <t>丸生餅</t>
  </si>
  <si>
    <t>生切もちシングルパック</t>
  </si>
  <si>
    <t>日本もち</t>
  </si>
  <si>
    <t>ｷﾀﾑﾗｴﾝ</t>
  </si>
  <si>
    <t>里の餅もち米100%</t>
  </si>
  <si>
    <t>大新食品</t>
  </si>
  <si>
    <t>ﾀﾞｲｼﾝｼｮｸﾋﾝ</t>
  </si>
  <si>
    <t>宝もち</t>
  </si>
  <si>
    <t>田舎のもち</t>
  </si>
  <si>
    <t>ﾀｶﾊｼﾌｰｽﾞ</t>
  </si>
  <si>
    <t>ほてもち</t>
  </si>
  <si>
    <t>杵つき_生きり餅</t>
  </si>
  <si>
    <t>東京もち</t>
  </si>
  <si>
    <t>ﾄｳｷｮｳﾓﾁ</t>
  </si>
  <si>
    <t>白寿もち　５００Ｇ</t>
  </si>
  <si>
    <t>白寿もち</t>
  </si>
  <si>
    <t>しあわせもち</t>
  </si>
  <si>
    <t>杵つきまるこ餅</t>
  </si>
  <si>
    <t>宮城製粉</t>
  </si>
  <si>
    <t>ﾐﾔｷﾞｾｲﾌﾝ</t>
  </si>
  <si>
    <t>のし餅白5合</t>
  </si>
  <si>
    <t>和平</t>
  </si>
  <si>
    <t>ﾜﾍｲ</t>
  </si>
  <si>
    <t>仁多　杵つき餅</t>
  </si>
  <si>
    <t>井上醤油店</t>
  </si>
  <si>
    <t>ｲﾉｳｴｼｮｳﾕ</t>
  </si>
  <si>
    <t>ﾐﾁﾉｸ</t>
  </si>
  <si>
    <t>梅澤　生切もち</t>
  </si>
  <si>
    <t>ﾊ-ﾄﾌﾙ</t>
  </si>
  <si>
    <t>キネツキマルモチ</t>
  </si>
  <si>
    <t>吉田ふるさと村</t>
  </si>
  <si>
    <t>小餅</t>
  </si>
  <si>
    <t>小島製菓</t>
  </si>
  <si>
    <t>ｺｼﾞﾏｾｲｶ</t>
  </si>
  <si>
    <t>もち娘１個パック</t>
  </si>
  <si>
    <t>もち娘生切りもち</t>
  </si>
  <si>
    <t>540g</t>
  </si>
  <si>
    <t>生切り餅一切包装</t>
  </si>
  <si>
    <t>切り餅　シングルパック</t>
  </si>
  <si>
    <t>切り餅　よかもち</t>
  </si>
  <si>
    <t>めんけもち</t>
  </si>
  <si>
    <t>サトウの切り餅パリッとスリット</t>
  </si>
  <si>
    <t>切り餅　徳用杵つきもち</t>
  </si>
  <si>
    <t>切り餅オール北海道</t>
  </si>
  <si>
    <t>丸餅シングルパック</t>
  </si>
  <si>
    <t>丸餅　よかもち</t>
  </si>
  <si>
    <t>国内産１００％杵つき生丸もち</t>
  </si>
  <si>
    <t>火乃国食品工業</t>
  </si>
  <si>
    <t>ﾋﾉｸﾆ</t>
  </si>
  <si>
    <t>火の国生切り餅</t>
  </si>
  <si>
    <t>切り餅　個包装</t>
  </si>
  <si>
    <t>メイスイキリモチ</t>
  </si>
  <si>
    <t>純生切もちシングルパック</t>
  </si>
  <si>
    <t>純生切もち</t>
  </si>
  <si>
    <t>義士鳥取県産もち米使用生まるもち</t>
  </si>
  <si>
    <t>まる餅</t>
  </si>
  <si>
    <t>ﾏﾙｺﾞ</t>
  </si>
  <si>
    <t>日本の餅</t>
  </si>
  <si>
    <t>シングルパック越後餅</t>
  </si>
  <si>
    <t>福ふく餅国内産もち米100%</t>
  </si>
  <si>
    <t>福ふくもちまる餅</t>
  </si>
  <si>
    <t>食品北海道産きねつき餅</t>
  </si>
  <si>
    <t>ヤマタカフーズ</t>
  </si>
  <si>
    <t>ﾔﾏﾀｶﾌ-ｽﾞ</t>
  </si>
  <si>
    <t>真空斗棒餅白餅</t>
  </si>
  <si>
    <t>斗棒餅白餅</t>
  </si>
  <si>
    <t>1001g以上</t>
  </si>
  <si>
    <t>佐藤食品　サトウの丸餅シングルパック　１ｋｇ　２個セット</t>
  </si>
  <si>
    <t>サトウの切り餅2個セット</t>
  </si>
  <si>
    <t>1000g×2P</t>
  </si>
  <si>
    <t>国産低温製法もち米　生切り餅シングルパック</t>
  </si>
  <si>
    <t>国産低温製法米の生きりもち個包装</t>
  </si>
  <si>
    <t>低温製法国産もち米生きりもち</t>
  </si>
  <si>
    <t>たいまつ切り餅おひとつパック徳用</t>
  </si>
  <si>
    <t>11kg</t>
  </si>
  <si>
    <t>丸餅　おひとつパック　徳用</t>
  </si>
  <si>
    <t>1.1kg</t>
  </si>
  <si>
    <t>たいまつ　杵つきもち増量</t>
  </si>
  <si>
    <t>のし餅白1升</t>
  </si>
  <si>
    <t>15kg</t>
  </si>
  <si>
    <t>サトウの切り餅徳用杵つきもち　１．１ｋｇ</t>
  </si>
  <si>
    <t>1.1KG</t>
  </si>
  <si>
    <t>まる餅徳用杵つきもち</t>
  </si>
  <si>
    <t>お徳用杵つき越後餅</t>
  </si>
  <si>
    <t>杵つき福ふくもち</t>
  </si>
  <si>
    <t>その他もち</t>
  </si>
  <si>
    <t>いももち3食</t>
  </si>
  <si>
    <t>総菜開発</t>
  </si>
  <si>
    <t>ｿｳｻﾞｲｶｲﾊﾂ</t>
  </si>
  <si>
    <t>いももち3食ハニーバター</t>
  </si>
  <si>
    <t>チーズ入いももち</t>
  </si>
  <si>
    <t>オカキモチ</t>
  </si>
  <si>
    <t>杵つき餅豆6枚</t>
  </si>
  <si>
    <t>杵つき餅昆布6枚</t>
  </si>
  <si>
    <t>杵つき餅よもぎ6枚</t>
  </si>
  <si>
    <t>6枚杵つき餅豆</t>
  </si>
  <si>
    <t>6枚杵つき餅昆布</t>
  </si>
  <si>
    <t>6枚杵つき餅よもぎ</t>
  </si>
  <si>
    <t>紅白まる餅</t>
  </si>
  <si>
    <t>トッポギ</t>
  </si>
  <si>
    <t>トック</t>
  </si>
  <si>
    <t>のし餅豆5合</t>
  </si>
  <si>
    <t>のし餅昆布5合</t>
  </si>
  <si>
    <t>切り餅乳酸菌プラスSPY?FAMILY</t>
  </si>
  <si>
    <t>イタモチ</t>
  </si>
  <si>
    <t>しそ餅</t>
  </si>
  <si>
    <t>真空斗棒餅豆餅</t>
  </si>
  <si>
    <t>真空斗棒餅豆つなぎ</t>
  </si>
  <si>
    <t>真空斗棒餅昆布餅</t>
  </si>
  <si>
    <t>斗棒餅豆餅</t>
  </si>
  <si>
    <t>斗棒餅昆布餅</t>
  </si>
  <si>
    <t>玄米もち</t>
  </si>
  <si>
    <t>発芽玄米もち小袋ﾊﾟｯｸ</t>
  </si>
  <si>
    <t>生切り餅発芽玄米餅</t>
  </si>
  <si>
    <t>料理もち</t>
  </si>
  <si>
    <t>熱湯3分薄切り餅</t>
  </si>
  <si>
    <t>熱湯3分うす切りもち2枚入り</t>
  </si>
  <si>
    <t>うさぎもちしゃぶしゃぶもち小袋P</t>
  </si>
  <si>
    <t>しゃぶしゃぶもち</t>
  </si>
  <si>
    <t>うさぎうす切り餅</t>
  </si>
  <si>
    <t>しゃぶしゃぶ餅</t>
  </si>
  <si>
    <t>しゃぶしゃぶ餅小袋Ｐ</t>
  </si>
  <si>
    <t>ころころ</t>
  </si>
  <si>
    <t>うさぎ丸小餅</t>
  </si>
  <si>
    <t>うさぎころころ餅</t>
  </si>
  <si>
    <t>ちびころもち</t>
  </si>
  <si>
    <t>生切り餅_スライスもち</t>
  </si>
  <si>
    <t>たいまつこつぶもち</t>
  </si>
  <si>
    <t>大きなスライスもち</t>
  </si>
  <si>
    <t>切りもち_ちっちゃい</t>
  </si>
  <si>
    <t>ソフトもっちー</t>
  </si>
  <si>
    <t>うすうすしゃぶ餅</t>
  </si>
  <si>
    <t>八萬石　スティックもち</t>
  </si>
  <si>
    <t>もち娘　うす切もち</t>
  </si>
  <si>
    <t>スライス餅</t>
  </si>
  <si>
    <t>切り餅一本</t>
  </si>
  <si>
    <t>スライス切りもち</t>
  </si>
  <si>
    <t>サトウの切り餅鍋もち</t>
  </si>
  <si>
    <t>サトウのしゃぶしゃぶもち</t>
  </si>
  <si>
    <t>シラタマチビマル</t>
  </si>
  <si>
    <t>食品おやつ餅明太子味</t>
  </si>
  <si>
    <t>食品おやつ餅チーズ味</t>
  </si>
  <si>
    <t>食品おやつ餅コク旨醤油味</t>
  </si>
  <si>
    <t>いなり、甘味他</t>
  </si>
  <si>
    <t>みたらし入り切り餅</t>
  </si>
  <si>
    <t>黒蜜きなこ餅</t>
  </si>
  <si>
    <t>アイリスおもちスープ10食</t>
  </si>
  <si>
    <t>いなり餅</t>
  </si>
  <si>
    <t>たっぷり豆もち</t>
  </si>
  <si>
    <t>うさぎ３色あられ</t>
  </si>
  <si>
    <t>うさぎ生かき餅ミックス</t>
  </si>
  <si>
    <t>うさぎ生かき餅豆餅</t>
  </si>
  <si>
    <t>生かき餅よもぎ餅</t>
  </si>
  <si>
    <t>生かき餅えび餅</t>
  </si>
  <si>
    <t>生かき餅ミックス</t>
  </si>
  <si>
    <t>生かき餅豆もち</t>
  </si>
  <si>
    <t>生かき餅よもぎもち</t>
  </si>
  <si>
    <t>色とりどりもち</t>
  </si>
  <si>
    <t>660g</t>
  </si>
  <si>
    <t>うさぎもちあんこ餅小倉あんながモチパック</t>
  </si>
  <si>
    <t>うさぎもちあんこ餅黒ごまあんながモチパック</t>
  </si>
  <si>
    <t>焼いて食べるあんこ餅小倉</t>
  </si>
  <si>
    <t>120ｇ</t>
  </si>
  <si>
    <t>焼いて食べるあんこ餅黒ごま</t>
  </si>
  <si>
    <t>きねつき豆もち</t>
  </si>
  <si>
    <t>たいまつきねつきお好みもち</t>
  </si>
  <si>
    <t>よもぎもち</t>
  </si>
  <si>
    <t>お餅屋さんが作ったいなりもち</t>
  </si>
  <si>
    <t>228g</t>
  </si>
  <si>
    <t>よもぎ餅</t>
  </si>
  <si>
    <t>かき餅　豆</t>
  </si>
  <si>
    <t>かきもち黒豆</t>
  </si>
  <si>
    <t>北九食品加工</t>
  </si>
  <si>
    <t>ｷﾀｷｭｳｼｮｸﾋﾝ</t>
  </si>
  <si>
    <t>かきもちのり</t>
  </si>
  <si>
    <t>かきもちごま</t>
  </si>
  <si>
    <t>杵つきお祝いもち</t>
  </si>
  <si>
    <t>杵つきお祝い紅白もち</t>
  </si>
  <si>
    <t>豆もち</t>
  </si>
  <si>
    <t>生タイプ豆餅</t>
  </si>
  <si>
    <t>生タイプよもぎ餅</t>
  </si>
  <si>
    <t>生タイプ_ごま餅</t>
  </si>
  <si>
    <t>五平餅焼目</t>
  </si>
  <si>
    <t>3ﾎﾝ</t>
  </si>
  <si>
    <t>古屋産業</t>
  </si>
  <si>
    <t>ﾌﾙﾔｻﾝｷﾞｮｳ</t>
  </si>
  <si>
    <t>おかゆ・雑炊</t>
  </si>
  <si>
    <t>おかゆ</t>
  </si>
  <si>
    <t>白がゆ</t>
  </si>
  <si>
    <t>森のくまさんおかゆ</t>
  </si>
  <si>
    <t>250Ｇ</t>
  </si>
  <si>
    <t>ﾊﾟｰﾙﾗｲｽ</t>
  </si>
  <si>
    <t>三度のときめきおかゆ</t>
  </si>
  <si>
    <t>光商　白がゆ250ｇ</t>
  </si>
  <si>
    <t>光商　梅がゆ250ｇ</t>
  </si>
  <si>
    <t>レトルト　シロガユ</t>
  </si>
  <si>
    <t>お粥さん_白がゆ</t>
  </si>
  <si>
    <t>おかゆ白がゆ3食</t>
  </si>
  <si>
    <t>新潟県産こしひかり白がゆ</t>
  </si>
  <si>
    <t>ﾃ-ﾌﾞﾙﾏ-ｸ</t>
  </si>
  <si>
    <t>たきたてご飯新潟県産こしひかり白がゆ</t>
  </si>
  <si>
    <t>250g×3P</t>
  </si>
  <si>
    <t>たきたてご飯新潟こしひかり白かゆ</t>
  </si>
  <si>
    <t>このままで白がゆ</t>
  </si>
  <si>
    <t>まごころ一膳白がゆ</t>
  </si>
  <si>
    <t>アヲハタ白がゆ</t>
  </si>
  <si>
    <t>シロがゆ</t>
  </si>
  <si>
    <t>白がゆ3個パック</t>
  </si>
  <si>
    <t>630g</t>
  </si>
  <si>
    <t>やさしい白がゆ</t>
  </si>
  <si>
    <t>丸善食品工業</t>
  </si>
  <si>
    <t>ﾏﾙｾﾞﾝｼｮｸﾋﾝ</t>
  </si>
  <si>
    <t>白かゆ</t>
  </si>
  <si>
    <t>ﾃｰﾌﾞﾙﾗﾝﾄﾞ</t>
  </si>
  <si>
    <t>永平寺　朝がゆ</t>
  </si>
  <si>
    <t>米又</t>
  </si>
  <si>
    <t>ﾄｯﾌﾟﾌｰｽﾞ</t>
  </si>
  <si>
    <t>その他かゆ</t>
  </si>
  <si>
    <t>光商　玉子がゆ250ｇ</t>
  </si>
  <si>
    <t>蟹と海苔の卵白粥</t>
  </si>
  <si>
    <t>地鳥筍の御粥</t>
  </si>
  <si>
    <t>ふかひれ粥</t>
  </si>
  <si>
    <t>海鮮帆立粥</t>
  </si>
  <si>
    <t>小豆がゆ</t>
  </si>
  <si>
    <t>梅がゆ</t>
  </si>
  <si>
    <t>玄米がゆ</t>
  </si>
  <si>
    <t>玉子がゆ</t>
  </si>
  <si>
    <t>豆乳がゆ</t>
  </si>
  <si>
    <t>味の素　おかゆ　紅鮭がゆ</t>
  </si>
  <si>
    <t>タマゴガユ</t>
  </si>
  <si>
    <t>お粥さん　玉子がゆ</t>
  </si>
  <si>
    <t>お粥さん紅鮭がゆ</t>
  </si>
  <si>
    <t>お粥さん小豆がゆ</t>
  </si>
  <si>
    <t>お粥さん　梅がゆ</t>
  </si>
  <si>
    <t>ＲｅＳＯＲＡ_しょうがのおかゆ</t>
  </si>
  <si>
    <t>ＲｅＳＯＲＡ_マンナンのおかゆ</t>
  </si>
  <si>
    <t>ＲｅＳＯＲＡ_五穀と黒豆のおかゆ</t>
  </si>
  <si>
    <t>ＲｅＳＯＲＡ_三色豆のおかゆ</t>
  </si>
  <si>
    <t>ＲｅＳＯＲＡ_黒のおかゆ</t>
  </si>
  <si>
    <t>ＲｅＳＯＲＡ_紫のおかゆ</t>
  </si>
  <si>
    <t>リソラ_十穀がゆ</t>
  </si>
  <si>
    <t>リソラ_玄米がゆ</t>
  </si>
  <si>
    <t>リソラ_五穀がゆ</t>
  </si>
  <si>
    <t>リソラ五穀と黒豆のおかゆ３Ｐ</t>
  </si>
  <si>
    <t>200g×3</t>
  </si>
  <si>
    <t>リソラ三色豆のおかゆ３Ｐ</t>
  </si>
  <si>
    <t>リソラ紫のおかゆ３Ｐ</t>
  </si>
  <si>
    <t>新潟県産こしひかり梅がゆ</t>
  </si>
  <si>
    <t>たきたて新潟こし梅がゆ</t>
  </si>
  <si>
    <t>玄米かゆ</t>
  </si>
  <si>
    <t>アヲハタ紅鮭がゆ</t>
  </si>
  <si>
    <t>まごころ一膳梅がゆ</t>
  </si>
  <si>
    <t>まごころ一膳玉子がゆ</t>
  </si>
  <si>
    <t>まごころ一膳紅鮭がゆ</t>
  </si>
  <si>
    <t>アヲハタ玉子がゆ</t>
  </si>
  <si>
    <t>アヲハタ玄米がゆ</t>
  </si>
  <si>
    <t>紅鮭がゆ</t>
  </si>
  <si>
    <t>アヲハタ梅がゆ</t>
  </si>
  <si>
    <t>ウメがゆ</t>
  </si>
  <si>
    <t>カロリーグルメ玄米玉子がゆ</t>
  </si>
  <si>
    <t>カロリーグルメ玄米紅鮭がゆ</t>
  </si>
  <si>
    <t>カロリーグルメ玄米まいたけがゆ</t>
  </si>
  <si>
    <t>カロリーグルメ五穀がゆ</t>
  </si>
  <si>
    <t>お湯かけて紅鮭かゆカップ</t>
  </si>
  <si>
    <t>お湯かけて梅かゆカップ</t>
  </si>
  <si>
    <t>紅鮭かゆカップ</t>
  </si>
  <si>
    <t>梅かゆカップ</t>
  </si>
  <si>
    <t>中華かゆカップ</t>
  </si>
  <si>
    <t>お皿のいらないさらっと食べるおかゆおでんだし</t>
  </si>
  <si>
    <t>お皿のいらないさらっと食べるおかゆしょうが</t>
  </si>
  <si>
    <t>朝からおかゆ　ひじき</t>
  </si>
  <si>
    <t>五穀おかゆ</t>
  </si>
  <si>
    <t>十六穀がゆ</t>
  </si>
  <si>
    <t>やさしい玉子がゆ</t>
  </si>
  <si>
    <t>鮭がゆ</t>
  </si>
  <si>
    <t>玉子かゆ</t>
  </si>
  <si>
    <t>コムタン風粥</t>
  </si>
  <si>
    <t>スープにこだわった中華風粥</t>
  </si>
  <si>
    <t>スープにこだわった海鮮風粥</t>
  </si>
  <si>
    <t>スープにこだわった牛テール風粥</t>
  </si>
  <si>
    <t>七草がゆ</t>
  </si>
  <si>
    <t>501.4G</t>
  </si>
  <si>
    <t>テーブルランド　鮭がゆ</t>
  </si>
  <si>
    <t>ゆめぴりかの玄米粥</t>
  </si>
  <si>
    <t>ﾌﾗﾉ</t>
  </si>
  <si>
    <t>ゆめぴりかの小豆粥</t>
  </si>
  <si>
    <t>味覇deめっちゃ美味しい中華粥貝柱</t>
  </si>
  <si>
    <t>味覇deめっちゃ美味しい中華粥鶏</t>
  </si>
  <si>
    <t>聖食品国産米使用湯葉がゆ</t>
  </si>
  <si>
    <t>ﾋｵｼﾞﾘｼｮｸﾋﾝ</t>
  </si>
  <si>
    <t>国産十六穀使用　十六穀がゆ</t>
  </si>
  <si>
    <t>ﾋｼﾞﾘｼｮｸﾋﾝ</t>
  </si>
  <si>
    <t>聖食品　国産米使用　梅がゆ</t>
  </si>
  <si>
    <t>滋味を味わう玄米がゆ</t>
  </si>
  <si>
    <t>ふっくらたまごがゆ</t>
  </si>
  <si>
    <t>和風もち麦がゆ</t>
  </si>
  <si>
    <t>中華風もち麦がゆ</t>
  </si>
  <si>
    <t>雑穀米お粥</t>
  </si>
  <si>
    <t>黒米お粥</t>
  </si>
  <si>
    <t>発芽玄米お粥</t>
  </si>
  <si>
    <t>金のいぶき玄米＆赤米ブレンド</t>
  </si>
  <si>
    <t>幸南食糧</t>
  </si>
  <si>
    <t>ｺｳﾅﾝｼｮｸﾘｮｳ</t>
  </si>
  <si>
    <t>両班　あわび粥</t>
  </si>
  <si>
    <t>288g</t>
  </si>
  <si>
    <t>東遠ジャパン</t>
  </si>
  <si>
    <t>ﾄﾞﾝｳｫﾝ</t>
  </si>
  <si>
    <t>サムゲ粥</t>
  </si>
  <si>
    <t>285g</t>
  </si>
  <si>
    <t>ﾔﾝﾊﾞﾝ</t>
  </si>
  <si>
    <t>雑炊</t>
  </si>
  <si>
    <t>ローカーボ_和風雑炊</t>
  </si>
  <si>
    <t>ﾛｰｶｰﾎﾞ</t>
  </si>
  <si>
    <t>ローカーボ_シーフード雑炊</t>
  </si>
  <si>
    <t>ローカーボ_旨辛チゲ雑炊</t>
  </si>
  <si>
    <t>甲羅本店かに雑炊の素</t>
  </si>
  <si>
    <t>ふぐ雑炊</t>
  </si>
  <si>
    <t>かに雑炊</t>
  </si>
  <si>
    <t>とり雑炊</t>
  </si>
  <si>
    <t>シマヤ　ほたて雑炊</t>
  </si>
  <si>
    <t>たい雑炊レトルト</t>
  </si>
  <si>
    <t>昔ながらの雑炊かつおだし</t>
  </si>
  <si>
    <t>昔ながらの雑炊こんぶだし</t>
  </si>
  <si>
    <t>すっぽん雑炊</t>
  </si>
  <si>
    <t>はも雑炊</t>
  </si>
  <si>
    <t>雑炊焼あごだしレトルト</t>
  </si>
  <si>
    <t>雑炊かにだし</t>
  </si>
  <si>
    <t>ふぐ雑炊レトルト</t>
  </si>
  <si>
    <t>かに雑炊レトルト</t>
  </si>
  <si>
    <t>ほんのり贅沢とり雑炊</t>
  </si>
  <si>
    <t>ほんのり贅沢たい雑炊</t>
  </si>
  <si>
    <t>雑炊かつおだし</t>
  </si>
  <si>
    <t>雑炊こんぶだし</t>
  </si>
  <si>
    <t>雑炊焼きあごだし</t>
  </si>
  <si>
    <t>たもぎたけ雑炊かつお仕立て</t>
  </si>
  <si>
    <t>たもぎたけ雑炊鶏野菜</t>
  </si>
  <si>
    <t>雑炊鶏だし生姜</t>
  </si>
  <si>
    <t>お湯掛けてかに雑炊</t>
  </si>
  <si>
    <t>お湯掛けてさけ雑炊</t>
  </si>
  <si>
    <t>日清のどん兵衛　鴨だし雑炊</t>
  </si>
  <si>
    <t>８４ｇ</t>
  </si>
  <si>
    <t>ぞうすい　とり</t>
  </si>
  <si>
    <t>ぞうすい　まつたけ</t>
  </si>
  <si>
    <t>ぷにごはん旨チーズ</t>
  </si>
  <si>
    <t>３４．８Ｇ</t>
  </si>
  <si>
    <t>ぷにごはんグリーミー明太</t>
  </si>
  <si>
    <t>３５Ｇ</t>
  </si>
  <si>
    <t>たいまつ　鮭がゆ</t>
  </si>
  <si>
    <t>五穀　かに雑炊</t>
  </si>
  <si>
    <t>五穀　とり雑炊</t>
  </si>
  <si>
    <t>十二穀　雑炊</t>
  </si>
  <si>
    <t>スープｄｅごはん参鶏湯</t>
  </si>
  <si>
    <t>６９g</t>
  </si>
  <si>
    <t>スープdeごはん海鮮白湯雑炊</t>
  </si>
  <si>
    <t>70.5g</t>
  </si>
  <si>
    <t>旨みだしふんわりたまご玉子ととり雑炊</t>
  </si>
  <si>
    <t>旨みだしふんわりたまご玉子とさけ雑炊</t>
  </si>
  <si>
    <t>旨みだしふんわりたまご玉子とちりめん雑炊</t>
  </si>
  <si>
    <t>ふんわりたまご玉子としょうが雑炊</t>
  </si>
  <si>
    <t>玉子とかに雑炊</t>
  </si>
  <si>
    <t>具材と旨味にこだわった帆立雑炊</t>
  </si>
  <si>
    <t>参鶏湯風粥</t>
  </si>
  <si>
    <t>具材と旨味にこだわったさけぞうすい</t>
  </si>
  <si>
    <t>具材と旨味にこだわった鶏ぞうすい</t>
  </si>
  <si>
    <t>具材と旨味にこだわった蟹ぞうすい</t>
  </si>
  <si>
    <t>具材と旨味にこだわった鯛ぞうすい</t>
  </si>
  <si>
    <t>具材と旨味かにぞうすい3食</t>
  </si>
  <si>
    <t>具材と旨味たいぞうすい3食</t>
  </si>
  <si>
    <t>具材と旨味とりぞうすい3食</t>
  </si>
  <si>
    <t>ほたてぞうすい3食パック</t>
  </si>
  <si>
    <t>250g×3</t>
  </si>
  <si>
    <t>博多華味鳥　料亭のとり雑炊</t>
  </si>
  <si>
    <t>淡路たまねぎぞうすい</t>
  </si>
  <si>
    <t>ほぐし身入りかに雑炊</t>
  </si>
  <si>
    <t>20.5g</t>
  </si>
  <si>
    <t>ほぐし身入りさけ雑炊</t>
  </si>
  <si>
    <t>パックごはん</t>
  </si>
  <si>
    <t>白米1～2食</t>
  </si>
  <si>
    <t>小盛(～150g)</t>
  </si>
  <si>
    <t>金芽ロウカット玄米ごはん</t>
  </si>
  <si>
    <t>東洋ライス</t>
  </si>
  <si>
    <t>ﾄｳﾖｳﾗｲｽ</t>
  </si>
  <si>
    <t>低温製法米のおいしいごはん国産米</t>
  </si>
  <si>
    <t>やさしいご飯分割</t>
  </si>
  <si>
    <t>ﾊﾟﾊﾟｯとやんわかごはん白発芽米</t>
  </si>
  <si>
    <t>100G*2</t>
  </si>
  <si>
    <t>パパッとライス合わせ米</t>
  </si>
  <si>
    <t>普通盛(151g～200g)</t>
  </si>
  <si>
    <t>ごはん</t>
  </si>
  <si>
    <t>ドリームズファーム</t>
  </si>
  <si>
    <t>ﾄﾞﾘｰﾑｽﾞF</t>
  </si>
  <si>
    <t>炊きたてごはん</t>
  </si>
  <si>
    <t>ﾄﾞﾘｰﾑﾌｧｰﾑ</t>
  </si>
  <si>
    <t>ふっくらごはんバラ</t>
  </si>
  <si>
    <t>ごはんパック　２００ｇ</t>
  </si>
  <si>
    <t>吉野家牛丼ふりかけ付ごはん</t>
  </si>
  <si>
    <t>208g</t>
  </si>
  <si>
    <t>ウーケ富富富200g×3</t>
  </si>
  <si>
    <t>200GX3</t>
  </si>
  <si>
    <t>低温製法米のパックごはん国産米</t>
  </si>
  <si>
    <t>ふっくらごはん</t>
  </si>
  <si>
    <t>ジャパン・パックラ</t>
  </si>
  <si>
    <t>ｼﾞｬﾊﾟﾝﾊﾟｯｸ</t>
  </si>
  <si>
    <t>白ご飯</t>
  </si>
  <si>
    <t>国産米使用大盛</t>
  </si>
  <si>
    <t>おいしい炊きたてご飯</t>
  </si>
  <si>
    <t>ｶﾄｷﾁ</t>
  </si>
  <si>
    <t>あったかごはん</t>
  </si>
  <si>
    <t>はごろもフーズ　パパッとライス　１８０ｇ</t>
  </si>
  <si>
    <t>パパっとライスひとめぼれ</t>
  </si>
  <si>
    <t>無添加ふんわりごはん</t>
  </si>
  <si>
    <t>神明</t>
  </si>
  <si>
    <t>ｼﾝﾒｲ</t>
  </si>
  <si>
    <t>夢つくし無菌パック１食</t>
  </si>
  <si>
    <t>ﾕﾒﾂｸｼ</t>
  </si>
  <si>
    <t>のごはんななつぼし</t>
  </si>
  <si>
    <t>ギンシャリ</t>
  </si>
  <si>
    <t>銀シャリ小盛</t>
  </si>
  <si>
    <t>サトウのおにぎり用塩ごはん</t>
  </si>
  <si>
    <t>大盛(201g以上)</t>
  </si>
  <si>
    <t>大盛りごはん</t>
  </si>
  <si>
    <t>松任市農業協同組合</t>
  </si>
  <si>
    <t>ﾏﾂﾄｳｼﾉｳｷｮｳ</t>
  </si>
  <si>
    <t>ふんわりごはん特盛</t>
  </si>
  <si>
    <t>ｳ-ｹ</t>
  </si>
  <si>
    <t>大盛りあったか御飯１Ｐ</t>
  </si>
  <si>
    <t>あったかごはん大盛</t>
  </si>
  <si>
    <t>産地・ブランド表記米</t>
  </si>
  <si>
    <t>新潟県産こしひかり</t>
  </si>
  <si>
    <t>ﾄﾞﾘｰﾑｽﾞﾌｧｰ</t>
  </si>
  <si>
    <t>松ちゃんのごはんコシヒカリ１００％</t>
  </si>
  <si>
    <t>ﾏｯﾁｬﾝ</t>
  </si>
  <si>
    <t>富山コシヒカリ</t>
  </si>
  <si>
    <t>低温製法米のおいしいごはん青天の霹靂角型</t>
  </si>
  <si>
    <t>150g×3P</t>
  </si>
  <si>
    <t>炊きたてごはんこしひかり1食</t>
  </si>
  <si>
    <t>たきたてごはんこしひかり</t>
  </si>
  <si>
    <t>たきたてご飯新潟コシヒカリ</t>
  </si>
  <si>
    <t>150g×2P</t>
  </si>
  <si>
    <t>味の一品ごはん_こしひかり</t>
  </si>
  <si>
    <t>パパットトライスＷコシヒカリ</t>
  </si>
  <si>
    <t>パパッとやんわかこしひかり</t>
  </si>
  <si>
    <t>パパッとライス超やんわかごはんこしひかり</t>
  </si>
  <si>
    <t>こだわりコシヒカリ小盛り</t>
  </si>
  <si>
    <t>ごはん会津産こしひかり</t>
  </si>
  <si>
    <t>新潟県産こしひかりかるく一膳</t>
  </si>
  <si>
    <t>新潟産こしひかり大盛り</t>
  </si>
  <si>
    <t>ご飯こしひかり</t>
  </si>
  <si>
    <t>サガヒノヒカリ</t>
  </si>
  <si>
    <t>魚沼産こしひかり</t>
  </si>
  <si>
    <t>サトウのごはん岩船産コシヒカリ</t>
  </si>
  <si>
    <t>新潟佐渡産　こしひかり</t>
  </si>
  <si>
    <t>白米3食</t>
  </si>
  <si>
    <t>国産低温製法米のおいしいごはん</t>
  </si>
  <si>
    <t>九州産ヒノヒカリパックご飯150g×3P</t>
  </si>
  <si>
    <t>150g×3p</t>
  </si>
  <si>
    <t>九州産ヒノヒカリパックご飯150g×3Pケース</t>
  </si>
  <si>
    <t>150g×3p×8</t>
  </si>
  <si>
    <t>百萬粒のおいしいごはん</t>
  </si>
  <si>
    <t>うまかめし_エコパック_3P</t>
  </si>
  <si>
    <t>ドリームズごはん３食</t>
  </si>
  <si>
    <t>新ふっくらごはん3P</t>
  </si>
  <si>
    <t>180g×3P</t>
  </si>
  <si>
    <t>ふっくらごはん３Ｐ</t>
  </si>
  <si>
    <t>ごはんパック200ｇ*3P</t>
  </si>
  <si>
    <t>ふんわりごはん180g×3ケース</t>
  </si>
  <si>
    <t>180g×3P×8個入</t>
  </si>
  <si>
    <t>ふんわりごはん</t>
  </si>
  <si>
    <t>200g×3P</t>
  </si>
  <si>
    <t>シロゴハン　３Ｐ</t>
  </si>
  <si>
    <t>たきたてご飯ふっくらつや炊き</t>
  </si>
  <si>
    <t>ふっくらごはん(丸型)_180GX3</t>
  </si>
  <si>
    <t>180g×3</t>
  </si>
  <si>
    <t>おいしいたきたてごはん</t>
  </si>
  <si>
    <t>あったかごはん3個パック</t>
  </si>
  <si>
    <t>200ｇ*3</t>
  </si>
  <si>
    <t>ふっくらごはんが炊けました3個パック</t>
  </si>
  <si>
    <t>あったかごはんかため炊き3個パック</t>
  </si>
  <si>
    <t>170g×3</t>
  </si>
  <si>
    <t>あったかごはんやわらかめ炊き3個パック</t>
  </si>
  <si>
    <t>150g×3</t>
  </si>
  <si>
    <t>パパッとライス</t>
  </si>
  <si>
    <t>ファイターズ北海道応援メシ</t>
  </si>
  <si>
    <t>150gx3P</t>
  </si>
  <si>
    <t>ごはんパック3P</t>
  </si>
  <si>
    <t>北海道産ななつぼし3食パック</t>
  </si>
  <si>
    <t>銀シャリ</t>
  </si>
  <si>
    <t>北海道産ゆめぴりか3食パック</t>
  </si>
  <si>
    <t>へるしごはん炊飯パック150g×3</t>
  </si>
  <si>
    <t>3ｺ</t>
  </si>
  <si>
    <t>ﾍﾙｼｺﾞﾊﾝ</t>
  </si>
  <si>
    <t>たきたてのごはん</t>
  </si>
  <si>
    <t>たかの</t>
  </si>
  <si>
    <t>こめだす美味いごはん大盛</t>
  </si>
  <si>
    <t>カネスコーポレーション</t>
  </si>
  <si>
    <t>炊きたてごはんふっくらつや炊き大盛</t>
  </si>
  <si>
    <t>ガッツリ飯特盛</t>
  </si>
  <si>
    <t>300g×3P</t>
  </si>
  <si>
    <t>大盛りあったか御飯３Ｐ</t>
  </si>
  <si>
    <t>あったかごはん大盛3個パック</t>
  </si>
  <si>
    <t>熊本県産のごはんだモン</t>
  </si>
  <si>
    <t>熊本パールライス</t>
  </si>
  <si>
    <t>ｸﾏﾓﾄﾊﾟｰﾙ</t>
  </si>
  <si>
    <t>三度のときめきごはんパック</t>
  </si>
  <si>
    <t>くまさんの輝きごはん</t>
  </si>
  <si>
    <t>くまさんの輝きごはんパック</t>
  </si>
  <si>
    <t>松ちゃんのごはん３Ｐコシヒカリ１００％</t>
  </si>
  <si>
    <t>ゆめみづほ１００％ごはん</t>
  </si>
  <si>
    <t>JAﾏﾂﾄｳ</t>
  </si>
  <si>
    <t>富山コシヒカリ３Ｐ</t>
  </si>
  <si>
    <t>宮城県産ひとめぼれ</t>
  </si>
  <si>
    <t>山形県産つや姫</t>
  </si>
  <si>
    <t>北海道産ゆめぴりか</t>
  </si>
  <si>
    <t>北海道産ななつぼし</t>
  </si>
  <si>
    <t>低温製法米北海道産ゆめぴりか</t>
  </si>
  <si>
    <t>低温製法米魚沼こしひかり</t>
  </si>
  <si>
    <t>低温製法米のおいしいごはんゆめぴりか</t>
  </si>
  <si>
    <t>低温製法米だて正夢</t>
  </si>
  <si>
    <t>おいでまいパックご飯</t>
  </si>
  <si>
    <t>180gX3</t>
  </si>
  <si>
    <t>JAｶｶﾞﾜ</t>
  </si>
  <si>
    <t>たきたてご飯国産こしひかり</t>
  </si>
  <si>
    <t>北海道産ゆめぴりか食物繊維入り</t>
  </si>
  <si>
    <t>新潟県産大粒ごはん3食</t>
  </si>
  <si>
    <t>国産こしひかり3食</t>
  </si>
  <si>
    <t>たきたてごはんこしひかり３Ｐ</t>
  </si>
  <si>
    <t>あったかごはん秋田県あきたこまち3個パック</t>
  </si>
  <si>
    <t>あったかごはん岩手県産銀河のしずく3個パック</t>
  </si>
  <si>
    <t>パパットライスコシヒカリ</t>
  </si>
  <si>
    <t>ホクレンゆめぴりかごはん</t>
  </si>
  <si>
    <t>夢つくし無菌パックご飯</t>
  </si>
  <si>
    <t>こだわりコシヒカリ小盛</t>
  </si>
  <si>
    <t>秋田産あきたこまち3食パック</t>
  </si>
  <si>
    <t>こだわりコシヒカリ３食</t>
  </si>
  <si>
    <t>福島産こしひかり</t>
  </si>
  <si>
    <t>新潟コシヒカリかるく一膳3食</t>
  </si>
  <si>
    <t>130g×3</t>
  </si>
  <si>
    <t>新潟こしひかり</t>
  </si>
  <si>
    <t>ご飯ひのひかり</t>
  </si>
  <si>
    <t>3Pcm</t>
  </si>
  <si>
    <t>ごはんきらら3食パック</t>
  </si>
  <si>
    <t>サトウさがびより３食</t>
  </si>
  <si>
    <t>サトウのごはん新潟県産新之助</t>
  </si>
  <si>
    <t>白米4～9食</t>
  </si>
  <si>
    <t>炊きたてごはんパック</t>
  </si>
  <si>
    <t>150gx6</t>
  </si>
  <si>
    <t>低温製法米のおいしいごはん</t>
  </si>
  <si>
    <t>150gX6</t>
  </si>
  <si>
    <t>日本のごはん</t>
  </si>
  <si>
    <t>120g×4P</t>
  </si>
  <si>
    <t>たきたてご飯やわらか一膳４食</t>
  </si>
  <si>
    <t>ふっくらつや炊き分割8食</t>
  </si>
  <si>
    <t>新潟県産大粒ごはん小盛</t>
  </si>
  <si>
    <t>100gx6</t>
  </si>
  <si>
    <t>たかの_たきたてのごはん5P900G</t>
  </si>
  <si>
    <t>190g×5</t>
  </si>
  <si>
    <t>新ふっくらごはん6P</t>
  </si>
  <si>
    <t>180g×6P</t>
  </si>
  <si>
    <t>ふんわりごはん　国内産　200gX5</t>
  </si>
  <si>
    <t>200g×5</t>
  </si>
  <si>
    <t>パックご飯バラエティセット３Ｐ３袋セット</t>
  </si>
  <si>
    <t>3p×3</t>
  </si>
  <si>
    <t>低温製法国産米パックごはん180g×6p</t>
  </si>
  <si>
    <t>180gX6p</t>
  </si>
  <si>
    <t>たきたてご飯ふっくらつや炊き5食</t>
  </si>
  <si>
    <t>たきたてご飯５ｐ</t>
  </si>
  <si>
    <t>ふっくらごはんが炊けました5個パック</t>
  </si>
  <si>
    <t>180g×5</t>
  </si>
  <si>
    <t>銀シャリ5食パック</t>
  </si>
  <si>
    <t>200g×5P</t>
  </si>
  <si>
    <t>ふっくらごはんが炊けました　5P</t>
  </si>
  <si>
    <t>ふんわりごはん富山コシヒカリ5P</t>
  </si>
  <si>
    <t>パックご飯あきたこまち</t>
  </si>
  <si>
    <t>180g×6</t>
  </si>
  <si>
    <t>越後のごはんコシヒカリ</t>
  </si>
  <si>
    <t>180gX5</t>
  </si>
  <si>
    <t>秋田県産あきたこまち分割４食</t>
  </si>
  <si>
    <t>120g×4</t>
  </si>
  <si>
    <t>北海道産ゆめぴりか分割4食U03</t>
  </si>
  <si>
    <t>山形県産つや姫分割4食U03</t>
  </si>
  <si>
    <t>180g×5P</t>
  </si>
  <si>
    <t>あきたこまち分割4食</t>
  </si>
  <si>
    <t>たきたてご飯魚沼産こしひかりプレミアム4食入</t>
  </si>
  <si>
    <t>150g×4食入</t>
  </si>
  <si>
    <t>福岡県元気つくしごはんパック</t>
  </si>
  <si>
    <t>たきたてご飯国産こしひかりやわらか小盛</t>
  </si>
  <si>
    <t>100g×6P</t>
  </si>
  <si>
    <t>国産こしひかり5食</t>
  </si>
  <si>
    <t>国産こしひかり分割6食</t>
  </si>
  <si>
    <t>国産こしひかりやわらかごはん小盛分割6食</t>
  </si>
  <si>
    <t>たきたてご飯こしひかり6食</t>
  </si>
  <si>
    <t>150g×4P</t>
  </si>
  <si>
    <t>炊きたて新潟こしひかり</t>
  </si>
  <si>
    <t>ほしのゆめ５Ｐ</t>
  </si>
  <si>
    <t>あったかごはん　ななつぼし３Ｐ</t>
  </si>
  <si>
    <t>あったかごはんななつぼし5個パック</t>
  </si>
  <si>
    <t>パパットライスこしひかり</t>
  </si>
  <si>
    <t>コシヒカリ小盛り5食パック</t>
  </si>
  <si>
    <t>150g×5P</t>
  </si>
  <si>
    <t>岩手純情米ひとめぼれ</t>
  </si>
  <si>
    <t>ごはんひのひかり５Ｐ</t>
  </si>
  <si>
    <t>白米10食以上</t>
  </si>
  <si>
    <t>120g×10PP</t>
  </si>
  <si>
    <t>アイリス　低温製法米のおいしいごはん　150Gｘ１０コ</t>
  </si>
  <si>
    <t>１５０Gｘ10ｺ</t>
  </si>
  <si>
    <t>ごはんケース</t>
  </si>
  <si>
    <t>200g×12</t>
  </si>
  <si>
    <t>ふっくらごはんケース</t>
  </si>
  <si>
    <t>1ケース</t>
  </si>
  <si>
    <t>低温製法米のパックごはん</t>
  </si>
  <si>
    <t>ふっくらつや炊き10P3個セット</t>
  </si>
  <si>
    <t>ふっくらつや炊き3個セット</t>
  </si>
  <si>
    <t>ふっくらつや炊きごはん2個セット</t>
  </si>
  <si>
    <t>10P×2P</t>
  </si>
  <si>
    <t>銀シャリ5食3個セット</t>
  </si>
  <si>
    <t>銀シャリ５食_2個ｾｯﾄ</t>
  </si>
  <si>
    <t>ふっくらご飯10食2個セット</t>
  </si>
  <si>
    <t>180g×10P</t>
  </si>
  <si>
    <t>パックご飯バラエティセット３Ｐ５袋セット</t>
  </si>
  <si>
    <t>3p×5</t>
  </si>
  <si>
    <t>国産ブレンドパックご飯ケース</t>
  </si>
  <si>
    <t>180g×10×4</t>
  </si>
  <si>
    <t>180g×10×4P</t>
  </si>
  <si>
    <t>ふっくらつや炊き10個パック</t>
  </si>
  <si>
    <t>ふっくらつや炊き</t>
  </si>
  <si>
    <t>たきたてご飯コンパクト　12食</t>
  </si>
  <si>
    <t>180g×12</t>
  </si>
  <si>
    <t>たきたてご飯国産米10食</t>
  </si>
  <si>
    <t>マルちゃんのごはん</t>
  </si>
  <si>
    <t>180g*10</t>
  </si>
  <si>
    <t>スーパー大麦ごはん</t>
  </si>
  <si>
    <t>ｱｲﾘｽｵｰﾔﾏ</t>
  </si>
  <si>
    <t>低温製法米のおいしいごはん　あきたこまち</t>
  </si>
  <si>
    <t>180g×10p</t>
  </si>
  <si>
    <t>国産こしひかり10食</t>
  </si>
  <si>
    <t>ホクレンゆめぴりかごはんケース</t>
  </si>
  <si>
    <t>150gx3Px12</t>
  </si>
  <si>
    <t>赤飯・釜飯</t>
  </si>
  <si>
    <t>赤飯</t>
  </si>
  <si>
    <t>五目ご飯</t>
  </si>
  <si>
    <t>北海道産きたゆきもちのお赤飯１食</t>
  </si>
  <si>
    <t>セキハン</t>
  </si>
  <si>
    <t>味の一品赤飯</t>
  </si>
  <si>
    <t>味の一品五目釜飯</t>
  </si>
  <si>
    <t>中華おこわ</t>
  </si>
  <si>
    <t>ふっくらお赤飯</t>
  </si>
  <si>
    <t>ふっくら中華風おこわ</t>
  </si>
  <si>
    <t>ふっくら五目ごはん</t>
  </si>
  <si>
    <t>ふっくら五目釜めし</t>
  </si>
  <si>
    <t>ふっくらとり釜めし</t>
  </si>
  <si>
    <t>うどん屋さんのかしわめし1Ｐ</t>
  </si>
  <si>
    <t>ふっくら五目おこわ１Ｐ</t>
  </si>
  <si>
    <t>街の洋食屋さん五目ピラフ</t>
  </si>
  <si>
    <t>街の洋食屋さんドライカレー</t>
  </si>
  <si>
    <t>街の洋食屋さんチキンライス</t>
  </si>
  <si>
    <t>ふっくらかしわめし</t>
  </si>
  <si>
    <t>ふっくら赤飯</t>
  </si>
  <si>
    <t>マルちゃんもち麦プラスチャーハン風</t>
  </si>
  <si>
    <t>マルちゃんもち麦プラスドライカレー</t>
  </si>
  <si>
    <t>マルちゃんもち麦プラスチキンライス</t>
  </si>
  <si>
    <t>ふっくらおこわ中華風</t>
  </si>
  <si>
    <t>ふっくらおこわ　五目</t>
  </si>
  <si>
    <t>１６０g</t>
  </si>
  <si>
    <t>ふっくらおこわ鶏ごぼう</t>
  </si>
  <si>
    <t>街かど食堂チャーハン風</t>
  </si>
  <si>
    <t>街かど食堂ドライカレー</t>
  </si>
  <si>
    <t>街かど食堂チキンライス</t>
  </si>
  <si>
    <t>街かど食堂ガーリックライス</t>
  </si>
  <si>
    <t>あったか赤飯</t>
  </si>
  <si>
    <t>東水ふっくら五目釜めし</t>
  </si>
  <si>
    <t>たいまつ餅屋が作った赤飯</t>
  </si>
  <si>
    <t>たいまつ餅屋が作った甘納豆の赤飯</t>
  </si>
  <si>
    <t>餅屋が作った赤飯</t>
  </si>
  <si>
    <t>全国陶器本釜めしとり</t>
  </si>
  <si>
    <t>Ｇ７ジャパンフードサービス</t>
  </si>
  <si>
    <t>G7ｼﾞﾔﾊﾟﾝ</t>
  </si>
  <si>
    <t>全国陶器本釜めし　五目</t>
  </si>
  <si>
    <t>全国陶器本釜めしかに</t>
  </si>
  <si>
    <t>博多鶏かしわめし</t>
  </si>
  <si>
    <t>106g</t>
  </si>
  <si>
    <t>ｲﾁﾊﾞﾝｼｮｸﾋﾝ</t>
  </si>
  <si>
    <t>セキハン２ショクパック</t>
  </si>
  <si>
    <t>200g×2</t>
  </si>
  <si>
    <t>3食以上</t>
  </si>
  <si>
    <t>ドリームズ赤飯３Ｐ</t>
  </si>
  <si>
    <t>北海道産きたゆきもちのお赤飯3食</t>
  </si>
  <si>
    <t>セキハン３ショク</t>
  </si>
  <si>
    <t>赤飯３食</t>
  </si>
  <si>
    <t>ふっくらお赤飯３Ｐ</t>
  </si>
  <si>
    <t>ふっくら五目ごはん３Ｐ</t>
  </si>
  <si>
    <t>ふっくら五目釜めし３Ｐ</t>
  </si>
  <si>
    <t>ふっくらとり釜めし３Ｐ</t>
  </si>
  <si>
    <t>ふっくらかしわめし３ｐ</t>
  </si>
  <si>
    <t>ふっくらかしわめし３Ｐ</t>
  </si>
  <si>
    <t>ふっくらとり釜めし3個パック</t>
  </si>
  <si>
    <t>うどん屋さんのかしわめし</t>
  </si>
  <si>
    <t>喫茶店の五目ピラフ　３個</t>
  </si>
  <si>
    <t>オムライス用ごはん　３個パック</t>
  </si>
  <si>
    <t>ふっくら五目おこわ３Ｐ</t>
  </si>
  <si>
    <t>ふっくらかしわめし3個パック</t>
  </si>
  <si>
    <t>ふっくら赤飯3個パック</t>
  </si>
  <si>
    <t>ふっくら五目釜めし3P</t>
  </si>
  <si>
    <t>ふっくらおこわ中華風3個パック</t>
  </si>
  <si>
    <t>ふっくらおこわ五目3個パック</t>
  </si>
  <si>
    <t>ふっくらおこわ鶏ごぼう3個パック</t>
  </si>
  <si>
    <t>街かど食堂チキンライス3個パック</t>
  </si>
  <si>
    <t>160gX3</t>
  </si>
  <si>
    <t>あったか赤飯3個パック</t>
  </si>
  <si>
    <t>ふっくら五目釜めし3個パック</t>
  </si>
  <si>
    <t>たいまつ餅屋が作った赤飯3食パック</t>
  </si>
  <si>
    <t>たいまつ餅屋が作った甘納豆の赤飯3食</t>
  </si>
  <si>
    <t>赤飯祝御膳袋</t>
  </si>
  <si>
    <t>健康・雑穀</t>
  </si>
  <si>
    <t>発芽玄米ごはん</t>
  </si>
  <si>
    <t>東洋ライス　金芽ロウカット玄米ご飯</t>
  </si>
  <si>
    <t>発芽玄米パックご飯</t>
  </si>
  <si>
    <t>ムギゴハン</t>
  </si>
  <si>
    <t>五穀ごはん</t>
  </si>
  <si>
    <t>麦ごはん</t>
  </si>
  <si>
    <t>マイサイズマンナンごはん</t>
  </si>
  <si>
    <t>マンナンカロリーカットごはん</t>
  </si>
  <si>
    <t>マンナンごはん</t>
  </si>
  <si>
    <t>炊きたて麦ごはん</t>
  </si>
  <si>
    <t>玄米ごはん</t>
  </si>
  <si>
    <t>血糖値の上昇が気になる方のパパっとライス</t>
  </si>
  <si>
    <t>はくばく十六穀ごはん</t>
  </si>
  <si>
    <t>もち麦ごはん無菌パック3P</t>
  </si>
  <si>
    <t>もっちり十六穀ごはん</t>
  </si>
  <si>
    <t>金のいぶき玄米ごはん</t>
  </si>
  <si>
    <t>GABA玄米もち麦ごはんプレーン</t>
  </si>
  <si>
    <t>食協</t>
  </si>
  <si>
    <t>ｼｮｸｷｮｳ</t>
  </si>
  <si>
    <t>GABA玄米もち麦ごはんひじき大豆</t>
  </si>
  <si>
    <t>発芽玄米</t>
  </si>
  <si>
    <t>玄米とスーパー大麦ごはん</t>
  </si>
  <si>
    <t>ふっくらもち麦3割ごはん</t>
  </si>
  <si>
    <t>もち麦と十五穀ごはん</t>
  </si>
  <si>
    <t>城北麺工　スーパー大麦もち麦玄米ごはん　１５０ｇ</t>
  </si>
  <si>
    <t>低GIへるしごはんバラ</t>
  </si>
  <si>
    <t>へるしごはん</t>
  </si>
  <si>
    <t>糖質コントロール　ごはん大麦入り</t>
  </si>
  <si>
    <t>十六雑穀ごはん</t>
  </si>
  <si>
    <t>生姜プラスもち麦ごはん</t>
  </si>
  <si>
    <t>金賞健康米のおかゆ胚芽押し麦＆黒米ブレンド</t>
  </si>
  <si>
    <t>金賞健康米のおかゆ近畿大学共同開発『金賞健康米』</t>
  </si>
  <si>
    <t>タニタ食堂の金芽米</t>
  </si>
  <si>
    <t>ﾄｰﾖｰﾗｲｽ</t>
  </si>
  <si>
    <t>低温精米のおいしいごはんもち麦ミックス角型3食P</t>
  </si>
  <si>
    <t>機能性表示食品パックごはん</t>
  </si>
  <si>
    <t>１５０ｇｘ３ｐ</t>
  </si>
  <si>
    <t>国産麦パックご飯</t>
  </si>
  <si>
    <t>４５０ｇ</t>
  </si>
  <si>
    <t>国産もち麦パックごはん</t>
  </si>
  <si>
    <t>麦ごはん　３食パック</t>
  </si>
  <si>
    <t>大塚食品　マンナンごはん　１６０ｇ×３</t>
  </si>
  <si>
    <t>１６０G＊３</t>
  </si>
  <si>
    <t>ｵｵﾂｶ</t>
  </si>
  <si>
    <t>糖質25%offごはん3食</t>
  </si>
  <si>
    <t>玄米ごはん3個パック</t>
  </si>
  <si>
    <t>麦ごはん3個パック</t>
  </si>
  <si>
    <t>もち麦ごはん無菌パック</t>
  </si>
  <si>
    <t>たいまつもっちり十六穀ごはん3P</t>
  </si>
  <si>
    <t>金のいぶき玄米ごはん3P</t>
  </si>
  <si>
    <t>160g*3</t>
  </si>
  <si>
    <t>金のいぶき玄米と十五穀ごはん</t>
  </si>
  <si>
    <t>もち麦ごはん</t>
  </si>
  <si>
    <t>ファンケル発芽米ごはん</t>
  </si>
  <si>
    <t>低GIへるしごはん3個パック</t>
  </si>
  <si>
    <t>カップトッポギ（あまから味）</t>
  </si>
  <si>
    <t>ニュージャパンフードコーポレーション</t>
  </si>
  <si>
    <t>KJ</t>
  </si>
  <si>
    <t>カップトッポギ（チーズ味）</t>
  </si>
  <si>
    <t>宮崎名物肉巻きおにぎり</t>
  </si>
  <si>
    <t>日向屋</t>
  </si>
  <si>
    <t>ﾋｭｳｶﾞﾔ</t>
  </si>
  <si>
    <t>ピンクロケットオリジナルトッポギ</t>
  </si>
  <si>
    <t>アクレア</t>
  </si>
  <si>
    <t>ｱｸﾚｱ</t>
  </si>
  <si>
    <t>ピンクロケットカルボナーラトッポギ</t>
  </si>
  <si>
    <t>チョコレートチャンポラード</t>
  </si>
  <si>
    <t>Goodday</t>
  </si>
  <si>
    <t>ﾋﾗｼｮｳ</t>
  </si>
  <si>
    <t>SUNAO2種のチーズ＆きのこリゾット</t>
  </si>
  <si>
    <t>おこわ栗国産米</t>
  </si>
  <si>
    <t>373g</t>
  </si>
  <si>
    <t>松茸おこわ国産米</t>
  </si>
  <si>
    <t>ほたておこわ国産米</t>
  </si>
  <si>
    <t>お湯かけてトマトリゾット</t>
  </si>
  <si>
    <t>カップリゾット　チリトマト</t>
  </si>
  <si>
    <t>86g</t>
  </si>
  <si>
    <t>日清　カレーメシ２　中辛</t>
  </si>
  <si>
    <t>日清　カレーメシ２　辛口</t>
  </si>
  <si>
    <t>124ｇ</t>
  </si>
  <si>
    <t>日清　カレーメシ２　大辛</t>
  </si>
  <si>
    <t>日清　トマトカレーメシ２</t>
  </si>
  <si>
    <t>121g</t>
  </si>
  <si>
    <t>日清　日本めし　スキヤキ牛めし</t>
  </si>
  <si>
    <t>99ｇ</t>
  </si>
  <si>
    <t>ウマーメシ台湾まぜ飯</t>
  </si>
  <si>
    <t>58%カレーメシビーフ</t>
  </si>
  <si>
    <t>牛角監修キムチビビンバ</t>
  </si>
  <si>
    <t>スパイスカレーメシチキン</t>
  </si>
  <si>
    <t>そのまま使えるもち麦</t>
  </si>
  <si>
    <t>はくばくかけるだけもち麦</t>
  </si>
  <si>
    <t>トッポギ／国産</t>
  </si>
  <si>
    <t>博多華味鳥　料亭の親子丼</t>
  </si>
  <si>
    <t>オリゴ糖+乳酸菌</t>
  </si>
  <si>
    <t>ﾏｻｴ</t>
  </si>
  <si>
    <t>オリゴ糖+ユーグレナ</t>
  </si>
  <si>
    <t>オリゴ糖+オートミール</t>
  </si>
  <si>
    <t>新きりたんぽ</t>
  </si>
  <si>
    <t>渡辺食品工業</t>
  </si>
  <si>
    <t>ﾜﾀﾅﾍﾞｼｮｸﾋﾝ</t>
  </si>
  <si>
    <t>しいたけ釜めしの素</t>
  </si>
  <si>
    <t>三宝ウエルネス</t>
  </si>
  <si>
    <t>ｻﾝﾎﾞｳｳｴﾙﾈｽ</t>
  </si>
  <si>
    <t>陶器本釜めし松茸</t>
  </si>
  <si>
    <t>G7ｼﾞｬﾊﾟﾝﾌｰ</t>
  </si>
  <si>
    <t>尾西のカレーライスセット</t>
  </si>
  <si>
    <t>尾西の白飯</t>
  </si>
  <si>
    <t>オオニシ</t>
  </si>
  <si>
    <t>尾西の五目ごはん</t>
  </si>
  <si>
    <t>尾西のチキンライス</t>
  </si>
  <si>
    <t>尾西のドライカレー</t>
  </si>
  <si>
    <t>携帯おにぎり鮭</t>
  </si>
  <si>
    <t>携帯おにぎりわかめ</t>
  </si>
  <si>
    <t>携帯おにぎり昆布</t>
  </si>
  <si>
    <t>携帯おにぎり五目おこわ</t>
  </si>
  <si>
    <t>贅沢穀類アマランサス</t>
  </si>
  <si>
    <t>500g×2</t>
  </si>
  <si>
    <t>アルファー食品</t>
  </si>
  <si>
    <t>ｱﾙﾌｧｰ</t>
  </si>
  <si>
    <t>安心米　エビピラフ</t>
  </si>
  <si>
    <t>災害用海鮮おこわ</t>
  </si>
  <si>
    <t>災害用五目ご飯</t>
  </si>
  <si>
    <t>安心米　ドライカレー</t>
  </si>
  <si>
    <t>お赤飯</t>
  </si>
  <si>
    <t>506g×2P</t>
  </si>
  <si>
    <t>ｱﾙﾌｧｰｼｮｸﾋﾝ</t>
  </si>
  <si>
    <t>安心米白飯</t>
  </si>
  <si>
    <t>安心米五目ご飯</t>
  </si>
  <si>
    <t>安心米わかめご飯</t>
  </si>
  <si>
    <t>安心米ひじきご飯</t>
  </si>
  <si>
    <t>安心米山菜おこわ</t>
  </si>
  <si>
    <t>安心米ドライカレー</t>
  </si>
  <si>
    <t>焼おにぎり</t>
  </si>
  <si>
    <t>70g×2</t>
  </si>
  <si>
    <t>ジャスミンライス</t>
  </si>
  <si>
    <t>そのまま食べられるスーパー大麦</t>
  </si>
  <si>
    <t>城北麺工おうちで本格サフランライス</t>
  </si>
  <si>
    <t>なべ餅トッポギ</t>
  </si>
  <si>
    <t>130g×2</t>
  </si>
  <si>
    <t>トッポキ</t>
  </si>
  <si>
    <t>小さくなったトッポギ</t>
  </si>
  <si>
    <t>古屋産業　五平餅たれ付　１本　１２０ｇ</t>
  </si>
  <si>
    <t>ﾌﾙﾔ</t>
  </si>
  <si>
    <t>弁慶いかめし</t>
  </si>
  <si>
    <t>1尾</t>
  </si>
  <si>
    <t>マルモ食品</t>
  </si>
  <si>
    <t>ﾏﾙｵｶ</t>
  </si>
  <si>
    <t>グリーンフード　トッポギ</t>
  </si>
  <si>
    <t>ﾌｰﾄﾞｺｱ</t>
  </si>
  <si>
    <t>グリーンフード　トック</t>
  </si>
  <si>
    <t>素材缶詰・瓶詰</t>
  </si>
  <si>
    <t>水産おかず缶詰</t>
  </si>
  <si>
    <t>さば</t>
  </si>
  <si>
    <t>味付</t>
  </si>
  <si>
    <t>鯖醤油煮缶</t>
  </si>
  <si>
    <t>さば味付</t>
  </si>
  <si>
    <t>さば味付_5個セット</t>
  </si>
  <si>
    <t>アシストバルール鯖の醤油煮</t>
  </si>
  <si>
    <t>食べきりさば醤油煮缶</t>
  </si>
  <si>
    <t>80g×3</t>
  </si>
  <si>
    <t>ﾀｲﾗﾝﾄﾞﾌｨ</t>
  </si>
  <si>
    <t>ﾀｲF</t>
  </si>
  <si>
    <t>金華さば醤油煮</t>
  </si>
  <si>
    <t>タイランドフィッシャリージャパン</t>
  </si>
  <si>
    <t>ﾀｲﾗﾝﾄﾞﾌｨｯｼ</t>
  </si>
  <si>
    <t>さば醤油煮缶詰</t>
  </si>
  <si>
    <t>さば醤油煮</t>
  </si>
  <si>
    <t>さば醤油煮缶</t>
  </si>
  <si>
    <t>ﾀﾞｲﾁ</t>
  </si>
  <si>
    <t>鯖の味付</t>
  </si>
  <si>
    <t>ｾｲｳ</t>
  </si>
  <si>
    <t>高木　やまめ　さば醤油煮</t>
  </si>
  <si>
    <t>ノルレェイク　さば缶　煮付</t>
  </si>
  <si>
    <t>シーウィングス　さば味付　缶　２００ｇ</t>
  </si>
  <si>
    <t>ｼ-ｳｨﾝｸﾞｽ</t>
  </si>
  <si>
    <t>鯖味付</t>
  </si>
  <si>
    <t>ひと口さば味付</t>
  </si>
  <si>
    <t>いなば食品</t>
  </si>
  <si>
    <t>ｲﾅﾊﾞｼｮｸﾋﾝ</t>
  </si>
  <si>
    <t>さば味付パウチ</t>
  </si>
  <si>
    <t>ｲﾅﾊﾞ</t>
  </si>
  <si>
    <t>さば醤油味付</t>
  </si>
  <si>
    <t>サバアジツケ</t>
  </si>
  <si>
    <t>6号缶</t>
  </si>
  <si>
    <t>ＡＬさば味付　ＥＯ</t>
  </si>
  <si>
    <t>230G</t>
  </si>
  <si>
    <t>さば煮付月花</t>
  </si>
  <si>
    <t>さば味付月花</t>
  </si>
  <si>
    <t>秘伝さば照焼</t>
  </si>
  <si>
    <t>サバアジツケ　ＥＯ</t>
  </si>
  <si>
    <t>さば煮付K缶</t>
  </si>
  <si>
    <t>鯖味付国内産</t>
  </si>
  <si>
    <t>ﾁｮｳｼﾀ</t>
  </si>
  <si>
    <t>田原さば味付</t>
  </si>
  <si>
    <t>ちょうした_さば味付EO_150g</t>
  </si>
  <si>
    <t>ちょうしたプレミアム北欧産さば醤油煮</t>
  </si>
  <si>
    <t>ｽﾙｯとふたさば味付</t>
  </si>
  <si>
    <t>スルッとふたさば味付減塩</t>
  </si>
  <si>
    <t>スルッとふたSABAさば味付</t>
  </si>
  <si>
    <t>スルッとさばだし煮</t>
  </si>
  <si>
    <t>さば煮付</t>
  </si>
  <si>
    <t>SuiSuiオープンうまい鯖匠さばT2煮付180</t>
  </si>
  <si>
    <t>SABAさば煮付150g</t>
  </si>
  <si>
    <t>NISSUI</t>
  </si>
  <si>
    <t>サバアジツケ６＃</t>
  </si>
  <si>
    <t>6#</t>
  </si>
  <si>
    <t>さば缶味付き</t>
  </si>
  <si>
    <t>青森の正直さば味付</t>
  </si>
  <si>
    <t>青森の正直鯖味付</t>
  </si>
  <si>
    <t>日本のさば味付</t>
  </si>
  <si>
    <t>さばで健康味付九州産</t>
  </si>
  <si>
    <t>さばで健康しょうゆ味パウチ</t>
  </si>
  <si>
    <t>さばで健康しょうゆ</t>
  </si>
  <si>
    <t>さばで健康味付</t>
  </si>
  <si>
    <t>天長食品工業</t>
  </si>
  <si>
    <t>ﾃﾝﾁｮｳ</t>
  </si>
  <si>
    <t>国産さば使用さば醤油味付</t>
  </si>
  <si>
    <t>カーギルジャパン</t>
  </si>
  <si>
    <t>さばしょうゆ味付</t>
  </si>
  <si>
    <t>今津</t>
  </si>
  <si>
    <t>ｲﾏﾂﾞ</t>
  </si>
  <si>
    <t>さば味付け</t>
  </si>
  <si>
    <t>ワンステップ</t>
  </si>
  <si>
    <t>ﾜﾝｽﾃｯﾌﾟ</t>
  </si>
  <si>
    <t>あいこちゃん_黒のサバ醤油煮</t>
  </si>
  <si>
    <t>伊藤食品</t>
  </si>
  <si>
    <t>八戸のさば味付</t>
  </si>
  <si>
    <t>マルハニチロ北日本</t>
  </si>
  <si>
    <t>ﾏﾙﾊﾆﾁﾛｷﾀ</t>
  </si>
  <si>
    <t>鳥取缶詰</t>
  </si>
  <si>
    <t>ﾄｯﾄﾘｶﾝﾂﾞﾒ</t>
  </si>
  <si>
    <t>極洋</t>
  </si>
  <si>
    <t>ｷｮｸﾖｳ</t>
  </si>
  <si>
    <t>ｷｮｳﾖｳ</t>
  </si>
  <si>
    <t>国産さば味付</t>
  </si>
  <si>
    <t>レヴクリエイト</t>
  </si>
  <si>
    <t>ﾚｳﾞｸﾘｴｲﾄ</t>
  </si>
  <si>
    <t>みそ煮</t>
  </si>
  <si>
    <t>寒さば味噌煮</t>
  </si>
  <si>
    <t>ﾀｶｷﾞｼｮｳﾃﾝ</t>
  </si>
  <si>
    <t>さば味噌煮</t>
  </si>
  <si>
    <t>さば味噌煮_5個セット</t>
  </si>
  <si>
    <t>アシストバルール鯖の味噌煮</t>
  </si>
  <si>
    <t>さばみそ煮</t>
  </si>
  <si>
    <t>食べきりさば味噌煮缶</t>
  </si>
  <si>
    <t>さば味噌煮缶詰</t>
  </si>
  <si>
    <t>さば味噌煮缶</t>
  </si>
  <si>
    <t>鯖の味噌煮</t>
  </si>
  <si>
    <t>高木　さば味噌煮</t>
  </si>
  <si>
    <t>寒さば味噌煮缶</t>
  </si>
  <si>
    <t>高木商店</t>
  </si>
  <si>
    <t>産地がわかる寒さば味噌煮</t>
  </si>
  <si>
    <t>ノルレェイクさば缶味噌煮</t>
  </si>
  <si>
    <t>国産　さば味噌</t>
  </si>
  <si>
    <t>95ｇ</t>
  </si>
  <si>
    <t>宮城県水産事業協同組合</t>
  </si>
  <si>
    <t>鯖みそ煮</t>
  </si>
  <si>
    <t>華和インターナショナル</t>
  </si>
  <si>
    <t>ﾊﾅﾜ</t>
  </si>
  <si>
    <t>さば缶味噌煮</t>
  </si>
  <si>
    <t>ＴＣＳトレーディング</t>
  </si>
  <si>
    <t>tcsﾄﾚｰﾄﾞ</t>
  </si>
  <si>
    <t>金華さばみそ煮</t>
  </si>
  <si>
    <t>ＳＴＩフードホールディングス</t>
  </si>
  <si>
    <t>STIﾌｰﾄﾞ</t>
  </si>
  <si>
    <t>ひと口さばみそ煮</t>
  </si>
  <si>
    <t>115g×3P</t>
  </si>
  <si>
    <t>ひと口さば　みそ煮</t>
  </si>
  <si>
    <t>さばみそ煮パウチ</t>
  </si>
  <si>
    <t>うまいさば味噌煮</t>
  </si>
  <si>
    <t>サバミソニ</t>
  </si>
  <si>
    <t>ＡＬさば味噌煮　ＥＯ</t>
  </si>
  <si>
    <t>ＲＨさばみそ煮</t>
  </si>
  <si>
    <t>さばみそ煮月花</t>
  </si>
  <si>
    <t>さばみそ煮6号缶</t>
  </si>
  <si>
    <t>月花さばみそ煮2缶シュリンク</t>
  </si>
  <si>
    <t>さば味噌煮月花</t>
  </si>
  <si>
    <t>マルハＮさば味噌煮ＥＯ</t>
  </si>
  <si>
    <t>サバミソニ　ＥＯ</t>
  </si>
  <si>
    <t>さば　味噌煮　ＥＯ缶</t>
  </si>
  <si>
    <t>国産さばのみそ煮</t>
  </si>
  <si>
    <t>さばみそ煮K缶</t>
  </si>
  <si>
    <t>マルハニチロ　機能性表示食品　減塩さばみそ煮Ｎ　１９０ｇ</t>
  </si>
  <si>
    <t>田原缶詰　ちょうしたさば味噌K</t>
  </si>
  <si>
    <t>K缶</t>
  </si>
  <si>
    <t>ﾁｮｰｼﾀ</t>
  </si>
  <si>
    <t>さばみそ煮ＥＯＫ</t>
  </si>
  <si>
    <t>さば味噌煮_EO-K</t>
  </si>
  <si>
    <t>鯖みそ煮国内産</t>
  </si>
  <si>
    <t>極みの逸品さば味噌煮</t>
  </si>
  <si>
    <t>ちょうしたプレミアム北欧産さば味噌煮</t>
  </si>
  <si>
    <t>サバミソニツケ</t>
  </si>
  <si>
    <t>さばみそ煮Ｔ２号缶</t>
  </si>
  <si>
    <t>さばの味噌煮</t>
  </si>
  <si>
    <t>ニッスイ　スルっとふた　八戸港　さば味噌煮</t>
  </si>
  <si>
    <t>炙りさばの味噌だれ</t>
  </si>
  <si>
    <t>スルッとさば味噌煮減塩缶</t>
  </si>
  <si>
    <t>スルッとふたSABAさば味噌煮</t>
  </si>
  <si>
    <t>スルッとさば味噌煮</t>
  </si>
  <si>
    <t>うまい鯖匠さばみそ煮</t>
  </si>
  <si>
    <t>SABAさばみそ煮150g</t>
  </si>
  <si>
    <t>SABAさばみそ煮150gx3</t>
  </si>
  <si>
    <t>さば味噌煮ＥＯ</t>
  </si>
  <si>
    <t>8号缶</t>
  </si>
  <si>
    <t>青森の正直真鯖味噌煮</t>
  </si>
  <si>
    <t>鯖味噌煮八丁味噌仕立て</t>
  </si>
  <si>
    <t>鯖味噌煮大関酒粕仕立て</t>
  </si>
  <si>
    <t>さば缶みそ</t>
  </si>
  <si>
    <t>青森の正直さば味噌煮</t>
  </si>
  <si>
    <t>青森の正直鯖味噌煮</t>
  </si>
  <si>
    <t>宝幸　八戸前沖さば味噌煮ＥＯ　２００ｇ</t>
  </si>
  <si>
    <t>鯖味噌煮北欧産さば使用T1缶</t>
  </si>
  <si>
    <t>鯖味噌煮八丁味噌使用</t>
  </si>
  <si>
    <t>鯖味噌煮酒粕仕立て</t>
  </si>
  <si>
    <t>宝幸　さば味噌煮　国内産さば使用　缶　１９０ｇ</t>
  </si>
  <si>
    <t>日本のさば味噌煮</t>
  </si>
  <si>
    <t>さばで健康みそ煮九州産</t>
  </si>
  <si>
    <t>さばで健康みそ味パウチ</t>
  </si>
  <si>
    <t>さばで健康みそ</t>
  </si>
  <si>
    <t>さばで健康みそ煮</t>
  </si>
  <si>
    <t>はごろもさばみそ煮脂がのった寒鯖使用</t>
  </si>
  <si>
    <t>鯖味噌煮</t>
  </si>
  <si>
    <t>鯖味噌煮缶</t>
  </si>
  <si>
    <t>ﾃﾝﾁｮｳｼｮｸﾋﾝ</t>
  </si>
  <si>
    <t>BLｼｮｸﾊﾝ</t>
  </si>
  <si>
    <t>国産さば使用さば味噌煮</t>
  </si>
  <si>
    <t>銚子産さば味噌煮</t>
  </si>
  <si>
    <t>信田缶詰</t>
  </si>
  <si>
    <t>ｼﾀﾞｶﾝﾂﾞﾒ</t>
  </si>
  <si>
    <t>国産鯖味噌煮</t>
  </si>
  <si>
    <t>さば味噌煮国産生原料使用</t>
  </si>
  <si>
    <t>金華さば味噌煮缶</t>
  </si>
  <si>
    <t>木の屋石巻水産</t>
  </si>
  <si>
    <t>ｷﾉﾔｲｼﾏｷ</t>
  </si>
  <si>
    <t>九州さば味噌煮</t>
  </si>
  <si>
    <t>相浦缶詰</t>
  </si>
  <si>
    <t>ｱｲﾉｳﾗｶﾝﾂﾞﾒ</t>
  </si>
  <si>
    <t>サバ味噌煮</t>
  </si>
  <si>
    <t>ｲﾄｳｼｮｸﾋﾝ</t>
  </si>
  <si>
    <t>あいこちゃん_金の鯖味噌煮</t>
  </si>
  <si>
    <t>大西洋サバ使用鯖味噌煮</t>
  </si>
  <si>
    <t>八戸のさば味噌煮</t>
  </si>
  <si>
    <t>鯖八丁味噌煮缶</t>
  </si>
  <si>
    <t>ｵﾊﾞﾏｶｲｻﾝﾌﾞ</t>
  </si>
  <si>
    <t>EOさば味噌煮K缶</t>
  </si>
  <si>
    <t>極洋　さば味噌煮　１６０ｇ</t>
  </si>
  <si>
    <t>さば味噌煮大辛</t>
  </si>
  <si>
    <t>ノルウェーさば味噌煮145g</t>
  </si>
  <si>
    <t>EOKさば味噌煮　３缶シュリンク</t>
  </si>
  <si>
    <t>EOK_X3</t>
  </si>
  <si>
    <t>国産さばみそ煮</t>
  </si>
  <si>
    <t>三陸さば味噌煮</t>
  </si>
  <si>
    <t>水煮</t>
  </si>
  <si>
    <t>寒さば水煮</t>
  </si>
  <si>
    <t>さば水煮</t>
  </si>
  <si>
    <t>ニッスイスルッとふたさば水煮ケース</t>
  </si>
  <si>
    <t>150g×24P</t>
  </si>
  <si>
    <t>さば水煮_5個セット</t>
  </si>
  <si>
    <t>アシストバルール鯖水煮</t>
  </si>
  <si>
    <t>食べきりさば水煮缶</t>
  </si>
  <si>
    <t>さば水煮缶詰</t>
  </si>
  <si>
    <t>さば水煮缶</t>
  </si>
  <si>
    <t>鯖缶詰水煮</t>
  </si>
  <si>
    <t>セイウ</t>
  </si>
  <si>
    <t>フォレお徳用サバ水煮缶</t>
  </si>
  <si>
    <t>巨林フーズ＆リカー</t>
  </si>
  <si>
    <t>ｷｮﾘﾝﾌｰｽﾞﾘｶ</t>
  </si>
  <si>
    <t>寒さば水煮缶</t>
  </si>
  <si>
    <t>産地がわかる寒さば水煮</t>
  </si>
  <si>
    <t>シーウィングス　さば水煮　缶　２００ｇ</t>
  </si>
  <si>
    <t>鯖水煮</t>
  </si>
  <si>
    <t>さば缶水煮</t>
  </si>
  <si>
    <t>金華さば水煮</t>
  </si>
  <si>
    <t>ひと口さば水煮</t>
  </si>
  <si>
    <t>ひと口さば水煮缶</t>
  </si>
  <si>
    <t>さば水煮パウチ</t>
  </si>
  <si>
    <t>うまいさば水煮</t>
  </si>
  <si>
    <t>さば水煮6号缶</t>
  </si>
  <si>
    <t>さば水煮月花</t>
  </si>
  <si>
    <t>月花さば水煮2缶シュリンク</t>
  </si>
  <si>
    <t>さば水煮ＥＯ</t>
  </si>
  <si>
    <t>さば水煮EO</t>
  </si>
  <si>
    <t>さば水煮　Ｋ缶／２４×２</t>
  </si>
  <si>
    <t>マルハニチロ　減塩さば水煮Ｎ　ＥＯ缶１９０ｇ</t>
  </si>
  <si>
    <t>田原缶詰　ちょうしたさば水煮K缶</t>
  </si>
  <si>
    <t>ちょうした鯖水煮</t>
  </si>
  <si>
    <t>ﾀﾊﾗ</t>
  </si>
  <si>
    <t>さば水煮ＥＯＫ</t>
  </si>
  <si>
    <t>さば水煮_EO-K</t>
  </si>
  <si>
    <t>鯖水煮国内産</t>
  </si>
  <si>
    <t>さば水煮Ｔ２号缶</t>
  </si>
  <si>
    <t>スルッとふたさば水煮減塩</t>
  </si>
  <si>
    <t>スルッとふたSABAさば水煮</t>
  </si>
  <si>
    <t>デンマーク産さば水煮</t>
  </si>
  <si>
    <t>さば水煮タイ産</t>
  </si>
  <si>
    <t>スルッとさば水煮2缶パックx2</t>
  </si>
  <si>
    <t>スルッとさば水煮</t>
  </si>
  <si>
    <t>日本水産　ＳＡＢＡ　さばプレーン　袋６０ｇ</t>
  </si>
  <si>
    <t>うまい鯖匠さば水煮</t>
  </si>
  <si>
    <t>SABAさば水煮150g</t>
  </si>
  <si>
    <t>SABAさば水煮150gx3</t>
  </si>
  <si>
    <t>青森の正直真鯖水煮</t>
  </si>
  <si>
    <t>さば水煮ＥＯ６号</t>
  </si>
  <si>
    <t>さば水煮八戸港原料</t>
  </si>
  <si>
    <t>青森の正直鯖水煮</t>
  </si>
  <si>
    <t>レトルトさば水煮</t>
  </si>
  <si>
    <t>宝幸　八戸前沖さば水煮ＥＯ　２００ｇ</t>
  </si>
  <si>
    <t>さば水煮EO缶</t>
  </si>
  <si>
    <t>鯖水煮北欧産さば使用</t>
  </si>
  <si>
    <t>宝幸　さば水煮　国内産さば使用　缶　１９０ｇ</t>
  </si>
  <si>
    <t>日本のさば水煮</t>
  </si>
  <si>
    <t>さばで健康水煮九州産</t>
  </si>
  <si>
    <t>さばで健康水煮（パウチ）</t>
  </si>
  <si>
    <t>さばで健康水煮</t>
  </si>
  <si>
    <t>鯖水煮缶</t>
  </si>
  <si>
    <t>国産さば使用さば水煮</t>
  </si>
  <si>
    <t>銚子産さば水煮</t>
  </si>
  <si>
    <t>さば水煮T2/EO</t>
  </si>
  <si>
    <t>国産サバ水煮</t>
  </si>
  <si>
    <t>銚子産鯖水煮</t>
  </si>
  <si>
    <t>さば水煮国産生原料使用</t>
  </si>
  <si>
    <t>さばの水煮</t>
  </si>
  <si>
    <t>ﾄﾐﾅｶﾞ</t>
  </si>
  <si>
    <t>秋冬さば水煮T2</t>
  </si>
  <si>
    <t>ｷﾉﾔｲｼﾉﾏｷｽｲ</t>
  </si>
  <si>
    <t>金華サーモン水煮T2</t>
  </si>
  <si>
    <t>ＡＢＣさば水煮国産原料使用</t>
  </si>
  <si>
    <t>九州さば水煮</t>
  </si>
  <si>
    <t>サバ水煮</t>
  </si>
  <si>
    <t>食塩不使用鯖水煮</t>
  </si>
  <si>
    <t>ピリ辛美味しい鯖水煮</t>
  </si>
  <si>
    <t>あいこちゃん_銀の鯖水煮</t>
  </si>
  <si>
    <t>大西洋サバ使用鯖水煮</t>
  </si>
  <si>
    <t>大西洋サバ使用鯖水煮食塩不使用</t>
  </si>
  <si>
    <t>マルシメ・トゥェンティワン</t>
  </si>
  <si>
    <t>ﾏﾙｼﾒ21</t>
  </si>
  <si>
    <t>八戸のさば水煮</t>
  </si>
  <si>
    <t>さば水煮Ｔ２号缶ＥＯ</t>
  </si>
  <si>
    <t>EOさば水煮_Ｋ缶</t>
  </si>
  <si>
    <t>EO_K</t>
  </si>
  <si>
    <t>さば水煮レモンプラス</t>
  </si>
  <si>
    <t>極洋さば水煮</t>
  </si>
  <si>
    <t>ノルウェーさば水煮145g</t>
  </si>
  <si>
    <t>EOKさば水煮　３缶シュリンク</t>
  </si>
  <si>
    <t>国産さば水煮</t>
  </si>
  <si>
    <t>三陸さば水煮</t>
  </si>
  <si>
    <t>その他さば</t>
  </si>
  <si>
    <t>明太王鯖</t>
  </si>
  <si>
    <t>辛つま屋サバ激辛味噌漬け</t>
  </si>
  <si>
    <t>リベルタ</t>
  </si>
  <si>
    <t>ﾘﾍﾞﾙﾀ</t>
  </si>
  <si>
    <t>焼き鯖のアヒージョ</t>
  </si>
  <si>
    <t>さばカレー煮缶</t>
  </si>
  <si>
    <t>国産　焼き塩さば</t>
  </si>
  <si>
    <t>サバのオイル煮</t>
  </si>
  <si>
    <t>125Ｇ</t>
  </si>
  <si>
    <t>サバのトマト煮</t>
  </si>
  <si>
    <t>日本のだし煮さばだし煮EO缶</t>
  </si>
  <si>
    <t>ｺｸﾌﾞｸﾞﾙｰﾌﾟ</t>
  </si>
  <si>
    <t>さば燻製油漬</t>
  </si>
  <si>
    <t>さば塩焼</t>
  </si>
  <si>
    <t>さば　照焼きＡＬ</t>
  </si>
  <si>
    <t>さば照焼　ＥＯ缶８０ｇ</t>
  </si>
  <si>
    <t>さばのバジルオイル煮</t>
  </si>
  <si>
    <t>ちょうしたさば照焼</t>
  </si>
  <si>
    <t>本照焼さば</t>
  </si>
  <si>
    <t>ちょうした本照り焼さば国内産</t>
  </si>
  <si>
    <t>鯖の西京漬け</t>
  </si>
  <si>
    <t>さばの大根おろし煮</t>
  </si>
  <si>
    <t>極みの逸品さば大根おろし煮</t>
  </si>
  <si>
    <t>鯖のオイル漬け</t>
  </si>
  <si>
    <t>さば照焼</t>
  </si>
  <si>
    <t>炙りさばの生姜しょうゆ缶</t>
  </si>
  <si>
    <t>デンマーク産さばオイル漬け缶</t>
  </si>
  <si>
    <t>日本水産　ＳＡＢＡ　さばオリーブオイル漬　袋６０ｇ</t>
  </si>
  <si>
    <t>うまい鯖匠さば梅風味</t>
  </si>
  <si>
    <t>サバテリヤキ</t>
  </si>
  <si>
    <t>フィレサバオイル</t>
  </si>
  <si>
    <t>フィレサバトマト</t>
  </si>
  <si>
    <t>フィレサバイタリアン</t>
  </si>
  <si>
    <t>さば照り焼き</t>
  </si>
  <si>
    <t>さば梅じそ風味</t>
  </si>
  <si>
    <t>ｻﾊﾞｵﾘｰﾌﾞｵｲﾙ</t>
  </si>
  <si>
    <t>さば塩ﾚﾓﾝ風味</t>
  </si>
  <si>
    <t>サバオリーブオイルさば油漬</t>
  </si>
  <si>
    <t>さばカレー風味</t>
  </si>
  <si>
    <t>さばカレーCoCO壱番屋</t>
  </si>
  <si>
    <t>さばゆず胡椒EO缶</t>
  </si>
  <si>
    <t>赤から監修赤からさば缶</t>
  </si>
  <si>
    <t>さばで健康和風トマト味パウチ</t>
  </si>
  <si>
    <t>さばで健康ごまみそ味</t>
  </si>
  <si>
    <t>さばで健康カレー</t>
  </si>
  <si>
    <t>さばで健康　アヒージョ風</t>
  </si>
  <si>
    <t>さばで健康にんにくみそ味パウチ</t>
  </si>
  <si>
    <t>さばで健康大根おろし煮</t>
  </si>
  <si>
    <t>さば大根おろし煮</t>
  </si>
  <si>
    <t>ご飯がススムさばのキムチ煮</t>
  </si>
  <si>
    <t>鯖水煮岩井の純正胡麻油入り</t>
  </si>
  <si>
    <t>鯖水煮岩井のごま辣油入り</t>
  </si>
  <si>
    <t>サバカレー</t>
  </si>
  <si>
    <t>さばオリーブオイル</t>
  </si>
  <si>
    <t>さばオリーブオイルガーリック</t>
  </si>
  <si>
    <t>国産サバオリーブオイル漬</t>
  </si>
  <si>
    <t>国産サバのレモンバジル味缶</t>
  </si>
  <si>
    <t>国産サバのパプリカチリソース味</t>
  </si>
  <si>
    <t>国産サバのアクアパッツァ風</t>
  </si>
  <si>
    <t>国産サバのブラックペッパー</t>
  </si>
  <si>
    <t>鯖水煮缶ゆず風味</t>
  </si>
  <si>
    <t>さば生姜焼</t>
  </si>
  <si>
    <t>焼さばみぞれ煮</t>
  </si>
  <si>
    <t>焼さばごま味噌風味坦々風</t>
  </si>
  <si>
    <t>SABAKANさばのトマトパッツア</t>
  </si>
  <si>
    <t>さばの塩焼き</t>
  </si>
  <si>
    <t>さばトマト煮</t>
  </si>
  <si>
    <t>さんま</t>
  </si>
  <si>
    <t>蒲焼</t>
  </si>
  <si>
    <t>さんま蒲焼EO</t>
  </si>
  <si>
    <t>サンマ蒲焼</t>
  </si>
  <si>
    <t>ﾀｲﾗﾝﾄﾞFJ</t>
  </si>
  <si>
    <t>さんま蒲焼</t>
  </si>
  <si>
    <t>ﾀｲﾗﾝﾄﾞ</t>
  </si>
  <si>
    <t>秋刀魚蒲焼</t>
  </si>
  <si>
    <t>特撰さんま蒲焼</t>
  </si>
  <si>
    <t>さんま蒲焼ＥＯ　３缶パック</t>
  </si>
  <si>
    <t>100g*3</t>
  </si>
  <si>
    <t>さんま蒲焼3缶</t>
  </si>
  <si>
    <t>100g×3</t>
  </si>
  <si>
    <t>減塩さんま蒲焼</t>
  </si>
  <si>
    <t>サンマカバヤキ</t>
  </si>
  <si>
    <t>ちょうしたさんま蒲焼</t>
  </si>
  <si>
    <t>K5A</t>
  </si>
  <si>
    <t>さんま蒲焼EO缶</t>
  </si>
  <si>
    <t>30×2P</t>
  </si>
  <si>
    <t>さんま蒲焼　5缶パック</t>
  </si>
  <si>
    <t>100g*5缶</t>
  </si>
  <si>
    <t>さんま蒲焼どんどん</t>
  </si>
  <si>
    <t>さんま蒲焼きL</t>
  </si>
  <si>
    <t>さんま蒲焼　３Ｐ</t>
  </si>
  <si>
    <t>さんま蒲焼き４缶パック</t>
  </si>
  <si>
    <t>さんま蒲焼　</t>
  </si>
  <si>
    <t>１00g</t>
  </si>
  <si>
    <t>さんま蒲焼減塩ＥＯ</t>
  </si>
  <si>
    <t>スミビヤキサンマカバヤキ</t>
  </si>
  <si>
    <t>さんまで健康蒲焼パウチ</t>
  </si>
  <si>
    <t>さんま蒲焼70g</t>
  </si>
  <si>
    <t>さんま蒲焼き</t>
  </si>
  <si>
    <t>90g×3P</t>
  </si>
  <si>
    <t>香ばしいさんまの蒲焼</t>
  </si>
  <si>
    <t>いわし蒲焼缶</t>
  </si>
  <si>
    <t>さんま味付</t>
  </si>
  <si>
    <t>国内さんま醤油味付</t>
  </si>
  <si>
    <t>さんま醤油味付</t>
  </si>
  <si>
    <t>K＆K缶つま生姜入りのさんまさんま味付</t>
  </si>
  <si>
    <t>ｺｸﾌﾞ</t>
  </si>
  <si>
    <t>北海道産秋刀魚味付</t>
  </si>
  <si>
    <t>ストー缶詰</t>
  </si>
  <si>
    <t>ｽﾄ-ｶﾝﾂﾞﾒ</t>
  </si>
  <si>
    <t>さんま味付ＥＯ</t>
  </si>
  <si>
    <t>月花さんま煮付</t>
  </si>
  <si>
    <t>サンマアジツケ</t>
  </si>
  <si>
    <t>さんま煮付150g／24x2</t>
  </si>
  <si>
    <t>さんま煮付</t>
  </si>
  <si>
    <t>さんま味付　ＥＯ</t>
  </si>
  <si>
    <t>さんまで健康しょうゆ味パウチ</t>
  </si>
  <si>
    <t>極洋　さんま味付　缶３００ｇ</t>
  </si>
  <si>
    <t>北海道産さんまのみそ煮</t>
  </si>
  <si>
    <t>国内さんま味噌煮</t>
  </si>
  <si>
    <t>さんま味噌</t>
  </si>
  <si>
    <t>さんまみそ煮　携帯缶</t>
  </si>
  <si>
    <t>SANMAさんま味噌煮150g／24x2</t>
  </si>
  <si>
    <t>さんま味噌煮</t>
  </si>
  <si>
    <t>さんまみそ煮</t>
  </si>
  <si>
    <t>さんまで健康みそ味パウチ</t>
  </si>
  <si>
    <t>北日本根室のさんま味噌煮缶</t>
  </si>
  <si>
    <t>月花さんま水煮</t>
  </si>
  <si>
    <t>さんま水煮　携帯缶</t>
  </si>
  <si>
    <t>さんま水煮</t>
  </si>
  <si>
    <t>北日本根室のさんま水煮缶</t>
  </si>
  <si>
    <t>その他さんま</t>
  </si>
  <si>
    <t>北海道産さんまのうま煮</t>
  </si>
  <si>
    <t>K＆K缶つま味噌ｶﾚｰ味のさんま</t>
  </si>
  <si>
    <t>K＆K缶つまさんまとれんこんの炊き合わせ</t>
  </si>
  <si>
    <t>日本のだし煮さんまだし煮</t>
  </si>
  <si>
    <t>さんま　みぞれ煮</t>
  </si>
  <si>
    <t>北海道産さんま塩焼</t>
  </si>
  <si>
    <t>さんまうま煮</t>
  </si>
  <si>
    <t>ちょうした_焼さんま_おろし煮_EO_100g</t>
  </si>
  <si>
    <t>さんま塩焼きEO角5A</t>
  </si>
  <si>
    <t>煮魚物語さんま昆布巻</t>
  </si>
  <si>
    <t>さんま昆布巻</t>
  </si>
  <si>
    <t>さんま昆布巻きＥＯ</t>
  </si>
  <si>
    <t>ホニホ_さんま梅しそ風味</t>
  </si>
  <si>
    <t>さんま生姜焼</t>
  </si>
  <si>
    <t>焼さんま大根おろし入</t>
  </si>
  <si>
    <t>さんま梅じそ風味</t>
  </si>
  <si>
    <t>さんまで健康大根おろし煮パウチ</t>
  </si>
  <si>
    <t>さんま健康甘酢あんかけ風</t>
  </si>
  <si>
    <t>さんまで健康黒酢煮</t>
  </si>
  <si>
    <t>さんまで健康キムチ</t>
  </si>
  <si>
    <t>さんま蒲焼大根おろし</t>
  </si>
  <si>
    <t>さんま塩焼</t>
  </si>
  <si>
    <t>さんま生姜焼EOK5A/30X2</t>
  </si>
  <si>
    <t>さんま昆布巻_缶詰</t>
  </si>
  <si>
    <t>いわし</t>
  </si>
  <si>
    <t>いわし蒲焼</t>
  </si>
  <si>
    <t>いわし蒲焼き　ＥＯ</t>
  </si>
  <si>
    <t>いわし蒲焼3缶シュリンク</t>
  </si>
  <si>
    <t>いわし蒲焼EO缶</t>
  </si>
  <si>
    <t>いわし蒲焼ＥＯ</t>
  </si>
  <si>
    <t>いわし蒲焼中国産</t>
  </si>
  <si>
    <t>釧路のいわし味付EOK150g5個セット</t>
  </si>
  <si>
    <t>150g×5</t>
  </si>
  <si>
    <t>いわし味付</t>
  </si>
  <si>
    <t>いわし味付け</t>
  </si>
  <si>
    <t>ﾀｲﾗﾝﾄﾞF</t>
  </si>
  <si>
    <t>いわし味付缶</t>
  </si>
  <si>
    <t>いわし味付け_缶詰</t>
  </si>
  <si>
    <t>いわし醤油煮</t>
  </si>
  <si>
    <t>寒いわし醤油煮</t>
  </si>
  <si>
    <t>銚子港いわし醤油味付け</t>
  </si>
  <si>
    <t>北海道のいわし味付</t>
  </si>
  <si>
    <t>釧路いわし煮付150ｇ</t>
  </si>
  <si>
    <t>いわし煮付L</t>
  </si>
  <si>
    <t>ﾀｲ産いわし味付EO</t>
  </si>
  <si>
    <t>OV6</t>
  </si>
  <si>
    <t>月花いわし煮付</t>
  </si>
  <si>
    <t>いわし煮付</t>
  </si>
  <si>
    <t>マルハニチロ　いわし煮付　ＥＯＫＲ　１５０ｇ</t>
  </si>
  <si>
    <t>ちょうしたいわし味付</t>
  </si>
  <si>
    <t>いわし味付生姜入</t>
  </si>
  <si>
    <t>ちょうした国産いわし醤油煮EO缶</t>
  </si>
  <si>
    <t>いわし味付けEO缶</t>
  </si>
  <si>
    <t>いわし煮付　EO</t>
  </si>
  <si>
    <t>イワシ味付け</t>
  </si>
  <si>
    <t>いわし醤油味ＥＯ</t>
  </si>
  <si>
    <t>レトルト真いわししょうゆ味</t>
  </si>
  <si>
    <t>日本のいわし味付八戸港水揚げ</t>
  </si>
  <si>
    <t>国内産いわし味付け缶</t>
  </si>
  <si>
    <t>いわしで健康しょうゆ味パウチ</t>
  </si>
  <si>
    <t>いわしで健康しょうゆ味</t>
  </si>
  <si>
    <t>イワシデケンコウショウユ</t>
  </si>
  <si>
    <t>まいわし和風煮</t>
  </si>
  <si>
    <t>銚子産いわし醤油味</t>
  </si>
  <si>
    <t>国産いわし味付O3号</t>
  </si>
  <si>
    <t>国産いわし醤油</t>
  </si>
  <si>
    <t>いわししょうゆ味付</t>
  </si>
  <si>
    <t>タイ産いわし味付缶詰</t>
  </si>
  <si>
    <t>いわし煮付け缶詰</t>
  </si>
  <si>
    <t>釧路のいわし味付け</t>
  </si>
  <si>
    <t>ｷｮｸﾖｰ</t>
  </si>
  <si>
    <t>いわし味付ＥＯ</t>
  </si>
  <si>
    <t>いわし味付カット</t>
  </si>
  <si>
    <t>釧路のいわしみそ煮EOK150g5個セット</t>
  </si>
  <si>
    <t>イワシ味噌煮缶</t>
  </si>
  <si>
    <t>いわし味噌煮</t>
  </si>
  <si>
    <t>いわし味噌缶</t>
  </si>
  <si>
    <t>いわし味噌煮_缶詰</t>
  </si>
  <si>
    <t>いわしの味噌煮</t>
  </si>
  <si>
    <t>銚子港いわし味噌煮</t>
  </si>
  <si>
    <t>北海道のいわし味噌煮</t>
  </si>
  <si>
    <t>いわしみそ煮L</t>
  </si>
  <si>
    <t>ﾀｲ産いわしみそ煮EO</t>
  </si>
  <si>
    <t>マルハニチロ　いわしみそ煮　ＥＯＫＲ　１５０ｇ</t>
  </si>
  <si>
    <t>いわし味噌煮生姜入EO缶</t>
  </si>
  <si>
    <t>国産いわしみそ煮付</t>
  </si>
  <si>
    <t>いわし味噌煮EO缶</t>
  </si>
  <si>
    <t>いわしみそ煮</t>
  </si>
  <si>
    <t>いわし味味噌　EO</t>
  </si>
  <si>
    <t>イワシみそ煮</t>
  </si>
  <si>
    <t>いわしみそ味ＥＯ</t>
  </si>
  <si>
    <t>いわし味噌煮缶</t>
  </si>
  <si>
    <t>国内産いわし味噌煮缶</t>
  </si>
  <si>
    <t>いわしで健康みそ味パウチ</t>
  </si>
  <si>
    <t>いわしで健康みそ味</t>
  </si>
  <si>
    <t>イワシデケンコウミソアジ</t>
  </si>
  <si>
    <t>いわしみそ味</t>
  </si>
  <si>
    <t>釧路のいわしみそ煮</t>
  </si>
  <si>
    <t>いわしみそ煮カット</t>
  </si>
  <si>
    <t>いわし味噌煮ＥＯ</t>
  </si>
  <si>
    <t>釧路のいわし水煮EOK150g5個セット</t>
  </si>
  <si>
    <t>北海道のいわし水煮</t>
  </si>
  <si>
    <t>月花いわし水煮</t>
  </si>
  <si>
    <t>いわし水煮缶</t>
  </si>
  <si>
    <t>日本のいわし水煮缶</t>
  </si>
  <si>
    <t>いわし水煮</t>
  </si>
  <si>
    <t>北日本釧路のいわし水煮缶</t>
  </si>
  <si>
    <t>その他いわし</t>
  </si>
  <si>
    <t>焼きいわしのアヒージョ</t>
  </si>
  <si>
    <t>いわし梅酢煮</t>
  </si>
  <si>
    <t>いわし柚子みそ煮</t>
  </si>
  <si>
    <t>いわしの燻製塩オイル煮</t>
  </si>
  <si>
    <t>いわし小梅煮</t>
  </si>
  <si>
    <t>いわしレモンスープ</t>
  </si>
  <si>
    <t>いわし味付生姜入り</t>
  </si>
  <si>
    <t>いわしうま煮</t>
  </si>
  <si>
    <t>銚子産　入梅いわしの醤油煮付　EO</t>
  </si>
  <si>
    <t>スルッといわし油漬け</t>
  </si>
  <si>
    <t>スルッとふたいわし唐辛子一本入り</t>
  </si>
  <si>
    <t>フライドサーディンINカピソースタイ産</t>
  </si>
  <si>
    <t>川商フーズ</t>
  </si>
  <si>
    <t>ｶﾜｼｮｳﾌｰｽﾞ</t>
  </si>
  <si>
    <t>いわしトマト煮</t>
  </si>
  <si>
    <t>いわしトマト煮ＥＯ_ＯＶ６</t>
  </si>
  <si>
    <t>日本のいわし梅じそ風味</t>
  </si>
  <si>
    <t>日本のいわしオリーブオイル</t>
  </si>
  <si>
    <t>いわしで健康ｽｲｰﾄﾁﾘ味(ﾊﾟｳﾁ)</t>
  </si>
  <si>
    <t>いわし健康ごまみそ煮</t>
  </si>
  <si>
    <t>いわしで健康しょうが煮パウチ</t>
  </si>
  <si>
    <t>いわしで健康ごまみそ味</t>
  </si>
  <si>
    <t>真いわしと野菜のトマト煮</t>
  </si>
  <si>
    <t>いわし生姜煮</t>
  </si>
  <si>
    <t>いわし照り煮</t>
  </si>
  <si>
    <t>いわし油漬け唐辛子入り</t>
  </si>
  <si>
    <t>国産いわし醤油唐辛子入</t>
  </si>
  <si>
    <t>国産いわし明太子</t>
  </si>
  <si>
    <t>ご飯がススムいわしのキムチ煮</t>
  </si>
  <si>
    <t>缶熟いわし</t>
  </si>
  <si>
    <t>イワシのトマト煮</t>
  </si>
  <si>
    <t>大昌貿易行</t>
  </si>
  <si>
    <t>ﾘｺﾞｰ</t>
  </si>
  <si>
    <t>イワシのトマト煮唐辛子入り</t>
  </si>
  <si>
    <t>釧路のいわし梅煮缶</t>
  </si>
  <si>
    <t>焼いわし大根おろし入梅しそ風味</t>
  </si>
  <si>
    <t>いわしのトマトパッツア</t>
  </si>
  <si>
    <t>いわしのオイル煮</t>
  </si>
  <si>
    <t>いわし味付け梅風味</t>
  </si>
  <si>
    <t>いわし味付ゆず風味</t>
  </si>
  <si>
    <t>いわし味付生姜煮</t>
  </si>
  <si>
    <t>まぐろ・かつおナ味付</t>
  </si>
  <si>
    <t>はごろも煮</t>
  </si>
  <si>
    <t>はごろも煮N</t>
  </si>
  <si>
    <t>まぐろ尾の身味付</t>
  </si>
  <si>
    <t>ｱｼｽﾄﾊﾞﾙ-ﾙ</t>
  </si>
  <si>
    <t>味付フレーク</t>
  </si>
  <si>
    <t>まぐろ味付フレーク</t>
  </si>
  <si>
    <t>まぐろやわらか煮みそ煮</t>
  </si>
  <si>
    <t>まぐろやわらか煮あじ付</t>
  </si>
  <si>
    <t>かつお・おかかフレーク</t>
  </si>
  <si>
    <t>マグロフレーク味付EO缶</t>
  </si>
  <si>
    <t>かつおフレーク味付</t>
  </si>
  <si>
    <t>マグロフレーク</t>
  </si>
  <si>
    <t>まぐろフレーク味付EO缶</t>
  </si>
  <si>
    <t>まぐろ味付</t>
  </si>
  <si>
    <t>まぐろフレーク味付ＥＯ</t>
  </si>
  <si>
    <t>まぐろ味付　ＥＯ</t>
  </si>
  <si>
    <t>かつおフレーク味付ＥＯ</t>
  </si>
  <si>
    <t>まぐろステーキＥＯ</t>
  </si>
  <si>
    <t>まぐろステーキ</t>
  </si>
  <si>
    <t>かつおステーキ110g</t>
  </si>
  <si>
    <t>まぐろ水煮フレーク国内加工</t>
  </si>
  <si>
    <t>まぐろフレーク味付タイ産</t>
  </si>
  <si>
    <t>70g×4P</t>
  </si>
  <si>
    <t>和風シーチキンマイルド</t>
  </si>
  <si>
    <t>和風シーチキンマイルドほんのりしょうゆ味</t>
  </si>
  <si>
    <t>はごろも煮減塩（レ）</t>
  </si>
  <si>
    <t>ハゴロモニコミ</t>
  </si>
  <si>
    <t>はごろもはごろも煮減塩</t>
  </si>
  <si>
    <t>はごろも煮_減塩</t>
  </si>
  <si>
    <t>はごろも煮　３缶</t>
  </si>
  <si>
    <t>はごろも煮NSP4</t>
  </si>
  <si>
    <t>はごろも煮　3缶</t>
  </si>
  <si>
    <t>70GX3</t>
  </si>
  <si>
    <t>70g×4</t>
  </si>
  <si>
    <t>75G</t>
  </si>
  <si>
    <t>はごろも煮パウチDHA/EPA</t>
  </si>
  <si>
    <t>はごろも煮（ＴＨ）M2</t>
  </si>
  <si>
    <t>おかずになるまぐろしょうゆ味</t>
  </si>
  <si>
    <t>おかずになるまぐろみそ</t>
  </si>
  <si>
    <t>EOタイ産かつお味付フレーク</t>
  </si>
  <si>
    <t>かつお味付フレーク</t>
  </si>
  <si>
    <t>ＥＯまぐろ味付フレーク</t>
  </si>
  <si>
    <t>いか</t>
  </si>
  <si>
    <t>いか味付EO缶</t>
  </si>
  <si>
    <t>イカのスミ煮</t>
  </si>
  <si>
    <t>イカのガリシア風</t>
  </si>
  <si>
    <t>イカのアヒージョ</t>
  </si>
  <si>
    <t>266g</t>
  </si>
  <si>
    <t>イカスミの煮込み</t>
  </si>
  <si>
    <t>ﾍﾟｽｶﾏｰﾙ　ｲｶのｱﾋｰｼﾞｮ</t>
  </si>
  <si>
    <t>いか味付け</t>
  </si>
  <si>
    <t>いか味付</t>
  </si>
  <si>
    <t>イカのガ－リック漬</t>
  </si>
  <si>
    <t>K＆K缶つま玄界灘呼子沖いか明太</t>
  </si>
  <si>
    <t>北海道産いか味付ＥＯ</t>
  </si>
  <si>
    <t>ｽﾄｰｶﾝﾂﾞﾒ</t>
  </si>
  <si>
    <t>イカ味付</t>
  </si>
  <si>
    <t>イカアジツケ</t>
  </si>
  <si>
    <t>いか味付ＥＯ</t>
  </si>
  <si>
    <t>ちょうした　いか味付</t>
  </si>
  <si>
    <t>田原缶詰　真いか味付　国内産　１３５ｇ</t>
  </si>
  <si>
    <t>いかキムチ</t>
  </si>
  <si>
    <t>いか味付鹿の子切り</t>
  </si>
  <si>
    <t>イカ味付　ＥＯ</t>
  </si>
  <si>
    <t>真いかあじ付</t>
  </si>
  <si>
    <t>いか味付けＥＯ</t>
  </si>
  <si>
    <t>イカ味付缶</t>
  </si>
  <si>
    <t>真いか味付</t>
  </si>
  <si>
    <t>スルッとふた真いか味付</t>
  </si>
  <si>
    <t>ごはんに合うよっちゃんいか</t>
  </si>
  <si>
    <t>よっちゃん食品工業</t>
  </si>
  <si>
    <t>ﾖｯﾁｬﾝ</t>
  </si>
  <si>
    <t>やわらか甘いか</t>
  </si>
  <si>
    <t>ﾔｽﾀﾞｼｮｸﾋﾝｺ</t>
  </si>
  <si>
    <t>いか味付缶詰</t>
  </si>
  <si>
    <t>いか味付缶</t>
  </si>
  <si>
    <t>伊藤食品　美味しいいか味付け　１３５ｇ</t>
  </si>
  <si>
    <t>真いか煮付</t>
  </si>
  <si>
    <t>貝</t>
  </si>
  <si>
    <t>ムール貝の煮込み</t>
  </si>
  <si>
    <t>牡蠣のスモーク</t>
  </si>
  <si>
    <t>ムール貝のビネガーオイル</t>
  </si>
  <si>
    <t>北海道産つぶ貝味付</t>
  </si>
  <si>
    <t>赤西貝のにんにくオリーブ煮</t>
  </si>
  <si>
    <t>ムール貝の煮込み缶</t>
  </si>
  <si>
    <t>スモーク牡蠣　ひまわり油漬け</t>
  </si>
  <si>
    <t>カネイ岡</t>
  </si>
  <si>
    <t>ｱｸｻｽ</t>
  </si>
  <si>
    <t>スモーク牡蠣　アヒージョ</t>
  </si>
  <si>
    <t>スモーク牡蠣　味噌煮</t>
  </si>
  <si>
    <t>スモーク牡蠣　柚子胡椒</t>
  </si>
  <si>
    <t>赤貝味付９０ｇ</t>
  </si>
  <si>
    <t>赤貝しょうゆ旨み味</t>
  </si>
  <si>
    <t>ｼｰｳｲﾝｸﾞｽ</t>
  </si>
  <si>
    <t>あさりしょうゆ旨み味</t>
  </si>
  <si>
    <t>ｲｰｳｲﾝｸﾞｽ</t>
  </si>
  <si>
    <t>貝姿煮しょうゆ旨み味</t>
  </si>
  <si>
    <t>牡蠣しょうゆ旨み味</t>
  </si>
  <si>
    <t>肴缶ムール貝塩味</t>
  </si>
  <si>
    <t>ム－ル貝のトマトソ－ス</t>
  </si>
  <si>
    <t>赤貝味付け</t>
  </si>
  <si>
    <t>赤貝味付大粒ＥＯ</t>
  </si>
  <si>
    <t>赤貝</t>
  </si>
  <si>
    <t>熊本缶詰</t>
  </si>
  <si>
    <t>ｸﾏﾓﾄｶﾝﾂﾞﾒ</t>
  </si>
  <si>
    <t>ベビーほたて貝　３５ｇ</t>
  </si>
  <si>
    <t>つぼ貝味付け３０Ｇ</t>
  </si>
  <si>
    <t>赤貝味付</t>
  </si>
  <si>
    <t>北海道産つぶ貝炙り焼</t>
  </si>
  <si>
    <t>あさり味付け</t>
  </si>
  <si>
    <t>K＆K缶つまプレミアムかき燻製油漬け</t>
  </si>
  <si>
    <t>K＆K缶つま有明産赤貝どて煮風</t>
  </si>
  <si>
    <t>K＆K缶つまSmokeあさり缶</t>
  </si>
  <si>
    <t>あさり燻製油漬</t>
  </si>
  <si>
    <t>かき燻製油漬けEO</t>
  </si>
  <si>
    <t>サンヨー　あさり燻製油漬け　ＥＯ　８５ｇ</t>
  </si>
  <si>
    <t>85G</t>
  </si>
  <si>
    <t>サンヨー堂　貝柱ひも付き燻製油漬け　８５ｇ</t>
  </si>
  <si>
    <t>赤貝味付EOP4</t>
  </si>
  <si>
    <t>あさり味付EO8号缶</t>
  </si>
  <si>
    <t>有明煮赤貝味付大粒</t>
  </si>
  <si>
    <t>有明煮赤貝味付EO</t>
  </si>
  <si>
    <t>あさりしょうが煮</t>
  </si>
  <si>
    <t>赤貝味付小粒_有明煮　ＥＯ缶</t>
  </si>
  <si>
    <t>ちょうした　有明産赤貝浅炊き</t>
  </si>
  <si>
    <t>アカガイアサタキ</t>
  </si>
  <si>
    <t>アカガイタケノコウマニ</t>
  </si>
  <si>
    <t>つぶ貝のアヒージョ</t>
  </si>
  <si>
    <t>赤貝味付　中粒有明産</t>
  </si>
  <si>
    <t>太洋食品</t>
  </si>
  <si>
    <t>ｷﾝﾀｲﾖｳ</t>
  </si>
  <si>
    <t>赤貝味付　ＥＯ</t>
  </si>
  <si>
    <t>赤貝あじ付（大粒）</t>
  </si>
  <si>
    <t>赤貝味付８号</t>
  </si>
  <si>
    <t>真赤貝味付　</t>
  </si>
  <si>
    <t>シーディッシュ_ほたて風味</t>
  </si>
  <si>
    <t>おつまみ小鉢赤貝味付</t>
  </si>
  <si>
    <t>赤貝味付けEO缶</t>
  </si>
  <si>
    <t>（シン）ツボヤキフウミ_ＥＯ</t>
  </si>
  <si>
    <t>ホテイアカガイアジツケ</t>
  </si>
  <si>
    <t>つぶ貝味付</t>
  </si>
  <si>
    <t>ﾎﾃｲﾌｰｽﾞ</t>
  </si>
  <si>
    <t>つぼ焼き風味</t>
  </si>
  <si>
    <t>ﾎﾃｲﾌ-ｽﾞCP</t>
  </si>
  <si>
    <t>牡蠣のアヒージョ</t>
  </si>
  <si>
    <t>帆立のバジルソース仕立て</t>
  </si>
  <si>
    <t>つぼ焼風味</t>
  </si>
  <si>
    <t>このまんまレンジあさりと野菜</t>
  </si>
  <si>
    <t>あさりと野菜Ｓ海鮮白湯風味</t>
  </si>
  <si>
    <t>燻製牡蠣オイル漬</t>
  </si>
  <si>
    <t>スモーク牡蠣燻製油漬しょうゆ味</t>
  </si>
  <si>
    <t>スモーク牡蠣燻製油漬</t>
  </si>
  <si>
    <t>その他水産おかず</t>
  </si>
  <si>
    <t>その他味付け</t>
  </si>
  <si>
    <t>ジェンセン　サーモンパテ</t>
  </si>
  <si>
    <t>ｳｲﾝｸﾞｴ-ｽ</t>
  </si>
  <si>
    <t>ﾌｪｲｼﾞｮﾝ_ｺﾝ_ﾘﾝｸﾞｲｯｻ</t>
  </si>
  <si>
    <t>明太皮つくだ煮きくらげ入り</t>
  </si>
  <si>
    <t>八戸郷土料理　いちご煮</t>
  </si>
  <si>
    <t>たらこ味付</t>
  </si>
  <si>
    <t>ししゃもきくらげ　しその実入り</t>
  </si>
  <si>
    <t>やまめねぎ鯖醤油だれ</t>
  </si>
  <si>
    <t>やまめねぎ鯖塩だれ</t>
  </si>
  <si>
    <t>やまめねぎ鯖味噌だれ</t>
  </si>
  <si>
    <t>炙りサーモンハラス</t>
  </si>
  <si>
    <t>あんこうのきも水煮缶</t>
  </si>
  <si>
    <t>八宝粥</t>
  </si>
  <si>
    <t>ﾀｲｻﾞﾝ</t>
  </si>
  <si>
    <t>かつおたけのこ</t>
  </si>
  <si>
    <t>ひじき煮　８０Ｇ</t>
  </si>
  <si>
    <t>K＆K缶つまプレミアムあなご蒲焼</t>
  </si>
  <si>
    <t>K＆K缶つまプレミアムぶりあら炊き</t>
  </si>
  <si>
    <t>缶つま　スモークサバ</t>
  </si>
  <si>
    <t>K＆K</t>
  </si>
  <si>
    <t>缶つま　スモーク牡蠣</t>
  </si>
  <si>
    <t>ひじきふっくら煮</t>
  </si>
  <si>
    <t>本ずわいかにかに味噌</t>
  </si>
  <si>
    <t>ぶり中骨煮付EOKR</t>
  </si>
  <si>
    <t>あんきも</t>
  </si>
  <si>
    <t>マルハニチロ　かれい中骨煮味付　140ｇ</t>
  </si>
  <si>
    <t>かつお野菜煮</t>
  </si>
  <si>
    <t>マルハ　かつお野菜煮ＥＯ　ＫＲ</t>
  </si>
  <si>
    <t>マルハ　ぶり中骨煮付</t>
  </si>
  <si>
    <t>145ｇ</t>
  </si>
  <si>
    <t>ほっけ塩焼</t>
  </si>
  <si>
    <t>マルハかつお野菜煮</t>
  </si>
  <si>
    <t>とろにしん蒲焼</t>
  </si>
  <si>
    <t>にしん蒲焼_ＥO</t>
  </si>
  <si>
    <t>Ｋ5Ａ</t>
  </si>
  <si>
    <t>角5Ａ</t>
  </si>
  <si>
    <t>ちょうしたのとろにしん</t>
  </si>
  <si>
    <t>ちょうした骨ほろっ鮭のカマ塩焼き</t>
  </si>
  <si>
    <t>田原缶詰極みの逸品ぶり照焼</t>
  </si>
  <si>
    <t>ちょうした国産ぶり照焼き</t>
  </si>
  <si>
    <t>帆立貝ひも味付</t>
  </si>
  <si>
    <t>100P</t>
  </si>
  <si>
    <t>太洋食品金太洋ぶり味付切身</t>
  </si>
  <si>
    <t>ﾀｲﾖｳｼｮｸﾋﾝ</t>
  </si>
  <si>
    <t>煮魚物語かれいの煮付</t>
  </si>
  <si>
    <t>シーディッシュ_かに風味</t>
  </si>
  <si>
    <t>鮭筍味付</t>
  </si>
  <si>
    <t>紅鮭昆布巻</t>
  </si>
  <si>
    <t>にしん昆布巻</t>
  </si>
  <si>
    <t>にしん昆布巻きＥＯ</t>
  </si>
  <si>
    <t>鮭筍味付ＥＯ</t>
  </si>
  <si>
    <t>鮭たけのこ味付けＴ２</t>
  </si>
  <si>
    <t>ｱｹﾎﾞﾉ</t>
  </si>
  <si>
    <t>紅鮭昆布巻き　ＥＯ　８０ｇ</t>
  </si>
  <si>
    <t>鮭味噌煮</t>
  </si>
  <si>
    <t>かにみそ</t>
  </si>
  <si>
    <t>鰊山椒煮ＥＯ</t>
  </si>
  <si>
    <t>鮭と大根の煮物</t>
  </si>
  <si>
    <t>ﾎﾀﾃｵﾘｰﾌﾞｵｲﾙ</t>
  </si>
  <si>
    <t>ツボヤキフウミ</t>
  </si>
  <si>
    <t>がんもと里芋の煮物</t>
  </si>
  <si>
    <t>ひじき入り五目煮</t>
  </si>
  <si>
    <t>ふる里こんぶと大豆の煮物</t>
  </si>
  <si>
    <t>60G</t>
  </si>
  <si>
    <t>ホテイかつお生姜煮</t>
  </si>
  <si>
    <t>かにと糀とみそ</t>
  </si>
  <si>
    <t>いかと里芋の煮物缶</t>
  </si>
  <si>
    <t>ほっけの旨煮</t>
  </si>
  <si>
    <t>兼由</t>
  </si>
  <si>
    <t>ほっけの味噌煮</t>
  </si>
  <si>
    <t>ほっけの水煮</t>
  </si>
  <si>
    <t>ほっけのバジル</t>
  </si>
  <si>
    <t>印度カリー子監修丸ごといわしのカレー缶詰T2</t>
  </si>
  <si>
    <t>金華サーモン醤油煮T2</t>
  </si>
  <si>
    <t>ほたてと紅鮭ほぐし缶_70g</t>
  </si>
  <si>
    <t>かにみそｶﾏﾝﾍﾞｰﾙﾁｰｽﾞ缶</t>
  </si>
  <si>
    <t>さけ照焼　缶詰</t>
  </si>
  <si>
    <t>にしん蒲焼</t>
  </si>
  <si>
    <t>にしん昆布巻_缶詰</t>
  </si>
  <si>
    <t>ぶり照焼　缶詰</t>
  </si>
  <si>
    <t>シーマルシェ　ぶり煮付ゆず風味</t>
  </si>
  <si>
    <t>ｷﾖｸﾖｳ</t>
  </si>
  <si>
    <t>かれいの中骨煮付</t>
  </si>
  <si>
    <t>鱈の子昆布巻</t>
  </si>
  <si>
    <t>久保田丸大　いちご煮たき込みご飯の素</t>
  </si>
  <si>
    <t>久保田丸大</t>
  </si>
  <si>
    <t>八戸発いちご煮</t>
  </si>
  <si>
    <t>ｸﾎﾞﾀﾏﾙﾀﾞｲ</t>
  </si>
  <si>
    <t>帆立入りねり昆布</t>
  </si>
  <si>
    <t>ｻｶｴﾔ</t>
  </si>
  <si>
    <t>たくあん梅酢味</t>
  </si>
  <si>
    <t>道本食品</t>
  </si>
  <si>
    <t>ﾐﾁﾓﾄｼｮｸﾋﾝ</t>
  </si>
  <si>
    <t>サーモンとディルのオイル煮</t>
  </si>
  <si>
    <t>いちご煮</t>
  </si>
  <si>
    <t>415g</t>
  </si>
  <si>
    <t>味の加久の屋</t>
  </si>
  <si>
    <t>ｱｼﾞﾉｶｸﾉﾔ</t>
  </si>
  <si>
    <t>気仙沼ほていぶり味噌煮</t>
  </si>
  <si>
    <t>エゴマの葉キムチ辛口</t>
  </si>
  <si>
    <t>エス・エス・ビー</t>
  </si>
  <si>
    <t>ｾﾝﾋﾟｮ</t>
  </si>
  <si>
    <t>畜産おかず缶詰</t>
  </si>
  <si>
    <t>やきとり</t>
  </si>
  <si>
    <t>とりタレ味</t>
  </si>
  <si>
    <t>焼きとりたれ味</t>
  </si>
  <si>
    <t>K＆K缶つまめいっぱい焼鳥たれ味</t>
  </si>
  <si>
    <t>やきとりしょうゆだれ</t>
  </si>
  <si>
    <t>やきとりたれ</t>
  </si>
  <si>
    <t>おつまみめぐりやきとりたれ味　缶</t>
  </si>
  <si>
    <t>70G</t>
  </si>
  <si>
    <t>やきとりたれ味</t>
  </si>
  <si>
    <t>THEBAR焼鳥ももたれ味</t>
  </si>
  <si>
    <t>P4</t>
  </si>
  <si>
    <t>ヤキトリタレアジ３Ｐ</t>
  </si>
  <si>
    <t>焼鳥たれ味EO7号缶</t>
  </si>
  <si>
    <t>やきとりＦ３</t>
  </si>
  <si>
    <t>やきとりたれ味　３缶</t>
  </si>
  <si>
    <t>とりたまたれ味</t>
  </si>
  <si>
    <t>とりつくねたれ味</t>
  </si>
  <si>
    <t>やきとり激辛味</t>
  </si>
  <si>
    <t>GP4</t>
  </si>
  <si>
    <t>75g×3P</t>
  </si>
  <si>
    <t>60g×3P</t>
  </si>
  <si>
    <t>やんわか炭火焼鳥たれ味</t>
  </si>
  <si>
    <t>おかずになるつまみ　やきとり</t>
  </si>
  <si>
    <t>やんわか若鶏_てりやき</t>
  </si>
  <si>
    <t>やきとり　たれ</t>
  </si>
  <si>
    <t>鳥珍や　やきとりたれ</t>
  </si>
  <si>
    <t>とりしお味</t>
  </si>
  <si>
    <t>やきとり塩だれ味</t>
  </si>
  <si>
    <t>やきとりしお</t>
  </si>
  <si>
    <t>やきとり塩味</t>
  </si>
  <si>
    <t>やきとり塩</t>
  </si>
  <si>
    <t>やきとり塩プルトップ</t>
  </si>
  <si>
    <t>やんわか炭火焼鳥旨塩味</t>
  </si>
  <si>
    <t>やんわか若鶏塩焼き</t>
  </si>
  <si>
    <t>やんわか若鶏_塩焼</t>
  </si>
  <si>
    <t>その他やきとり</t>
  </si>
  <si>
    <t>味の明太粉鶏炭火焼ぴりりでじりじり</t>
  </si>
  <si>
    <t>とりゆず胡椒味</t>
  </si>
  <si>
    <t>とりレバーたれ味</t>
  </si>
  <si>
    <t>とりレバー塩味</t>
  </si>
  <si>
    <t>とりレバーごま油たれ味</t>
  </si>
  <si>
    <t>とりヤンニョム味</t>
  </si>
  <si>
    <t>とりそぼろとバジルうずら卵入り</t>
  </si>
  <si>
    <t>とりそぼろとバジル</t>
  </si>
  <si>
    <t>とり照りやき風</t>
  </si>
  <si>
    <t>とりごぼう</t>
  </si>
  <si>
    <t>とりたまご大根</t>
  </si>
  <si>
    <t>やきとり缶詰ゆず胡椒味</t>
  </si>
  <si>
    <t>とりかわ塩だれ味</t>
  </si>
  <si>
    <t>なんこつ塩だれ味</t>
  </si>
  <si>
    <t>K＆K缶つまめいっぱい焼鳥塩味</t>
  </si>
  <si>
    <t>K＆K缶つまプレミアム赤鶏さつま炭火焼</t>
  </si>
  <si>
    <t>やきとり　柚子こしょう</t>
  </si>
  <si>
    <t>やきとり　つくね</t>
  </si>
  <si>
    <t>おつまみめぐりやきとり塩味　缶</t>
  </si>
  <si>
    <t>おつまみめぐりつくね塩味</t>
  </si>
  <si>
    <t>おつまみめぐりつくねたれ味　</t>
  </si>
  <si>
    <t>とりそぼろトレー</t>
  </si>
  <si>
    <t>やきとりとりたまご</t>
  </si>
  <si>
    <t>やきとり辛口</t>
  </si>
  <si>
    <t>やきとり和風カレー味</t>
  </si>
  <si>
    <t>ほてい焼き鳥辛口</t>
  </si>
  <si>
    <t>やきとりガーリックペッパー</t>
  </si>
  <si>
    <t>やきとり柚子こしょう味</t>
  </si>
  <si>
    <t>やきとりうま辛味</t>
  </si>
  <si>
    <t>からあげ和風醤油味</t>
  </si>
  <si>
    <t>やきとり塩レモン味</t>
  </si>
  <si>
    <t>ホテイやきとり白トリュフ味70g</t>
  </si>
  <si>
    <t>やんわか若鶏てりやき</t>
  </si>
  <si>
    <t>タイデリガパオ焼き鳥</t>
  </si>
  <si>
    <t>タイデリ　トムヤム焼き鳥</t>
  </si>
  <si>
    <t>タイデリパクチー焼き鳥</t>
  </si>
  <si>
    <t>とりレバー味付</t>
  </si>
  <si>
    <t>つくねしお</t>
  </si>
  <si>
    <t>つくねたれ</t>
  </si>
  <si>
    <t>ホリカフーズ　こけし　つくね　タレ</t>
  </si>
  <si>
    <t>ホリカフーズ</t>
  </si>
  <si>
    <t>ﾎﾘｶﾌｰｽﾞ</t>
  </si>
  <si>
    <t>カレー</t>
  </si>
  <si>
    <t>スモーク牡蠣　グリーンカレー</t>
  </si>
  <si>
    <t>くじらカリー</t>
  </si>
  <si>
    <t>チキンとタイカレーイエロー２缶</t>
  </si>
  <si>
    <t>125g×2</t>
  </si>
  <si>
    <t>チキンとインドカレーバターチキン２缶</t>
  </si>
  <si>
    <t>タイカレーアソート</t>
  </si>
  <si>
    <t>ツナとタイカレー（グリーン）</t>
  </si>
  <si>
    <t>ツナとタイカレー（レッド）</t>
  </si>
  <si>
    <t>チキンとタイカレー（イエロー）</t>
  </si>
  <si>
    <t>ツナとタイカレーイエロー</t>
  </si>
  <si>
    <t>チキンとタイカレーパターチキン</t>
  </si>
  <si>
    <t>チキンとタイカレーグリーン</t>
  </si>
  <si>
    <t>いなば食品　チキンとタイカレー　イエロー　１１５ｇ</t>
  </si>
  <si>
    <t>バターチキンカレー缶</t>
  </si>
  <si>
    <t>チキンとインドカレーバターチキン</t>
  </si>
  <si>
    <t>トムヤムチキン</t>
  </si>
  <si>
    <t>いなばカレーチキン</t>
  </si>
  <si>
    <t>いなばカレーグリーン</t>
  </si>
  <si>
    <t>いなばカレーバターチキン</t>
  </si>
  <si>
    <t>野菜とタイカレー</t>
  </si>
  <si>
    <t>チキンとインドカレー黒カレー</t>
  </si>
  <si>
    <t>チキンとインドカレー赤カレー</t>
  </si>
  <si>
    <t>ツナとタイカレー_グリーン</t>
  </si>
  <si>
    <t>ツナとタイカレー_レッド</t>
  </si>
  <si>
    <t>チキンとタイカレーイエロー</t>
  </si>
  <si>
    <t>チキンとタイカレー　レッド</t>
  </si>
  <si>
    <t>深煮込みカレー</t>
  </si>
  <si>
    <t>赤ワインカレー</t>
  </si>
  <si>
    <t>完熟トマトカレー</t>
  </si>
  <si>
    <t>スパイシーカレー</t>
  </si>
  <si>
    <t>タイカレーレッド</t>
  </si>
  <si>
    <t>ﾀｲｶﾚｰﾂﾅ入りﾏｯｻﾏﾝ</t>
  </si>
  <si>
    <t>もつカレー</t>
  </si>
  <si>
    <t>タイデリ　グリーンカレーチキン缶</t>
  </si>
  <si>
    <t>タイデリ　レットカレーチキン缶</t>
  </si>
  <si>
    <t>タイデリ　マッサマンチキン缶</t>
  </si>
  <si>
    <t>ﾀｲﾃﾞﾘ　ﾊﾟｸﾁｰ缶</t>
  </si>
  <si>
    <t>イワシカレー</t>
  </si>
  <si>
    <t>１９０Ｇ</t>
  </si>
  <si>
    <t>ﾉﾌﾞﾀｶﾝﾂﾞﾒ</t>
  </si>
  <si>
    <t>鳥取缶詰　大山ビーフカリー　中辛　２００ｇ</t>
  </si>
  <si>
    <t>かつお和風カレー味</t>
  </si>
  <si>
    <t>その他畜産おかず</t>
  </si>
  <si>
    <t>ｴﾅﾌ　ﾎﾟｰｸﾊﾟﾃｵﾘｼﾞﾅﾙﾃｲｽﾄ</t>
  </si>
  <si>
    <t>レバーパテ</t>
  </si>
  <si>
    <t>ｴﾅﾌ</t>
  </si>
  <si>
    <t>ベーコンビッツ</t>
  </si>
  <si>
    <t>ホーメル</t>
  </si>
  <si>
    <t>ﾎｰﾒﾙ</t>
  </si>
  <si>
    <t>ベーコンピース</t>
  </si>
  <si>
    <t>ｴﾅﾌ　ﾎﾟｰｸﾊﾟﾃ_ｵﾆｵﾝ＆ﾍﾞｰｺﾝ</t>
  </si>
  <si>
    <t>豚肉のリエット</t>
  </si>
  <si>
    <t>ｴﾅﾌ_ﾎﾟｰｸﾊﾟﾃ･ｺﾆｬｯｸ</t>
  </si>
  <si>
    <t>45gX2</t>
  </si>
  <si>
    <t>デラックスレバーパテ</t>
  </si>
  <si>
    <t>ウイングエース</t>
  </si>
  <si>
    <t>ｼﾞｪﾝｾﾝ</t>
  </si>
  <si>
    <t>グースパテ</t>
  </si>
  <si>
    <t>フォアグラ(ダック）パテ</t>
  </si>
  <si>
    <t>ﾌｪｲｼﾞｮﾝ_ｺﾝ_ﾍﾞｰｺﾝ</t>
  </si>
  <si>
    <t>椎茸飯缶</t>
  </si>
  <si>
    <t>富士見食品</t>
  </si>
  <si>
    <t>ﾌｼﾞﾐｼｮｸﾋﾝ</t>
  </si>
  <si>
    <t>五目飯缶</t>
  </si>
  <si>
    <t>鳥飯缶</t>
  </si>
  <si>
    <t>赤飯缶</t>
  </si>
  <si>
    <t>くじら甘辛煮</t>
  </si>
  <si>
    <t>東冷</t>
  </si>
  <si>
    <t>ﾄｳﾚｲ</t>
  </si>
  <si>
    <t>鶏肉の油漬バジル＆オリーブ</t>
  </si>
  <si>
    <t>鶏肉の油漬けひまわり油入　</t>
  </si>
  <si>
    <t>やみつき　鶏肉のごま油アヒージョ</t>
  </si>
  <si>
    <t>65ｇ</t>
  </si>
  <si>
    <t>ｱｦﾊﾀ_塗るﾃﾘｰﾇ国産鶏ﾁｷﾝﾚﾊﾞｰﾍﾟｰｽﾄ</t>
  </si>
  <si>
    <t>アヲハタ</t>
  </si>
  <si>
    <t>くじらのアヒージョ</t>
  </si>
  <si>
    <t>牛すじがゴロゴロ入ったぼっかけ</t>
  </si>
  <si>
    <t>ライフエイド</t>
  </si>
  <si>
    <t>ﾗｲﾌｴｲﾄﾞ</t>
  </si>
  <si>
    <t>鳥皮みそ煮</t>
  </si>
  <si>
    <t>鯨大和煮EO-K</t>
  </si>
  <si>
    <t>丸水札幌中央水産</t>
  </si>
  <si>
    <t>ﾏﾙｽｲｻｯﾎﾟﾛ</t>
  </si>
  <si>
    <t>おうち居酒屋もつ煮込み</t>
  </si>
  <si>
    <t>おうち居酒屋どて煮</t>
  </si>
  <si>
    <t>チキンとココナッツミルクスープ</t>
  </si>
  <si>
    <t>ぶた大根</t>
  </si>
  <si>
    <t>小田原屋きくらげしそ高菜</t>
  </si>
  <si>
    <t>小田原屋</t>
  </si>
  <si>
    <t>ｷｸﾗｹﾞﾉｵﾐｾ</t>
  </si>
  <si>
    <t>鯨焼肉ＥＯ</t>
  </si>
  <si>
    <t>鯨大和煮煮EO缶</t>
  </si>
  <si>
    <t>たけのこ土佐煮　７０Ｇ</t>
  </si>
  <si>
    <t>国産豚ガツたれ味</t>
  </si>
  <si>
    <t>国産豚ハツ味噌煮</t>
  </si>
  <si>
    <t>K＆K缶つまプレミアム霧島黒豚角煮</t>
  </si>
  <si>
    <t>K＆K缶つま牛すじこんにゃく</t>
  </si>
  <si>
    <t>K＆K缶つま★ﾚｽﾄﾗﾝ牛肉のﾊﾞﾙｻﾐｺｿｰｽ</t>
  </si>
  <si>
    <t>缶つまレストランベーコンハニー</t>
  </si>
  <si>
    <t>K＆K缶つまレストラン厚切りベーコン</t>
  </si>
  <si>
    <t>K＆K缶つま牛ﾀﾝ焼きｽﾀﾐﾅ源塩焼のたれ味</t>
  </si>
  <si>
    <t>K＆K缶つま国産豚軟骨ｿﾗﾁたれ焼き</t>
  </si>
  <si>
    <t>缶つま　スモーク　鶏ハツ</t>
  </si>
  <si>
    <t>缶つま焼鳥おび肉塩だれ</t>
  </si>
  <si>
    <t>缶つま匠ラムタン香草焼風</t>
  </si>
  <si>
    <t>缶つま　牛サガリ直火焼</t>
  </si>
  <si>
    <t>缶つま牛肉の赤ワイン煮</t>
  </si>
  <si>
    <t>たっぷり五目野菜豆</t>
  </si>
  <si>
    <t>切干し大根うま煮</t>
  </si>
  <si>
    <t>きんぴらごぼう</t>
  </si>
  <si>
    <t>かにみそかに肉入り</t>
  </si>
  <si>
    <t>さくら肉大和煮</t>
  </si>
  <si>
    <t>くじら味付</t>
  </si>
  <si>
    <t>鯨大和煮</t>
  </si>
  <si>
    <t>焼肉マトン</t>
  </si>
  <si>
    <t>鯨焼肉</t>
  </si>
  <si>
    <t>牛大和煮</t>
  </si>
  <si>
    <t>焼肉ポーク</t>
  </si>
  <si>
    <t>さくら肉ピリ辛焼き肉</t>
  </si>
  <si>
    <t>さくら肉すきやき</t>
  </si>
  <si>
    <t>牛焼肉タイ産</t>
  </si>
  <si>
    <t>ニッスイ牛大和煮EO缶85g</t>
  </si>
  <si>
    <t>牛焼肉</t>
  </si>
  <si>
    <t>牛肉大和煮</t>
  </si>
  <si>
    <t>ﾉｻﾞｷ</t>
  </si>
  <si>
    <t>ノザキ牛肉大和煮</t>
  </si>
  <si>
    <t>ピリ辛焼肉</t>
  </si>
  <si>
    <t>小鉢倶楽部　肉じゃがＥＯ　７５ｇ</t>
  </si>
  <si>
    <t>おつまみ小鉢鉄板焼肉</t>
  </si>
  <si>
    <t>豚肉ｽﾀﾐﾅ源たれ味</t>
  </si>
  <si>
    <t>桜姫鶏スタミナ源たれ塩味</t>
  </si>
  <si>
    <t>THE_BAR_角切りﾍﾞｰｺﾝﾒｰﾌﾟﾙﾏｽﾀｰﾄﾞ味</t>
  </si>
  <si>
    <t>おつまみ小鉢豚ホルモン辛味噌煮込み</t>
  </si>
  <si>
    <t>おつまみ小鉢豚ホルモン照り醤油煮</t>
  </si>
  <si>
    <t>おつまみ小鉢豚ホルモン旨塩だれ</t>
  </si>
  <si>
    <t>おでん玉子</t>
  </si>
  <si>
    <t>おでんたまご</t>
  </si>
  <si>
    <t>大豆とひじきの煮物</t>
  </si>
  <si>
    <t>たけのこ人参の煮物</t>
  </si>
  <si>
    <t>さといも鶏そぼろあんかけ</t>
  </si>
  <si>
    <t>砂肝のグリルオリーブオイル仕立て</t>
  </si>
  <si>
    <t>からあげてりマヨ味</t>
  </si>
  <si>
    <t>からあげ旨辛たれ味</t>
  </si>
  <si>
    <t>ホテイ肉じゃが</t>
  </si>
  <si>
    <t>このまんまレンジ７種の野菜の</t>
  </si>
  <si>
    <t>ニコミチャーシュー</t>
  </si>
  <si>
    <t>3枚</t>
  </si>
  <si>
    <t>ギュウジャガ</t>
  </si>
  <si>
    <t>ギュウニクスキヤキ</t>
  </si>
  <si>
    <t>ニクヤマトニ</t>
  </si>
  <si>
    <t>トリニクソボロ</t>
  </si>
  <si>
    <t>国産若鶏のジューシーロースト</t>
  </si>
  <si>
    <t>国産若鶏のジューシーロースト黒胡椒味</t>
  </si>
  <si>
    <t>国産若鶏のジューシーローストタンドリーチキン味</t>
  </si>
  <si>
    <t>国産若鶏のジューシーローストレモン風味</t>
  </si>
  <si>
    <t>丸善食品　きんぴられんこんご飯の素　２２０ｇ</t>
  </si>
  <si>
    <t>220G</t>
  </si>
  <si>
    <t>サーモンオイル漬けレモン風味</t>
  </si>
  <si>
    <t>ｷﾉﾔｲｼﾏｷｽｲｻ</t>
  </si>
  <si>
    <t>鯨大和煮7号缶</t>
  </si>
  <si>
    <t>ｷﾉﾔｲｼﾉﾏｷ</t>
  </si>
  <si>
    <t>元祖鯨屋　鯨大和煮ＥＯＫ缶</t>
  </si>
  <si>
    <t>岩手缶詰</t>
  </si>
  <si>
    <t>ｲﾜﾃｶﾝｽﾞﾒ</t>
  </si>
  <si>
    <t>元祖くじらや鯨焼肉ＥＯ</t>
  </si>
  <si>
    <t>元祖くじら屋鯨大和煮8号缶</t>
  </si>
  <si>
    <t>ｲﾜﾃｶﾝﾂﾞﾒ</t>
  </si>
  <si>
    <t>熊肉大和煮缶_70g</t>
  </si>
  <si>
    <t>えぞ鹿肉大和煮缶_70g</t>
  </si>
  <si>
    <t>かにみそﾊﾞｰﾆｬｶｳﾀﾞ缶_70g</t>
  </si>
  <si>
    <t>ｲﾉｼｼ肉大和煮缶_70g</t>
  </si>
  <si>
    <t>江戸っ子煮</t>
  </si>
  <si>
    <t>アール・シー・フードパック</t>
  </si>
  <si>
    <t>ﾊﾅﾋｼ</t>
  </si>
  <si>
    <t>肉　大和煮</t>
  </si>
  <si>
    <t>EO豚の角煮トンポーロー</t>
  </si>
  <si>
    <t>肉大和煮</t>
  </si>
  <si>
    <t>極洋　ランドエース　肉大和煮　ＥＯ缶１４５ｇ</t>
  </si>
  <si>
    <t>おでん缶牛すじ大根入り</t>
  </si>
  <si>
    <t>ﾃﾝｸﾞｶﾝﾂﾞﾒ</t>
  </si>
  <si>
    <t>おでん缶がんも大根入り</t>
  </si>
  <si>
    <t>ﾎﾘｶ_牛肉そぼろ_65G</t>
  </si>
  <si>
    <t>KOKESHIこだわりの牛しぐれ〈そぼろ風〉</t>
  </si>
  <si>
    <t>肉すきやき</t>
  </si>
  <si>
    <t>KOKESHIこだわりの牛すじ煮込み</t>
  </si>
  <si>
    <t>ﾎﾘｶﾌｰｽﾞ_こけしﾋﾟﾘ辛肉_70G</t>
  </si>
  <si>
    <t>ﾎﾘｶﾌｰｽﾞ_こけし肉大和煮_70G</t>
  </si>
  <si>
    <t>ﾎﾘｶﾌ-ｽﾞ</t>
  </si>
  <si>
    <t>たくあんこんぶ味</t>
  </si>
  <si>
    <t>家バル鶏肉とジャガイモの香草煮</t>
  </si>
  <si>
    <t>家バル_砂肝のアヒージョ</t>
  </si>
  <si>
    <t>ｲｴﾊﾞﾙ</t>
  </si>
  <si>
    <t>家バル鶏肉とオリーブのトマト煮</t>
  </si>
  <si>
    <t>那須和牛ご飯だれ</t>
  </si>
  <si>
    <t>ﾅｶﾞﾄﾔ</t>
  </si>
  <si>
    <t>那須和牛にんにく肉味噌</t>
  </si>
  <si>
    <t>ロウリーノイベリコ豚パテ</t>
  </si>
  <si>
    <t>78g×2</t>
  </si>
  <si>
    <t>コーレンイベリコ豚レバーパテ</t>
  </si>
  <si>
    <t>エゴマの葉キムチ醤油味</t>
  </si>
  <si>
    <t>瓶詰（そのまま食べる）</t>
  </si>
  <si>
    <t>withごはん</t>
  </si>
  <si>
    <t>おかずのり焼きのり佃煮</t>
  </si>
  <si>
    <t>おかずのり韓国のり佃煮</t>
  </si>
  <si>
    <t>磯じまん__生のり</t>
  </si>
  <si>
    <t>江戸むらさき特級</t>
  </si>
  <si>
    <t>明太子のり</t>
  </si>
  <si>
    <t>明太子のりスティック</t>
  </si>
  <si>
    <t>のり佃煮醤油味</t>
  </si>
  <si>
    <t>のり佃煮生姜入り</t>
  </si>
  <si>
    <t>のり佃煮ゆず入り</t>
  </si>
  <si>
    <t>食べる唐からしのり佃煮</t>
  </si>
  <si>
    <t>漁場ののり佃煮</t>
  </si>
  <si>
    <t>伊勢フーズ</t>
  </si>
  <si>
    <t>ｲｾﾌｰｽﾞ</t>
  </si>
  <si>
    <t>鉄分の多いのりの佃煮</t>
  </si>
  <si>
    <t>磯の海苔佃煮</t>
  </si>
  <si>
    <t>風</t>
  </si>
  <si>
    <t>ｶｾﾞ</t>
  </si>
  <si>
    <t>のり佃煮</t>
  </si>
  <si>
    <t>マルワフーズ渡辺水産</t>
  </si>
  <si>
    <t>ﾏﾙﾜﾌｰｽﾞ</t>
  </si>
  <si>
    <t>上町池沢土佐の赤かつお青さのり味120g</t>
  </si>
  <si>
    <t>上町池澤</t>
  </si>
  <si>
    <t>ｲｹｻﾞﾜ</t>
  </si>
  <si>
    <t>ﾊﾟﾜｰﾌﾞﾚﾝ</t>
  </si>
  <si>
    <t>新芽入り磯のり</t>
  </si>
  <si>
    <t>フードマーケティング</t>
  </si>
  <si>
    <t>ﾎﾃｲｽｲｻﾝ</t>
  </si>
  <si>
    <t>白えびおかずのり</t>
  </si>
  <si>
    <t>四万十川川のり佃煮醤油</t>
  </si>
  <si>
    <t>四万十川川のり佃煮鰹味</t>
  </si>
  <si>
    <t>生のり佃煮瓶</t>
  </si>
  <si>
    <t>磯じまんのりのり</t>
  </si>
  <si>
    <t>鹿児島青さのり佃煮旨口醤油</t>
  </si>
  <si>
    <t>95G</t>
  </si>
  <si>
    <t>いそマルシェ</t>
  </si>
  <si>
    <t>ごはんがおいしいのり佃煮</t>
  </si>
  <si>
    <t>みんなののり佃煮</t>
  </si>
  <si>
    <t>ｼｿｼﾞﾏﾝ</t>
  </si>
  <si>
    <t>みんなののり佃煮25%減塩</t>
  </si>
  <si>
    <t>スッパイマンのり佃煮</t>
  </si>
  <si>
    <t>65G</t>
  </si>
  <si>
    <t>磯じまん大瓶</t>
  </si>
  <si>
    <t>国産梅肉</t>
  </si>
  <si>
    <t>うめ味茶漬</t>
  </si>
  <si>
    <t>かつお味茶漬</t>
  </si>
  <si>
    <t>酒悦　あかもくの佃煮　瓶９０ｇ</t>
  </si>
  <si>
    <t>青じそ岩のり</t>
  </si>
  <si>
    <t>島乃香</t>
  </si>
  <si>
    <t>明太子岩のり</t>
  </si>
  <si>
    <t>岩のり壷</t>
  </si>
  <si>
    <t>青じそ壷</t>
  </si>
  <si>
    <t>四万十川のり</t>
  </si>
  <si>
    <t>椎茸のり　ＴＢ</t>
  </si>
  <si>
    <t>しそのり</t>
  </si>
  <si>
    <t>紀州梅岩のり</t>
  </si>
  <si>
    <t>小豆島産　生のり</t>
  </si>
  <si>
    <t>小豆島産生のり甘</t>
  </si>
  <si>
    <t>生のり</t>
  </si>
  <si>
    <t>しそのり佃煮</t>
  </si>
  <si>
    <t>紀州梅のり佃煮</t>
  </si>
  <si>
    <t>小豆島産生のリ</t>
  </si>
  <si>
    <t>島乃香岩のり入り瓶180g</t>
  </si>
  <si>
    <t>小豆島産生のり</t>
  </si>
  <si>
    <t>とろりのり</t>
  </si>
  <si>
    <t>とろりのりしいたけ</t>
  </si>
  <si>
    <t>とろりのりしそ</t>
  </si>
  <si>
    <t>イワノリ</t>
  </si>
  <si>
    <t>岩のり</t>
  </si>
  <si>
    <t>鰹昆布</t>
  </si>
  <si>
    <t>海苔佃煮純_黒ごまラー油入り</t>
  </si>
  <si>
    <t>海苔佃煮純　カリカリ梅入り</t>
  </si>
  <si>
    <t>海苔佃煮　純わさび入り</t>
  </si>
  <si>
    <t>海苔佃煮</t>
  </si>
  <si>
    <t>110ｇ</t>
  </si>
  <si>
    <t>ニコニコ海苔佃煮無添加</t>
  </si>
  <si>
    <t>辛子明太子のり</t>
  </si>
  <si>
    <t>岩のり２００</t>
  </si>
  <si>
    <t>アラ瓶</t>
  </si>
  <si>
    <t>しそアラ瓶</t>
  </si>
  <si>
    <t>しいアラ瓶</t>
  </si>
  <si>
    <t>158g</t>
  </si>
  <si>
    <t>テーブルアラ</t>
  </si>
  <si>
    <t>減塩アラスバウト</t>
  </si>
  <si>
    <t>122g</t>
  </si>
  <si>
    <t>減塩しそアラスパウト</t>
  </si>
  <si>
    <t>118g</t>
  </si>
  <si>
    <t>テーブルしいアラ</t>
  </si>
  <si>
    <t>減塩しいアラ（スバウト）</t>
  </si>
  <si>
    <t>プレミアムアラ瓶</t>
  </si>
  <si>
    <t>アラＢ</t>
  </si>
  <si>
    <t>182g</t>
  </si>
  <si>
    <t>しそアラ</t>
  </si>
  <si>
    <t>のっけるふりかけ鮭明太瓶入</t>
  </si>
  <si>
    <t>丸美屋　のっけるふりかけ　韓国のり風　１００ｇ</t>
  </si>
  <si>
    <t>ごはんですよ</t>
  </si>
  <si>
    <t>ごはんですよしいたけのり</t>
  </si>
  <si>
    <t>ごはんですよお徳用</t>
  </si>
  <si>
    <t>梅干のり</t>
  </si>
  <si>
    <t>唐がらしのり</t>
  </si>
  <si>
    <t>ごはんですよジャンケンポン</t>
  </si>
  <si>
    <t>ごはんですよミニパック</t>
  </si>
  <si>
    <t>青じそのり</t>
  </si>
  <si>
    <t>甘いですよ</t>
  </si>
  <si>
    <t>角切りのり　からし明太味</t>
  </si>
  <si>
    <t>江戸むらさき生のり</t>
  </si>
  <si>
    <t>柚子こしょうのり</t>
  </si>
  <si>
    <t>ごはんですよスティック</t>
  </si>
  <si>
    <t>8g×8本入</t>
  </si>
  <si>
    <t>辛子明太子のり95g</t>
  </si>
  <si>
    <t>安田　Ｃａ鉄入り岩のり入り</t>
  </si>
  <si>
    <t>しそのりＣａ鉄入り</t>
  </si>
  <si>
    <t>香川県産にんにく使用のり佃煮</t>
  </si>
  <si>
    <t>安田食品食べるしょうゆ</t>
  </si>
  <si>
    <t>岩海苔</t>
  </si>
  <si>
    <t>しそ海苔</t>
  </si>
  <si>
    <t>焼きのり入り佃煮</t>
  </si>
  <si>
    <t>焼きのり入り佃煮梅しそ味</t>
  </si>
  <si>
    <t>安田焼きのり入り佃煮</t>
  </si>
  <si>
    <t>九州産あご節使用有明のり佃煮</t>
  </si>
  <si>
    <t>国産えび入り有明のり佃煮</t>
  </si>
  <si>
    <t>スパイシーカレー海苔佃煮</t>
  </si>
  <si>
    <t>四万十川のり100%</t>
  </si>
  <si>
    <t>宝食品</t>
  </si>
  <si>
    <t>ﾀｶﾗｼｮｸﾋﾝ</t>
  </si>
  <si>
    <t>天日干し天然岩のり</t>
  </si>
  <si>
    <t>小豆島生のり</t>
  </si>
  <si>
    <t>あおさ香塩のり</t>
  </si>
  <si>
    <t>のり佃煮きのこ入り</t>
  </si>
  <si>
    <t>タケサン小豆島天然岩のり入りのり佃煮100g</t>
  </si>
  <si>
    <t>うにのり</t>
  </si>
  <si>
    <t>大磯</t>
  </si>
  <si>
    <t>ｵｵｲｿ</t>
  </si>
  <si>
    <t>吉帝食品</t>
  </si>
  <si>
    <t>ﾖｼﾃｲ</t>
  </si>
  <si>
    <t>のりクロ</t>
  </si>
  <si>
    <t>ﾀｶﾊｼｼｮｳﾃﾝ</t>
  </si>
  <si>
    <t>のり佃煮　土佐の宗田鰹風味</t>
  </si>
  <si>
    <t>加用物産</t>
  </si>
  <si>
    <t>ｶﾖｳﾌﾞｯｻﾝ</t>
  </si>
  <si>
    <t>もちのり</t>
  </si>
  <si>
    <t>金の海苔つくだ煮</t>
  </si>
  <si>
    <t>木村海苔</t>
  </si>
  <si>
    <t>ｷﾑﾗﾉﾘ</t>
  </si>
  <si>
    <t>海苔の佃煮</t>
  </si>
  <si>
    <t>減塩海苔つくだに</t>
  </si>
  <si>
    <t>つぼ漬けのり</t>
  </si>
  <si>
    <t>ﾀｶｷﾞｶｲｿｳ</t>
  </si>
  <si>
    <t>天草のり</t>
  </si>
  <si>
    <t>野島海産</t>
  </si>
  <si>
    <t>芽かぶ海苔</t>
  </si>
  <si>
    <t>鮭・フレーク</t>
  </si>
  <si>
    <t>サケフレーク</t>
  </si>
  <si>
    <t>ごはんとまらんらんとりそぼろ明太</t>
  </si>
  <si>
    <t>鮭ほぐし</t>
  </si>
  <si>
    <t>５０ｇｘ２</t>
  </si>
  <si>
    <t>鮭ほぐし2個セット</t>
  </si>
  <si>
    <t>120g×2P</t>
  </si>
  <si>
    <t>焼鮭ほぐし国産2個セット</t>
  </si>
  <si>
    <t>130g2</t>
  </si>
  <si>
    <t>ｽﾘｰﾗﾝﾄﾞｼｰ</t>
  </si>
  <si>
    <t>おにぎりの具野沢菜明太マヨ</t>
  </si>
  <si>
    <t>ベルフーズ</t>
  </si>
  <si>
    <t>ﾍﾞﾙﾌｰｽﾞ</t>
  </si>
  <si>
    <t>おにぎりの具ツナらー油</t>
  </si>
  <si>
    <t>おにぎりの具サーモンマヨペッパー</t>
  </si>
  <si>
    <t>鮭フレーク</t>
  </si>
  <si>
    <t>鮭あらほぐし瓶</t>
  </si>
  <si>
    <t>鮭フレーク瓶</t>
  </si>
  <si>
    <t>ﾈｸｽﾄﾚﾄﾞ</t>
  </si>
  <si>
    <t>ＯＦＡコーポレーション</t>
  </si>
  <si>
    <t>OFA</t>
  </si>
  <si>
    <t>鮭ほぐしたらこ入り</t>
  </si>
  <si>
    <t>カナエフーズ</t>
  </si>
  <si>
    <t>ｶﾅｴﾌｰｽﾞ</t>
  </si>
  <si>
    <t>鮪ほぐし</t>
  </si>
  <si>
    <t>ほくと食品</t>
  </si>
  <si>
    <t>ﾎｸﾄ</t>
  </si>
  <si>
    <t>焼き塩さば</t>
  </si>
  <si>
    <t>ﾏﾙﾀｶﾌﾞｯｻﾝ</t>
  </si>
  <si>
    <t>焼鮭フレーク</t>
  </si>
  <si>
    <t>ﾐﾔｷﾞｹﾝｽｲｻﾝ</t>
  </si>
  <si>
    <t>国産焼鮭ほぐし</t>
  </si>
  <si>
    <t>スリーランドシーフーズ</t>
  </si>
  <si>
    <t>ｽﾘｰﾗﾝﾄﾞ</t>
  </si>
  <si>
    <t>さけフレーク（国産）</t>
  </si>
  <si>
    <t>国産さけフレーク瓶</t>
  </si>
  <si>
    <t>北海道産鮭使用　鮭ほぐし</t>
  </si>
  <si>
    <t>170ｇ</t>
  </si>
  <si>
    <t>ﾌｰﾄﾞﾏｰｹﾃｨﾝ</t>
  </si>
  <si>
    <t>焼紅鮭あらほぐし</t>
  </si>
  <si>
    <t>鮭めんたい</t>
  </si>
  <si>
    <t>ｽﾘｰﾗﾝﾄﾞｼｰﾌ</t>
  </si>
  <si>
    <t>北海道産鮭使用　焼鮭ほぐし</t>
  </si>
  <si>
    <t>皮まで美味しい鯖の塩焼き</t>
  </si>
  <si>
    <t>毎日のいちばんへ鮭フレーク</t>
  </si>
  <si>
    <t>エグザクト</t>
  </si>
  <si>
    <t>ｴｸﾞｻﾞｸﾄ</t>
  </si>
  <si>
    <t>秋鮭ほぐし</t>
  </si>
  <si>
    <t>エムアンドビイフーズ</t>
  </si>
  <si>
    <t>ｴﾑｱﾝﾄﾞﾋﾞｲﾌ</t>
  </si>
  <si>
    <t>甘辛しっとりとりそぼろ</t>
  </si>
  <si>
    <t>50g×24×2</t>
  </si>
  <si>
    <t>アクア</t>
  </si>
  <si>
    <t>新食感ほぐしとりそぼろ</t>
  </si>
  <si>
    <t>大分からあげ</t>
  </si>
  <si>
    <t>ｵｵｲﾀｶﾗｱｹﾞ</t>
  </si>
  <si>
    <t>カレーそぼろちゃん</t>
  </si>
  <si>
    <t>さけちりめんちゃん</t>
  </si>
  <si>
    <t>鮭フレーク　オホーツク</t>
  </si>
  <si>
    <t>アトランティックサーモンフレーク</t>
  </si>
  <si>
    <t>鶏そぼろ</t>
  </si>
  <si>
    <t>豚そぼろキムチ</t>
  </si>
  <si>
    <t>紅鮭ほぐし</t>
  </si>
  <si>
    <t>さけフレーク</t>
  </si>
  <si>
    <t>とりそぼろ</t>
  </si>
  <si>
    <t>鮭あらほぐし</t>
  </si>
  <si>
    <t>秋刀魚そぼろ</t>
  </si>
  <si>
    <t>鯖そぼろ</t>
  </si>
  <si>
    <t>さばフレーク</t>
  </si>
  <si>
    <t>カネタ　焼き塩さば</t>
  </si>
  <si>
    <t>おいしい無着色のたらこと鮭</t>
  </si>
  <si>
    <t>おいしい焼き塩さばほぐしました</t>
  </si>
  <si>
    <t>おいしいさば味噌ほぐしました</t>
  </si>
  <si>
    <t>カネタぷっちゃけ</t>
  </si>
  <si>
    <t>おいしい焼き塩さば</t>
  </si>
  <si>
    <t>おいしいさば味噌</t>
  </si>
  <si>
    <t>たらこと鮭</t>
  </si>
  <si>
    <t>ｶﾈﾀ　鮭ほぐし</t>
  </si>
  <si>
    <t>135ｇ</t>
  </si>
  <si>
    <t>ｶﾈﾀ･ﾂ-ﾜﾝ</t>
  </si>
  <si>
    <t>ｶﾈﾀ　焼き塩さば</t>
  </si>
  <si>
    <t>ｶﾈﾀ　仙台味噌さば</t>
  </si>
  <si>
    <t>カネタツーワン　ししゃも卵と鮭　瓶　１２０ｇ</t>
  </si>
  <si>
    <t>カネタ鮭ほぐしスタンドパック90g</t>
  </si>
  <si>
    <t>あじ×オリーブオイル塩味</t>
  </si>
  <si>
    <t>鮭ぼぐし</t>
  </si>
  <si>
    <t>たらこフレーク</t>
  </si>
  <si>
    <t>さけほぐし（シシャモ卵入り）</t>
  </si>
  <si>
    <t>さけほぐし</t>
  </si>
  <si>
    <t>駅弁屋さんの牛そぼろ</t>
  </si>
  <si>
    <t>たらこ味付ほぐし</t>
  </si>
  <si>
    <t>さけほぐし塩分３０％カット</t>
  </si>
  <si>
    <t>とりそぼろ２Ｐ</t>
  </si>
  <si>
    <t>60g×2</t>
  </si>
  <si>
    <t>さんまそぼろ２Ｐ</t>
  </si>
  <si>
    <t>さんまそぼろ</t>
  </si>
  <si>
    <t>たらこ明太</t>
  </si>
  <si>
    <t>焼さけほぐしﾀﾞﾌﾞﾙﾊﾟｯｸ_57g*2</t>
  </si>
  <si>
    <t>57g×2_DX</t>
  </si>
  <si>
    <t>日本水産　焼さけほぐし大瓶</t>
  </si>
  <si>
    <t>北海道産焼鮭ほぐし</t>
  </si>
  <si>
    <t>減塩50%_ｻｹｱﾗﾎｸﾞｼ瓶60G</t>
  </si>
  <si>
    <t>ひとくちたらこ</t>
  </si>
  <si>
    <t>焼さけあらほぐし</t>
  </si>
  <si>
    <t>焼きさけあらほぐしダブルパック</t>
  </si>
  <si>
    <t>52g×2</t>
  </si>
  <si>
    <t>減塩50%_ｻｹｱﾗﾎｸﾞｼ瓶</t>
  </si>
  <si>
    <t>無着色焼鮭ほぐし</t>
  </si>
  <si>
    <t>さけほぐし西京味噌</t>
  </si>
  <si>
    <t>たらこほぐし</t>
  </si>
  <si>
    <t>焼鮭あらほぐし</t>
  </si>
  <si>
    <t>さけあらほぐし減塩50%</t>
  </si>
  <si>
    <t>白身魚のそぼろ2個パック</t>
  </si>
  <si>
    <t>減塩50%さけあらほぐし2個パック</t>
  </si>
  <si>
    <t>鮭ほぐし100g</t>
  </si>
  <si>
    <t>焼さけあらほぐし2P</t>
  </si>
  <si>
    <t>塩分50%カットさけあらほぐし</t>
  </si>
  <si>
    <t>塩分５０％カットさけあらほぐし２Ｐ</t>
  </si>
  <si>
    <t>とりそぼろ２個パック</t>
  </si>
  <si>
    <t>とりそぼろ2個パック</t>
  </si>
  <si>
    <t>MSC鮭ほぐし</t>
  </si>
  <si>
    <t>サケフレ－ク　８０Ｇ</t>
  </si>
  <si>
    <t>さけフレーク　ＥＯＰ</t>
  </si>
  <si>
    <t>鮭ほぐしキャップ付</t>
  </si>
  <si>
    <t>鰹昆布キャップ付</t>
  </si>
  <si>
    <t>鶏そぼろキャップ付</t>
  </si>
  <si>
    <t>さけフレーク　２個パック</t>
  </si>
  <si>
    <t>104ｇ</t>
  </si>
  <si>
    <t>あけぼのとりそぼろ×2</t>
  </si>
  <si>
    <t>さけフレークパウチ</t>
  </si>
  <si>
    <t>さけフレーク×2</t>
  </si>
  <si>
    <t>さばそぼろ</t>
  </si>
  <si>
    <t>さばそぼろ50g×2</t>
  </si>
  <si>
    <t>焙焼仕立て鮭ほぐし</t>
  </si>
  <si>
    <t>あけぼの鮭フレーク４０ｇ</t>
  </si>
  <si>
    <t>焼鮭本ほぐし</t>
  </si>
  <si>
    <t>焼鮭ほぐし徳用</t>
  </si>
  <si>
    <t>65g×2</t>
  </si>
  <si>
    <t>鮭本ほぐし2本パック</t>
  </si>
  <si>
    <t>鮭ほぐし大豆たんぱく入</t>
  </si>
  <si>
    <t>さけフレークカルシウム入り2本</t>
  </si>
  <si>
    <t>57g×2</t>
  </si>
  <si>
    <t>焼鮭ほぐし大豆たんぱく入</t>
  </si>
  <si>
    <t>宝幸鮭フレーク大豆たんぱく入り50g×2</t>
  </si>
  <si>
    <t>50GX2</t>
  </si>
  <si>
    <t>宝幸鮭フレーク140g</t>
  </si>
  <si>
    <t>丸美屋　のっけるふりかけ　高菜鶏そぼろ　瓶１００ｇ</t>
  </si>
  <si>
    <t>のっけるふりかけ和風ツナマヨ</t>
  </si>
  <si>
    <t>丸美屋　のっけるふりかけ　梅おかか　瓶１００ｇ</t>
  </si>
  <si>
    <t>のっけるふりかけ鶏ゆず胡椒</t>
  </si>
  <si>
    <t>のっけるふりかけ鮭明太</t>
  </si>
  <si>
    <t>茎わかめ</t>
  </si>
  <si>
    <t>テーブルマーク　おにぎりの具生姜かつお風味</t>
  </si>
  <si>
    <t>北海道産鮭フレーク無着色</t>
  </si>
  <si>
    <t>ハッピーフーズ</t>
  </si>
  <si>
    <t>ﾊｯﾋﾟｰﾌｰｽﾞ</t>
  </si>
  <si>
    <t>ﾊｯﾋﾟ-ﾌ-ｽﾞ</t>
  </si>
  <si>
    <t>北海道知床産鮭フレーク</t>
  </si>
  <si>
    <t>北海道産鮭フレーク</t>
  </si>
  <si>
    <t>知床産秋鮭塩で作った鮭ほぐし</t>
  </si>
  <si>
    <t>推奨_鮭ほぐし-鮭節入-</t>
  </si>
  <si>
    <t>北海道_牛しぐれ</t>
  </si>
  <si>
    <t>50gx2</t>
  </si>
  <si>
    <t>鮭フレーク２個</t>
  </si>
  <si>
    <t>ｲﾏｽﾞ</t>
  </si>
  <si>
    <t>道南冷蔵</t>
  </si>
  <si>
    <t>ﾄﾞｳﾅﾝﾚｲｿﾞｳ</t>
  </si>
  <si>
    <t>愛知丸が釣ったまぐろと明太子のごはんじゅれ</t>
  </si>
  <si>
    <t>平松食品</t>
  </si>
  <si>
    <t>ﾋﾗﾏﾂｼｮｸﾋﾝ</t>
  </si>
  <si>
    <t>藁焼きかつおのゴロっとほぐし</t>
  </si>
  <si>
    <t>鮭フレーク２Ｐ</t>
  </si>
  <si>
    <t>焼き鮭ほぐし</t>
  </si>
  <si>
    <t>ﾊ-ﾄﾌﾙﾊﾞﾀｹ</t>
  </si>
  <si>
    <t>55g×2P</t>
  </si>
  <si>
    <t>国産焼さけあらほぐし１Ｐ</t>
  </si>
  <si>
    <t>５５ｇ</t>
  </si>
  <si>
    <t>紅鮭焼きほぐし</t>
  </si>
  <si>
    <t>熟成紅鮭焼きほぐし</t>
  </si>
  <si>
    <t>カキヤ</t>
  </si>
  <si>
    <t>ｶｷﾔ</t>
  </si>
  <si>
    <t>35g_DX</t>
  </si>
  <si>
    <t>鮭焼ほぐし</t>
  </si>
  <si>
    <t>58ｇ</t>
  </si>
  <si>
    <t>さけフレークオリーブオイル仕上</t>
  </si>
  <si>
    <t>鯖ほぐし</t>
  </si>
  <si>
    <t>焼鮭</t>
  </si>
  <si>
    <t>ぷちぷち鮭焼ほぐし　瓶</t>
  </si>
  <si>
    <t>鮭フレークオリーブオイル仕上げ</t>
  </si>
  <si>
    <t>双日食料水産</t>
  </si>
  <si>
    <t>ｿｳｼﾞﾂ</t>
  </si>
  <si>
    <t>ｿｳｼﾞﾂｼｮｸﾋﾝ</t>
  </si>
  <si>
    <t>ラー油鮭ン</t>
  </si>
  <si>
    <t>マヨ鮭ン</t>
  </si>
  <si>
    <t>しゃけ辛めんたい</t>
  </si>
  <si>
    <t>あかふさ食品</t>
  </si>
  <si>
    <t>ｱｶﾌｻｼｮｸﾋﾝ</t>
  </si>
  <si>
    <t>ゴロほぐし塩鮭</t>
  </si>
  <si>
    <t>ごろほぐし塩鮭</t>
  </si>
  <si>
    <t>ゴロほぐし焼鯖</t>
  </si>
  <si>
    <t>ごろ焼きさばほぐし</t>
  </si>
  <si>
    <t>さば辛めんたい</t>
  </si>
  <si>
    <t>つな辛めんたい</t>
  </si>
  <si>
    <t>ゴロほぐし塩つな</t>
  </si>
  <si>
    <t>佃煮</t>
  </si>
  <si>
    <t>牛たん茶漬け</t>
  </si>
  <si>
    <t>ﾘｷｭｳ</t>
  </si>
  <si>
    <t>ちりめんちゃん</t>
  </si>
  <si>
    <t>生姜佃煮</t>
  </si>
  <si>
    <t>６５ｇ</t>
  </si>
  <si>
    <t>しいたけうま煮</t>
  </si>
  <si>
    <t>くきわかめ国産</t>
  </si>
  <si>
    <t>あさり　甘露煮</t>
  </si>
  <si>
    <t>帆立　ふくめ煮</t>
  </si>
  <si>
    <t>牛肉ごぼう</t>
  </si>
  <si>
    <t>わかめ入りのり佃煮</t>
  </si>
  <si>
    <t>黒豆甘露煮</t>
  </si>
  <si>
    <t>しじみ</t>
  </si>
  <si>
    <t>ちりめんじゃこ</t>
  </si>
  <si>
    <t>桃屋の塩分40%カットのごはんですよ</t>
  </si>
  <si>
    <t>子持ちきくらげ</t>
  </si>
  <si>
    <t>国産えび入りしょうが佃煮</t>
  </si>
  <si>
    <t>あさりつくだ煮としょうがのごはんじゅれ</t>
  </si>
  <si>
    <t>嵐山煮</t>
  </si>
  <si>
    <t>木村九商店</t>
  </si>
  <si>
    <t>ｷﾑﾗｷｭｳｼｮｳﾃ</t>
  </si>
  <si>
    <t>俺のにんにくしじみ</t>
  </si>
  <si>
    <t>キョウショク</t>
  </si>
  <si>
    <t>ｷｮｳｼｮｸ</t>
  </si>
  <si>
    <t>鮭入りねり昆布</t>
  </si>
  <si>
    <t>かつおうんまか煮</t>
  </si>
  <si>
    <t>牛ーっとにんにく味噌</t>
  </si>
  <si>
    <t>煮込みユッケ</t>
  </si>
  <si>
    <t>焼きユッケ</t>
  </si>
  <si>
    <t>極辛鶏肉マーボー</t>
  </si>
  <si>
    <t>ねぎ味噌にんにく</t>
  </si>
  <si>
    <t>新潟のご飯だれ</t>
  </si>
  <si>
    <t>牛たん辛子味噌</t>
  </si>
  <si>
    <t>牛たんふきみそ</t>
  </si>
  <si>
    <t>食べる青唐辛子味噌にんにく</t>
  </si>
  <si>
    <t>陣中　仙台味噌南蛮110ｇ</t>
  </si>
  <si>
    <t>おかずにんにく味噌</t>
  </si>
  <si>
    <t>薬味にんにく醤</t>
  </si>
  <si>
    <t>三洋通商</t>
  </si>
  <si>
    <t>ｻﾝﾖｳﾂｳｼｮｳ</t>
  </si>
  <si>
    <t>坦々肉みそ風瓶</t>
  </si>
  <si>
    <t>田中醤油店</t>
  </si>
  <si>
    <t>ﾀﾅｶｼｮｳﾕ</t>
  </si>
  <si>
    <t>土佐はちきんみそ柚みそ瓶</t>
  </si>
  <si>
    <t>だるま味噌</t>
  </si>
  <si>
    <t>ﾀﾞﾙﾏﾐｿ</t>
  </si>
  <si>
    <t>土佐はちきんみそ鰹みそ瓶</t>
  </si>
  <si>
    <t>会津天宝　にんにくみそ　１２０ｇ</t>
  </si>
  <si>
    <t>鯛みそ</t>
  </si>
  <si>
    <t>いージャンいージャンうま唐ジャン１２０ｇ</t>
  </si>
  <si>
    <t>会津天寳　焼きおにぎりみそ　瓶１２０ｇ</t>
  </si>
  <si>
    <t>翌日ニオイが気にならないにんにくみそ</t>
  </si>
  <si>
    <t>たっぷり肉みそ</t>
  </si>
  <si>
    <t>いージャンいージャンうま辛ジャン</t>
  </si>
  <si>
    <t>焼きおにぎりみそ</t>
  </si>
  <si>
    <t>ご飯が美味しいバリバリ野菜みそ</t>
  </si>
  <si>
    <t>ピリ辛ラー油みそ</t>
  </si>
  <si>
    <t>ちょい辛みそ</t>
  </si>
  <si>
    <t>磯じまん　ねぎ味噌　100ｇ</t>
  </si>
  <si>
    <t>ねぎ味噌</t>
  </si>
  <si>
    <t>肉みそ風みそ</t>
  </si>
  <si>
    <t>あご味噌</t>
  </si>
  <si>
    <t>125ｇ</t>
  </si>
  <si>
    <t>鯛みそ国産天然真鯛使用</t>
  </si>
  <si>
    <t>115ｇ</t>
  </si>
  <si>
    <t>謹製鯛みそ</t>
  </si>
  <si>
    <t>さば味噌</t>
  </si>
  <si>
    <t>丸美屋　のっけるふりかけ　肉みそ　瓶１００ｇ</t>
  </si>
  <si>
    <t>鯛みそ　ＥＯ</t>
  </si>
  <si>
    <t>ご飯においしい唐辛子みそ</t>
  </si>
  <si>
    <t>鯛みそスティック</t>
  </si>
  <si>
    <t>8g×8P</t>
  </si>
  <si>
    <t>安田食品おじゃこ味噌90g</t>
  </si>
  <si>
    <t>ﾔｽﾀﾞｼﾖｸﾋﾝ</t>
  </si>
  <si>
    <t>安田食品オリーブ牛味噌瓶100g</t>
  </si>
  <si>
    <t>ふき味噌</t>
  </si>
  <si>
    <t>須坂食品工業</t>
  </si>
  <si>
    <t>ｽｻﾞｶｼｮｸﾋﾝ</t>
  </si>
  <si>
    <t>ｼﾝｺｳﾌﾞｯｻﾝ</t>
  </si>
  <si>
    <t>黒豚味噌瓶</t>
  </si>
  <si>
    <t>スタミナ1番担々肉味噌</t>
  </si>
  <si>
    <t>常陸牛ご飯だれ</t>
  </si>
  <si>
    <t>常陸牛にんにく肉味噌</t>
  </si>
  <si>
    <t>深谷焼ねぎ地味噌</t>
  </si>
  <si>
    <t>ﾄﾈｶﾞﾜ</t>
  </si>
  <si>
    <t>なめ茸</t>
  </si>
  <si>
    <t>うす塩なめ茸</t>
  </si>
  <si>
    <t>なめたけ</t>
  </si>
  <si>
    <t>ナメタケ６０％</t>
  </si>
  <si>
    <t>なめ茸８０％</t>
  </si>
  <si>
    <t>信濃産業</t>
  </si>
  <si>
    <t>ｼﾅﾉｻﾝｷﾞｮｳ</t>
  </si>
  <si>
    <t>妙高なめ茸</t>
  </si>
  <si>
    <t>妙高なめ茸瓶</t>
  </si>
  <si>
    <t>なめたけ　160g</t>
  </si>
  <si>
    <t>ﾐｮｳｺｳ</t>
  </si>
  <si>
    <t>なめ茸60%</t>
  </si>
  <si>
    <t>なめ茸茶漬80%</t>
  </si>
  <si>
    <t>うす塩なめ茸80%</t>
  </si>
  <si>
    <t>なめ茸６０％</t>
  </si>
  <si>
    <t>ジャン入なめ茸</t>
  </si>
  <si>
    <t>なめ茸三昧</t>
  </si>
  <si>
    <t>めんツナなめ茸</t>
  </si>
  <si>
    <t>なめ茸鰹節入り</t>
  </si>
  <si>
    <t>きのこ三昧</t>
  </si>
  <si>
    <t>そばの実なめこ</t>
  </si>
  <si>
    <t>梅なじみ</t>
  </si>
  <si>
    <t>香るゆず胡椒なめ茸</t>
  </si>
  <si>
    <t>食欲そそるにんにくなめ茸</t>
  </si>
  <si>
    <t>磯じまんなめ茸（６０％）</t>
  </si>
  <si>
    <t>小松なめ茸３８０ｇ</t>
  </si>
  <si>
    <t>四川風なめ茸</t>
  </si>
  <si>
    <t>小松　うめ味なめ茸</t>
  </si>
  <si>
    <t>ﾏﾙﾄﾐ</t>
  </si>
  <si>
    <t>口福の柚子こしょうなめ茸90g</t>
  </si>
  <si>
    <t>特選なめ茸ボトル入り</t>
  </si>
  <si>
    <t>特選なめ茸茶漬</t>
  </si>
  <si>
    <t>特選なめ茸うす塩味</t>
  </si>
  <si>
    <t>なめ茸　明太子入り</t>
  </si>
  <si>
    <t>なめ茸ボトル入り</t>
  </si>
  <si>
    <t>明太子なめ茸ボトル入り</t>
  </si>
  <si>
    <t>梅じそなめ茸ボトル入り</t>
  </si>
  <si>
    <t>キムチ味なめ茸ボトル入り</t>
  </si>
  <si>
    <t>なめ茸ボトル</t>
  </si>
  <si>
    <t>明太子なめ茸ボトル</t>
  </si>
  <si>
    <t>特選無限なめ茸</t>
  </si>
  <si>
    <t>ｶﾄｳｴﾉｷ</t>
  </si>
  <si>
    <t>宮崎辛麺風味無限なめ茸</t>
  </si>
  <si>
    <t>なめ茸国産固形分60%</t>
  </si>
  <si>
    <t>ジャン入りなめ茸</t>
  </si>
  <si>
    <t>まろやかなめ茸６０％</t>
  </si>
  <si>
    <t>信濃高原うす塩なめ茸60%</t>
  </si>
  <si>
    <t>まろやかなめ茸</t>
  </si>
  <si>
    <t>すき焼き風味なめ茸</t>
  </si>
  <si>
    <t>キムチ風味なめ茸</t>
  </si>
  <si>
    <t>七味唐辛子入りなめ茸</t>
  </si>
  <si>
    <t>にんにくなめ茸</t>
  </si>
  <si>
    <t>とろーりなめ茸</t>
  </si>
  <si>
    <t>とろりなめ茸</t>
  </si>
  <si>
    <t>森井食品　なめ茸　１２０ｇ</t>
  </si>
  <si>
    <t>森井食品　なめ茸　４００ｇ</t>
  </si>
  <si>
    <t>なめ茸900g</t>
  </si>
  <si>
    <t>ちょい辛キムチなめ茸</t>
  </si>
  <si>
    <t>国産なめ茸</t>
  </si>
  <si>
    <t>新進漬物</t>
  </si>
  <si>
    <t>ｼﾝｼﾝﾂｹﾓﾉ</t>
  </si>
  <si>
    <t>がっつりなめ茸</t>
  </si>
  <si>
    <t>うすしおなめたけ８０％</t>
  </si>
  <si>
    <t>なめ茸　６０％</t>
  </si>
  <si>
    <t>元祖の寿なめ茸</t>
  </si>
  <si>
    <t>小林農園</t>
  </si>
  <si>
    <t>ｺﾊﾞﾔｼﾉｳｴﾝ</t>
  </si>
  <si>
    <t>元祖の野生種なめ茸</t>
  </si>
  <si>
    <t>元祖のこだわりなめ茸</t>
  </si>
  <si>
    <t>元祖の本造りなめ茸</t>
  </si>
  <si>
    <t>スタミナ1番</t>
  </si>
  <si>
    <t>スタミナ1番スパウトパック</t>
  </si>
  <si>
    <t>茨城の味納豆なめたけ</t>
  </si>
  <si>
    <t>白美人焼きねぎなめ茸</t>
  </si>
  <si>
    <t>高見澤</t>
  </si>
  <si>
    <t>ﾀｶﾐｻﾞﾜ</t>
  </si>
  <si>
    <t>なめ茸北信濃固形分80%</t>
  </si>
  <si>
    <t>キムチなめたけ</t>
  </si>
  <si>
    <t>つまみ・付合せ</t>
  </si>
  <si>
    <t>中華</t>
  </si>
  <si>
    <t>にんにくザーサイ</t>
  </si>
  <si>
    <t>本場台湾味付太メンマ</t>
  </si>
  <si>
    <t>本場台湾味付穂先メンマ</t>
  </si>
  <si>
    <t>烏江搾菜ピリ辛味</t>
  </si>
  <si>
    <t>烏江搾菜塩味</t>
  </si>
  <si>
    <t>舞妓はんひぃーひぃーラー油</t>
  </si>
  <si>
    <t>京らー油</t>
  </si>
  <si>
    <t>京のピリ辛ねぎ生姜</t>
  </si>
  <si>
    <t>焼津産鰹だしのきいた梅ザーサイ</t>
  </si>
  <si>
    <t>サイコロザーサイ</t>
  </si>
  <si>
    <t>ｶｯﾎﾟｳﾋｬｸﾁﾝ</t>
  </si>
  <si>
    <t>青唐辛子がきいた煮込みメンマ</t>
  </si>
  <si>
    <t>ご飯のおかずにぴったりメンマ</t>
  </si>
  <si>
    <t>三商</t>
  </si>
  <si>
    <t>ｻﾝｼｮｳ</t>
  </si>
  <si>
    <t>ご飯のおかずにぴったり穂先メンマ</t>
  </si>
  <si>
    <t>ご飯のおかずにぴったりザーサイ</t>
  </si>
  <si>
    <t>岐阜漬物　メンマ</t>
  </si>
  <si>
    <t>岐阜食品</t>
  </si>
  <si>
    <t>ｷﾞﾌﾂｹﾓﾉ</t>
  </si>
  <si>
    <t>岐阜漬物　ザーサイ</t>
  </si>
  <si>
    <t>穂先メンマ小瓶</t>
  </si>
  <si>
    <t>ザーサイ小瓶</t>
  </si>
  <si>
    <t>メンマ小瓶</t>
  </si>
  <si>
    <t>高菜ザーサイ小瓶</t>
  </si>
  <si>
    <t>丸善穂先メンマ</t>
  </si>
  <si>
    <t>岐阜漬物　ザーザイ</t>
  </si>
  <si>
    <t>岐阜漬物_高菜ザーサイ</t>
  </si>
  <si>
    <t>岐阜漬物メンマ</t>
  </si>
  <si>
    <t>岐阜漬物ザーサイ</t>
  </si>
  <si>
    <t>岐阜漬物　高菜ザーサイ</t>
  </si>
  <si>
    <t>岐阜漬物穂先メンマ</t>
  </si>
  <si>
    <t>岐阜漬物_ﾒﾝﾏ_大瓶_180g</t>
  </si>
  <si>
    <t>岐阜漬物_ｻﾞｰｻｲ_大瓶_180g</t>
  </si>
  <si>
    <t>岐阜漬物_穂先ﾒﾝﾏ_大瓶_210g</t>
  </si>
  <si>
    <t>メンマ</t>
  </si>
  <si>
    <t>ザーサイ</t>
  </si>
  <si>
    <t>高菜ザーサイ</t>
  </si>
  <si>
    <t>メンマやわらぎ</t>
  </si>
  <si>
    <t>長葱メンマ</t>
  </si>
  <si>
    <t>穂先メンマやわらぎお徳用</t>
  </si>
  <si>
    <t>ザーサイお徳用</t>
  </si>
  <si>
    <t>桃屋　穂先メンマ　葱油味　１１０ｇ</t>
  </si>
  <si>
    <t>110G</t>
  </si>
  <si>
    <t>味付メンマ</t>
  </si>
  <si>
    <t>味付ザーサイ</t>
  </si>
  <si>
    <t>味付穂先メンマ</t>
  </si>
  <si>
    <t>穂先メンマ</t>
  </si>
  <si>
    <t>アーベストフーズ</t>
  </si>
  <si>
    <t>ｱｰﾍﾞｽﾄ</t>
  </si>
  <si>
    <t>漬物</t>
  </si>
  <si>
    <t>はじかみ</t>
  </si>
  <si>
    <t>霧山食品工業</t>
  </si>
  <si>
    <t>ｺﾀﾞｶﾗ</t>
  </si>
  <si>
    <t>にんにくたまり漬</t>
  </si>
  <si>
    <t>１８０g</t>
  </si>
  <si>
    <t>にんにくたまり漬け</t>
  </si>
  <si>
    <t>にんにく野沢菜</t>
  </si>
  <si>
    <t>ピクルスガーキン</t>
  </si>
  <si>
    <t>黒にんにく味噌</t>
  </si>
  <si>
    <t>国産にんにく漬たまり</t>
  </si>
  <si>
    <t>国産にんにく漬キムチ</t>
  </si>
  <si>
    <t>国産にんにく漬黒酢</t>
  </si>
  <si>
    <t>無臭にんにく醤油味</t>
  </si>
  <si>
    <t>カキトマ</t>
  </si>
  <si>
    <t>ｸｽﾊﾗﾋﾞﾝｶﾝﾂ</t>
  </si>
  <si>
    <t>花しいたけ</t>
  </si>
  <si>
    <t>ピリリと辛い花しいたけ</t>
  </si>
  <si>
    <t>山菜味じまん</t>
  </si>
  <si>
    <t>スタミナ漬</t>
  </si>
  <si>
    <t>本格キムチにんにくのスタミナ漬</t>
  </si>
  <si>
    <t>焼にんにく</t>
  </si>
  <si>
    <t>丸善らっきょう</t>
  </si>
  <si>
    <t>丸善福神漬</t>
  </si>
  <si>
    <t>福神漬</t>
  </si>
  <si>
    <t>酒悦　高菜ちりめん</t>
  </si>
  <si>
    <t>ピリ辛きざみ福神漬</t>
  </si>
  <si>
    <t>福神漬木桶仕込醤油使用</t>
  </si>
  <si>
    <t>花も</t>
  </si>
  <si>
    <t>花も瓶</t>
  </si>
  <si>
    <t>うにチー</t>
  </si>
  <si>
    <t>35g_D+89</t>
  </si>
  <si>
    <t>かね徳</t>
  </si>
  <si>
    <t>花らっきょうお徳用</t>
  </si>
  <si>
    <t>ハナラッキョ１５０</t>
  </si>
  <si>
    <t>花らっきょう</t>
  </si>
  <si>
    <t>若摘み葉がらし</t>
  </si>
  <si>
    <t>カンボシダイコンキムチ</t>
  </si>
  <si>
    <t>にんにくキムチ</t>
  </si>
  <si>
    <t>福神らっきょう</t>
  </si>
  <si>
    <t>超徳用花らっきょう</t>
  </si>
  <si>
    <t>980g</t>
  </si>
  <si>
    <t>にんにくしょうゆ漬け</t>
  </si>
  <si>
    <t>たまり漬チーズ</t>
  </si>
  <si>
    <t>山久</t>
  </si>
  <si>
    <t>山の味醤油漬</t>
  </si>
  <si>
    <t>行者にんにく</t>
  </si>
  <si>
    <t>しその実南蛮</t>
  </si>
  <si>
    <t>福神漬け</t>
  </si>
  <si>
    <t>らっきょう</t>
  </si>
  <si>
    <t>ひさごや</t>
  </si>
  <si>
    <t>ﾋｻｺﾞﾔ</t>
  </si>
  <si>
    <t>にんにく焼き</t>
  </si>
  <si>
    <t>おつまみキムチ</t>
  </si>
  <si>
    <t>塩辛</t>
  </si>
  <si>
    <t>小エビの塩辛辛口</t>
  </si>
  <si>
    <t>ﾊﾞﾘｵﾌｨｴｽﾀ</t>
  </si>
  <si>
    <t>土佐酒盗</t>
  </si>
  <si>
    <t>いか塩辛</t>
  </si>
  <si>
    <t>酒盗</t>
  </si>
  <si>
    <t>かつお塩辛</t>
  </si>
  <si>
    <t>きざみしょうが</t>
  </si>
  <si>
    <t>きざみにんにく</t>
  </si>
  <si>
    <t>瓶詰（料理素材）</t>
  </si>
  <si>
    <t>サラダ</t>
  </si>
  <si>
    <t>ピクルス</t>
  </si>
  <si>
    <t>ヘングステンベルグ　ガーキンス</t>
  </si>
  <si>
    <t>７２０ＭＬ</t>
  </si>
  <si>
    <t>ﾍﾝｸﾞｽﾃﾝ</t>
  </si>
  <si>
    <t>ミックスピクルス</t>
  </si>
  <si>
    <t>コルニッション</t>
  </si>
  <si>
    <t>CI</t>
  </si>
  <si>
    <t>ピクルスミックス</t>
  </si>
  <si>
    <t>成城石井__ピクルス__コルニッション__１９０ｇ</t>
  </si>
  <si>
    <t>190ｇ</t>
  </si>
  <si>
    <t>ピクルスコルニッション</t>
  </si>
  <si>
    <t>成城石井__ピクルスコルニッション（ガーリック入り）１９０ｇ</t>
  </si>
  <si>
    <t>成城石井__ピクルスコルニッション（ガーリック入り）３７０ｇ</t>
  </si>
  <si>
    <t>ピクルスガーキンス</t>
  </si>
  <si>
    <t>ちょっと大きめのピクルスガーキン</t>
  </si>
  <si>
    <t>ｶﾝﾘﾀｲｼｮｳｶﾞ</t>
  </si>
  <si>
    <t>コルニッションピクルス瓶</t>
  </si>
  <si>
    <t>都光</t>
  </si>
  <si>
    <t>ﾄｺｳ</t>
  </si>
  <si>
    <t>業務用スイートピクルス</t>
  </si>
  <si>
    <t>スイートピクルス</t>
  </si>
  <si>
    <t>きざんだピクルス</t>
  </si>
  <si>
    <t>スウィートピクルス</t>
  </si>
  <si>
    <t>マスタードピクルス</t>
  </si>
  <si>
    <t>ﾏｽｺｯﾄﾌ-ｽﾞ</t>
  </si>
  <si>
    <t>ディルピクルス</t>
  </si>
  <si>
    <t>385g</t>
  </si>
  <si>
    <t>讃陽食品工業</t>
  </si>
  <si>
    <t>ｻﾝﾖｳｼｮｸﾋﾝ</t>
  </si>
  <si>
    <t>SO</t>
  </si>
  <si>
    <t>スライススイートピクルス</t>
  </si>
  <si>
    <t>サラダバーミックスピクルス</t>
  </si>
  <si>
    <t>SO_スライス_ディルピクルス_230g</t>
  </si>
  <si>
    <t>ブラックオリーブスライス</t>
  </si>
  <si>
    <t>ギャバン</t>
  </si>
  <si>
    <t>ｷﾞｬﾊﾞﾝ</t>
  </si>
  <si>
    <t>トマトピクルス670g瓶</t>
  </si>
  <si>
    <t>670g</t>
  </si>
  <si>
    <t>きゅうりピクルス670g瓶</t>
  </si>
  <si>
    <t>フェリックス　スライスピクルス</t>
  </si>
  <si>
    <t>オリーブ</t>
  </si>
  <si>
    <t>ブラックオリーブ種抜き</t>
  </si>
  <si>
    <t>豊産業</t>
  </si>
  <si>
    <t>ｳｲﾝｸﾞｴｽ</t>
  </si>
  <si>
    <t>グリーンオリーブ種抜き</t>
  </si>
  <si>
    <t>ｳｲﾝｸﾞｴｰｽ</t>
  </si>
  <si>
    <t>ブラックオリーブEO缶</t>
  </si>
  <si>
    <t>グリーンオーブ　EO缶</t>
  </si>
  <si>
    <t>オリーブミックス（ペペロンチーノ仕立て）</t>
  </si>
  <si>
    <t>グリーンオリーブ</t>
  </si>
  <si>
    <t>SOさぬきオリーブグリーンパウチ120g</t>
  </si>
  <si>
    <t>アンチョビースタフドオリーブ</t>
  </si>
  <si>
    <t>スタフドオリーブ</t>
  </si>
  <si>
    <t>ライプオリーブ</t>
  </si>
  <si>
    <t>グリーンオリーブ　ホール</t>
  </si>
  <si>
    <t>ﾏｻﾘｺ</t>
  </si>
  <si>
    <t>345g</t>
  </si>
  <si>
    <t>荒井商事</t>
  </si>
  <si>
    <t>グリーンオリーブ　スライス</t>
  </si>
  <si>
    <t>ロォリバグリーンオリーブ</t>
  </si>
  <si>
    <t>ﾓﾆｰﾆ</t>
  </si>
  <si>
    <t>オリーブ塩水漬け</t>
  </si>
  <si>
    <t>オリーブ　ノチェッラーラ　デル　ベリーチェ</t>
  </si>
  <si>
    <t>ﾎﾝﾃﾌﾞｯｻﾝ</t>
  </si>
  <si>
    <t>?豊産業</t>
  </si>
  <si>
    <t>ﾌﾗｶﾞﾀ</t>
  </si>
  <si>
    <t>フラガタグリーンオリーブガーリック＆タイム</t>
  </si>
  <si>
    <t>ﾄﾖｻﾝｷﾞｮｳ</t>
  </si>
  <si>
    <t>フラガタグリーンオリーブレモン</t>
  </si>
  <si>
    <t>フラガタブラックオリーブソルト</t>
  </si>
  <si>
    <t>スライスグリーンオリーブ</t>
  </si>
  <si>
    <t>ブラックオリーブ　種なし</t>
  </si>
  <si>
    <t>ﾌｨｶﾞﾛ</t>
  </si>
  <si>
    <t>TPグリーンオリーブ</t>
  </si>
  <si>
    <t>ブラックオリーブ</t>
  </si>
  <si>
    <t>オリーブの実_レモン＆バジル</t>
  </si>
  <si>
    <t>ｾﾙﾋﾟｽ</t>
  </si>
  <si>
    <t>オリーブの実_パプリカ</t>
  </si>
  <si>
    <t>オリーブの実_ドライトマト</t>
  </si>
  <si>
    <t>オリーブの実</t>
  </si>
  <si>
    <t>オリーブの実アンチョビ入り</t>
  </si>
  <si>
    <t>ブラックオリーブの実</t>
  </si>
  <si>
    <t>GOYA_ｸﾞﾘｰﾝ_ｵﾘｰﾌﾞ(種あり)</t>
  </si>
  <si>
    <t>928g　　</t>
  </si>
  <si>
    <t>GOYA_ｸﾞﾘｰﾝ_ｵﾘｰﾌﾞ(種なし)</t>
  </si>
  <si>
    <t>875g</t>
  </si>
  <si>
    <t>ナチュラル　ブラックオリーブ　種あり</t>
  </si>
  <si>
    <t>342g</t>
  </si>
  <si>
    <t>GOYA_ｸﾞﾘｰﾝ_ｵﾘｰﾌﾞ(ｽﾗｲｽ)</t>
  </si>
  <si>
    <t>ブラック　オリーブ　スライス</t>
  </si>
  <si>
    <t>GOYAｸﾞﾘｰﾝ_ｵﾘｰﾌﾞ(種あり)</t>
  </si>
  <si>
    <t>348g</t>
  </si>
  <si>
    <t>クイーンオリーブ　種あり</t>
  </si>
  <si>
    <t>349g</t>
  </si>
  <si>
    <t>ブラックオリーブ種なし</t>
  </si>
  <si>
    <t>ｸﾞﾘｰﾝ_ｵﾘｰﾌﾞ(ﾊﾟﾌﾟﾘｶ入り)減塩ﾀｲﾌﾟ</t>
  </si>
  <si>
    <t>353g</t>
  </si>
  <si>
    <t>ｸﾞﾘｰﾝ_ｵﾘｰﾌﾞ(ﾊﾗﾍﾟｰﾆｮ入り)減塩ﾀｲﾌﾟ</t>
  </si>
  <si>
    <t>ザワークラウトバレル</t>
  </si>
  <si>
    <t>850ml</t>
  </si>
  <si>
    <t>ｷｭ-ﾈ</t>
  </si>
  <si>
    <t>じゅんさい</t>
  </si>
  <si>
    <t>山水物産</t>
  </si>
  <si>
    <t>ｻﾝｽｲ</t>
  </si>
  <si>
    <t>順才</t>
  </si>
  <si>
    <t>ケーパース</t>
  </si>
  <si>
    <t>ﾏｺｰﾐｯｸ</t>
  </si>
  <si>
    <t>SOケーパー</t>
  </si>
  <si>
    <t>キョーリキ</t>
  </si>
  <si>
    <t>スライスビーツ</t>
  </si>
  <si>
    <t>ザワークラウト</t>
  </si>
  <si>
    <t>425ml</t>
  </si>
  <si>
    <t>信州みそをふんだんに使ったみそタル</t>
  </si>
  <si>
    <t>信州みそをふんだんに使ったみそマヨ</t>
  </si>
  <si>
    <t>信州みそをふんだんに使ったみそタル大瓶</t>
  </si>
  <si>
    <t>信州みそをふんだんに使ったみそマヨ大瓶</t>
  </si>
  <si>
    <t>黒にんにくクリームチーズ</t>
  </si>
  <si>
    <t>ガリマヨ</t>
  </si>
  <si>
    <t>スイートレリッシュ</t>
  </si>
  <si>
    <t>のせウマアンチョビにんにく</t>
  </si>
  <si>
    <t>フレッシュバジルソース</t>
  </si>
  <si>
    <t>ファインド・ニューズ</t>
  </si>
  <si>
    <t>ﾌｧｲﾝﾄﾞﾆｭｰｽ</t>
  </si>
  <si>
    <t>プチプチマスタード</t>
  </si>
  <si>
    <t>メキシカンレリッシュ</t>
  </si>
  <si>
    <t>ＳＯ　アメリカンレリッシュ</t>
  </si>
  <si>
    <t>アメリカンレリッシュ瓶</t>
  </si>
  <si>
    <t>ｷﾑﾗｷｭｳ</t>
  </si>
  <si>
    <t>ケーパーズ</t>
  </si>
  <si>
    <t>北野屋</t>
  </si>
  <si>
    <t>ｱﾘｱｽ</t>
  </si>
  <si>
    <t>にんじん入りザワークラウト680g瓶</t>
  </si>
  <si>
    <t>ルノランドザワークラウト680g瓶</t>
  </si>
  <si>
    <t>ケーパー　ノンパレイリェス　小粒</t>
  </si>
  <si>
    <t>栗</t>
  </si>
  <si>
    <t>甘露煮</t>
  </si>
  <si>
    <t>栗甘露煮</t>
  </si>
  <si>
    <t>三馬食品</t>
  </si>
  <si>
    <t>ﾐﾂｳﾏ</t>
  </si>
  <si>
    <t>ミホウジャパン</t>
  </si>
  <si>
    <t>栗甘露煮瓶2個セット</t>
  </si>
  <si>
    <t>パソラ</t>
  </si>
  <si>
    <t>ﾊﾟｿﾗ</t>
  </si>
  <si>
    <t>ケーティエム健康ネット</t>
  </si>
  <si>
    <t>KTM</t>
  </si>
  <si>
    <t>栗甘露煮瓶</t>
  </si>
  <si>
    <t>銘勝商事</t>
  </si>
  <si>
    <t>ﾒｲｶﾂｼｮｳｼﾞ</t>
  </si>
  <si>
    <t>チャンス</t>
  </si>
  <si>
    <t>ﾁｬﾝｽ</t>
  </si>
  <si>
    <t>栗甘露煮スタンドパック</t>
  </si>
  <si>
    <t>カンピー栗甘露煮</t>
  </si>
  <si>
    <t>国産栗甘露煮</t>
  </si>
  <si>
    <t>栗甘露煮ＳＰ</t>
  </si>
  <si>
    <t>栗甘露煮袋</t>
  </si>
  <si>
    <t>栗甘露煮パウチ</t>
  </si>
  <si>
    <t>サンヨー堂　栗甘露煮　瓶詰　９３０ｇ</t>
  </si>
  <si>
    <t>930G</t>
  </si>
  <si>
    <t>和栗甘露煮愛媛県産パウチ</t>
  </si>
  <si>
    <t>栗渋皮煮</t>
  </si>
  <si>
    <t>栗甘露煮　瓶</t>
  </si>
  <si>
    <t>栗甘露煮　パウチ</t>
  </si>
  <si>
    <t>はごろも　ホームＣ栗甘露煮</t>
  </si>
  <si>
    <t>930g</t>
  </si>
  <si>
    <t>栗甘露煮大瓶</t>
  </si>
  <si>
    <t>愛媛たいき　栗甘露煮　瓶３１０ｇ</t>
  </si>
  <si>
    <t>サンコー</t>
  </si>
  <si>
    <t>ﾓﾒﾝ</t>
  </si>
  <si>
    <t>北村商店</t>
  </si>
  <si>
    <t>ﾚﾌﾞｸﾘｴｲﾄ</t>
  </si>
  <si>
    <t>栗甘露煮大</t>
  </si>
  <si>
    <t>ﾆｯｶﾝ</t>
  </si>
  <si>
    <t>栗甘露煮　ＳＰ</t>
  </si>
  <si>
    <t>ﾎﾟﾝﾊﾟｯｸ</t>
  </si>
  <si>
    <t>岩本商事</t>
  </si>
  <si>
    <t>山海ぶし</t>
  </si>
  <si>
    <t>練りうめ</t>
  </si>
  <si>
    <t>パパパTARAKO</t>
  </si>
  <si>
    <t>唐がらし姜葱蒜醤</t>
  </si>
  <si>
    <t>めっちゃねぎ</t>
  </si>
  <si>
    <t>めっちゃ割干キムチ</t>
  </si>
  <si>
    <t>豚キムチ</t>
  </si>
  <si>
    <t>禁断のやみつきだれ</t>
  </si>
  <si>
    <t>めっちゃザーサイさんしょう</t>
  </si>
  <si>
    <t>にんにくきざみザーサイ</t>
  </si>
  <si>
    <t>葱姜蒜醤</t>
  </si>
  <si>
    <t>必然のニラ醤油</t>
  </si>
  <si>
    <t>Ｌｏｇ_Ｓｔｙｌｅ</t>
  </si>
  <si>
    <t>ﾛｸﾞｽﾀｲﾙ</t>
  </si>
  <si>
    <t>ぶっかけガーリック</t>
  </si>
  <si>
    <t>上町池沢土佐の赤かつおにんにく120g</t>
  </si>
  <si>
    <t>上町池沢土佐の赤かつおゆず味120g</t>
  </si>
  <si>
    <t>沖縄プレミアムたべるウコン</t>
  </si>
  <si>
    <t>沖縄プレミアム旨辛たべるウコン</t>
  </si>
  <si>
    <t>ぶっかけおかずわさび</t>
  </si>
  <si>
    <t>おかずわさび</t>
  </si>
  <si>
    <t>お肉のような大豆の生姜焼</t>
  </si>
  <si>
    <t>おろし大根　柚子入り</t>
  </si>
  <si>
    <t>ねり梅</t>
  </si>
  <si>
    <t>のっけて食べるたれねぎ塩</t>
  </si>
  <si>
    <t>みざん（瓶）</t>
  </si>
  <si>
    <t>３３ｇ</t>
  </si>
  <si>
    <t>みざん（袋）</t>
  </si>
  <si>
    <t>３０ｇ</t>
  </si>
  <si>
    <t>実ざんしょ　（瓶）</t>
  </si>
  <si>
    <t>みざん</t>
  </si>
  <si>
    <t>みざん　袋　</t>
  </si>
  <si>
    <t>みざん　（袋）</t>
  </si>
  <si>
    <t>ザグザグ食べるオリーブオイル</t>
  </si>
  <si>
    <t>ザクザク食べるオリーブオイル焼肉味</t>
  </si>
  <si>
    <t>梅ごのみ</t>
  </si>
  <si>
    <t>キザミザ－サイ</t>
  </si>
  <si>
    <t>梅ごのみスティック</t>
  </si>
  <si>
    <t>きざみ搾菜</t>
  </si>
  <si>
    <t>揚げ葱がザクッと香ばしい食べる葱油</t>
  </si>
  <si>
    <t>青とうがらし　たべるしょうゆ</t>
  </si>
  <si>
    <t>ガッツリガーリック野沢菜</t>
  </si>
  <si>
    <t>サンフード</t>
  </si>
  <si>
    <t>朝ごはんがおいしい那須白美人ねぎだれ</t>
  </si>
  <si>
    <t>名古屋コーチンそぼろマヨパテ</t>
  </si>
  <si>
    <t>割烹百珍</t>
  </si>
  <si>
    <t>ｶｯﾎﾟｳﾁｬｸﾁﾝ</t>
  </si>
  <si>
    <t>ワインビーフぶっかけ生姜</t>
  </si>
  <si>
    <t>パタックス_ティッカマサラカレーペースト　８０ｇ</t>
  </si>
  <si>
    <t>リードオフジャパン</t>
  </si>
  <si>
    <t>ﾘ-ﾄﾞ</t>
  </si>
  <si>
    <t>桃屋_きざみにんにくお徳用　３個セット</t>
  </si>
  <si>
    <t>めっちゃガーリック</t>
  </si>
  <si>
    <t>ヒマラヤ岩塩使用塩だれニンニク</t>
  </si>
  <si>
    <t>にんにく背脂</t>
  </si>
  <si>
    <t>料理用きざみにんにく</t>
  </si>
  <si>
    <t>バター味のフライドにんにく　５８ｇ</t>
  </si>
  <si>
    <t>きざみにんにくお徳用</t>
  </si>
  <si>
    <t>スタミナにんにく</t>
  </si>
  <si>
    <t>やみつきガーリック</t>
  </si>
  <si>
    <t>しょうが</t>
  </si>
  <si>
    <t>めっちゃしょうが</t>
  </si>
  <si>
    <t>めっちゃガーリックジンジャー</t>
  </si>
  <si>
    <t>めっちゃジンジャージンジャー</t>
  </si>
  <si>
    <t>ザクザクで生姜</t>
  </si>
  <si>
    <t>鰹だしのきいたおかず生姜</t>
  </si>
  <si>
    <t>おかずしょうが</t>
  </si>
  <si>
    <t>のせウマねぎしょうが</t>
  </si>
  <si>
    <t>シャキシャキかつお生姜</t>
  </si>
  <si>
    <t>味しょうが</t>
  </si>
  <si>
    <t>きざみしょうがお徳用</t>
  </si>
  <si>
    <t>きざみ生姜でごはん</t>
  </si>
  <si>
    <t>アレンジおまかせきざみ生姜</t>
  </si>
  <si>
    <t>タケサン小豆島うまいでしょうが53g</t>
  </si>
  <si>
    <t>53G</t>
  </si>
  <si>
    <t>ガッツリきざみしょうが</t>
  </si>
  <si>
    <t>ｻﾝﾌｰﾄﾞ</t>
  </si>
  <si>
    <t>万能おかずしょうが瓶</t>
  </si>
  <si>
    <t>きざみ生姜</t>
  </si>
  <si>
    <t>うまくて生姜ねぇ</t>
  </si>
  <si>
    <t>吾妻食品</t>
  </si>
  <si>
    <t>ｱｽﾞﾏｼｮｸﾋﾝ</t>
  </si>
  <si>
    <t>食べるラー油</t>
  </si>
  <si>
    <t>おかず生七味</t>
  </si>
  <si>
    <t>ガーリック辣油</t>
  </si>
  <si>
    <t>のっけてギョーザ</t>
  </si>
  <si>
    <t>凄旨ラー油</t>
  </si>
  <si>
    <t>牛たんラー油</t>
  </si>
  <si>
    <t>ラー油（フライドガーリック入り）</t>
  </si>
  <si>
    <t>シーフード</t>
  </si>
  <si>
    <t>陣中　牛タン仙台ラー油100ｇ</t>
  </si>
  <si>
    <t>食べるえごま油</t>
  </si>
  <si>
    <t>食べるアマニ油</t>
  </si>
  <si>
    <t>割れおかきラー油</t>
  </si>
  <si>
    <t>甲斐食品</t>
  </si>
  <si>
    <t>ｶｲｼｮｸﾋﾝ</t>
  </si>
  <si>
    <t>青唐辛子醤</t>
  </si>
  <si>
    <t>辛のニラ醤油</t>
  </si>
  <si>
    <t>旨味ラー油</t>
  </si>
  <si>
    <t>フレッシュフーズ</t>
  </si>
  <si>
    <t>ﾌﾚｯｼｭﾌｰｽﾞ</t>
  </si>
  <si>
    <t>たいめいけんデミグラスハンバーグ</t>
  </si>
  <si>
    <t>スダトモ</t>
  </si>
  <si>
    <t>ｽﾀﾞﾄﾓ</t>
  </si>
  <si>
    <t>牛タンがゴロっと入った食べるラー油</t>
  </si>
  <si>
    <t>青唐辛子オイル漬け</t>
  </si>
  <si>
    <t>食べる生七味唐辛子</t>
  </si>
  <si>
    <t>うま辛明太子ラー油</t>
  </si>
  <si>
    <t>ホルモンラー油</t>
  </si>
  <si>
    <t>光生</t>
  </si>
  <si>
    <t>ｺｳｾｲ</t>
  </si>
  <si>
    <t>いかラー油</t>
  </si>
  <si>
    <t>じゃがラー油</t>
  </si>
  <si>
    <t>食べるラー油と柿の種</t>
  </si>
  <si>
    <t>岡崎</t>
  </si>
  <si>
    <t>岡崎　坦々ラー油と柿の種　１６０ｇ</t>
  </si>
  <si>
    <t>ピリ辛ラー油きのこ</t>
  </si>
  <si>
    <t>ｺｳﾜﾌﾞｯｻﾝ</t>
  </si>
  <si>
    <t>ぶっかけおかずラー油</t>
  </si>
  <si>
    <t>落合のかけチャオイタリアンラー油</t>
  </si>
  <si>
    <t>のせタレラー油ごま</t>
  </si>
  <si>
    <t>のせタレラー油おろし</t>
  </si>
  <si>
    <t>のせタレラー油ねぎ塩</t>
  </si>
  <si>
    <t>おかずラー油カレー</t>
  </si>
  <si>
    <t>香ばし旨いおかずラー油</t>
  </si>
  <si>
    <t>ザク旨国産おかず生姜</t>
  </si>
  <si>
    <t>ザク旨おかず醤油</t>
  </si>
  <si>
    <t>きくらげラー油</t>
  </si>
  <si>
    <t>きくらげ高菜ラー油</t>
  </si>
  <si>
    <t>らくジャンガーリックバター</t>
  </si>
  <si>
    <t>生七味とうがらし山椒</t>
  </si>
  <si>
    <t>サクサク食べるラー油</t>
  </si>
  <si>
    <t>ﾖﾈﾔﾏ</t>
  </si>
  <si>
    <t>食べる麻辣油</t>
  </si>
  <si>
    <t>食べるスタミナ源たれ</t>
  </si>
  <si>
    <t>食べる具材入りラー油</t>
  </si>
  <si>
    <t>山忠わさび</t>
  </si>
  <si>
    <t>ﾔﾏﾁｭｳ</t>
  </si>
  <si>
    <t>大人の味ガッツリガーリック</t>
  </si>
  <si>
    <t>篠島しらすつくだ煮と明太子のごはんじゅれ</t>
  </si>
  <si>
    <t>愛知丸が釣ったまぐろとしょうがのごはんじゅれ</t>
  </si>
  <si>
    <t>蟹ラー油</t>
  </si>
  <si>
    <t>食べるラー油きのこ</t>
  </si>
  <si>
    <t>交和物産</t>
  </si>
  <si>
    <t>のりバター</t>
  </si>
  <si>
    <t>丸虎食品工業</t>
  </si>
  <si>
    <t>ﾏﾙﾄﾗｼｮｸﾋﾝ</t>
  </si>
  <si>
    <t>辛さ抑え</t>
  </si>
  <si>
    <t>花椒辣醤</t>
  </si>
  <si>
    <t>沖縄プレミアムたべる辣油</t>
  </si>
  <si>
    <t>おかずラー油　ピリ辛</t>
  </si>
  <si>
    <t>ぶっかけおかずラー油チョイ辛_増量品</t>
  </si>
  <si>
    <t>俺たちのおかずラー油</t>
  </si>
  <si>
    <t>俺たちのパラパラおかずラー油</t>
  </si>
  <si>
    <t>乙女たちのおかずラー油</t>
  </si>
  <si>
    <t>パラパラおかずラー油</t>
  </si>
  <si>
    <t>にんにくゼロおかずラー油</t>
  </si>
  <si>
    <t>辛そうで辛くない少し辛いラー油</t>
  </si>
  <si>
    <t>辛口</t>
  </si>
  <si>
    <t>桃屋しびれと辛さががっつり効いた麻辣香油</t>
  </si>
  <si>
    <t>激辛めっちゃガーリック</t>
  </si>
  <si>
    <t>ツナ缶詰</t>
  </si>
  <si>
    <t>ツナ缶</t>
  </si>
  <si>
    <t>油漬</t>
  </si>
  <si>
    <t>シーチキンマイルドTH55gバラ</t>
  </si>
  <si>
    <t>シーチキンLフレークN</t>
  </si>
  <si>
    <t>シーチキンNewマイルド</t>
  </si>
  <si>
    <t>シーチキンLフレークTH</t>
  </si>
  <si>
    <t>シーチキンマイルドTHバラ</t>
  </si>
  <si>
    <t>3缶Ｐシーチキンマイルド</t>
  </si>
  <si>
    <t>ツナフレークベジタブルオイル漬け</t>
  </si>
  <si>
    <t>ｾﾝﾁｭﾘｰ</t>
  </si>
  <si>
    <t>特撰ツナフレーク</t>
  </si>
  <si>
    <t>マルナカまぐろ油漬　3P</t>
  </si>
  <si>
    <t>丸中しれとこ食品</t>
  </si>
  <si>
    <t>まぐろフレーク缶</t>
  </si>
  <si>
    <t>90g×3</t>
  </si>
  <si>
    <t>まぐろライトツナフレークバラ</t>
  </si>
  <si>
    <t>かつおライトツナフレーク3P</t>
  </si>
  <si>
    <t>かつおライトツナフレークバラ</t>
  </si>
  <si>
    <t>シーチキンマイルド</t>
  </si>
  <si>
    <t>シーチキンマイルド4個セット</t>
  </si>
  <si>
    <t>かつおライトフレーク3缶</t>
  </si>
  <si>
    <t>6個入セット</t>
  </si>
  <si>
    <t>かつおライトフレーク3缶6個セット</t>
  </si>
  <si>
    <t>3缶6個セット</t>
  </si>
  <si>
    <t>シーチキンマイルド3個セット</t>
  </si>
  <si>
    <t>シーチキンマイルド3缶3個セット</t>
  </si>
  <si>
    <t>シーチキンマイルド3缶4個セット</t>
  </si>
  <si>
    <t>70g×3P4</t>
  </si>
  <si>
    <t>ライトフレークまぐろ油漬</t>
  </si>
  <si>
    <t>70g×4個入</t>
  </si>
  <si>
    <t>ライトツナフレークまぐろ</t>
  </si>
  <si>
    <t>ライトフレークまぐろ油漬け</t>
  </si>
  <si>
    <t>ツナフレーク</t>
  </si>
  <si>
    <t>ニュートラムジャパン</t>
  </si>
  <si>
    <t>ｴﾝﾃﾞｨｰｽﾞｺｰ</t>
  </si>
  <si>
    <t>カツオフレーク油漬け3缶</t>
  </si>
  <si>
    <t>ﾀｲﾗﾝﾄﾞ　ﾀｲ産ﾂﾅﾌﾚｰｸ</t>
  </si>
  <si>
    <t>ライトツナフレークマグロ油漬</t>
  </si>
  <si>
    <t>70g×3P</t>
  </si>
  <si>
    <t>ＴＯＰ　カツオ油漬フレーク　</t>
  </si>
  <si>
    <t>70gX3</t>
  </si>
  <si>
    <t>ﾀｲﾗﾝﾄﾞﾌ</t>
  </si>
  <si>
    <t>ライトツナフレーク</t>
  </si>
  <si>
    <t>マグロフレーク　油漬</t>
  </si>
  <si>
    <t>ﾎｰﾑﾁｱﾘｰ</t>
  </si>
  <si>
    <t>おとすいのツナあおラベル</t>
  </si>
  <si>
    <t>オトスイ</t>
  </si>
  <si>
    <t>ｵﾄｽｲ</t>
  </si>
  <si>
    <t>おとすいのツナしろラベル</t>
  </si>
  <si>
    <t>おとすいのツナあかラベル</t>
  </si>
  <si>
    <t>ライトツナフレーク（タイ産）</t>
  </si>
  <si>
    <t>80g×4</t>
  </si>
  <si>
    <t>ライトフレーク</t>
  </si>
  <si>
    <t>ライトツナ</t>
  </si>
  <si>
    <t>いなば食品　ライトツナフレーク　缶１６５ｇ</t>
  </si>
  <si>
    <t>イババライト</t>
  </si>
  <si>
    <t>ライトツナフレークかつお</t>
  </si>
  <si>
    <t>ライトツナフレーク_まぐろ</t>
  </si>
  <si>
    <t>ライトツナフレーク減塩まぐろ油漬</t>
  </si>
  <si>
    <t>ライトツナアマニ油</t>
  </si>
  <si>
    <t>イナバライトツナ１／２</t>
  </si>
  <si>
    <t>ライトツナアイフレーク</t>
  </si>
  <si>
    <t>55g*3</t>
  </si>
  <si>
    <t>まぐろ油漬フレークパウチ</t>
  </si>
  <si>
    <t>85g×4</t>
  </si>
  <si>
    <t>70g×3</t>
  </si>
  <si>
    <t>ライトフレーク6缶パック</t>
  </si>
  <si>
    <t>612g</t>
  </si>
  <si>
    <t>ライトフレークかつお</t>
  </si>
  <si>
    <t>ｶﾝﾋﾟｰ_ﾂﾅﾌﾚｰｸ_80G*3</t>
  </si>
  <si>
    <t>ツナフレーク４Ｐ</t>
  </si>
  <si>
    <t>95g×4</t>
  </si>
  <si>
    <t>ライトツナフレークまぐろ油漬け</t>
  </si>
  <si>
    <t>ｶﾄｻﾝｷﾞｮｳ</t>
  </si>
  <si>
    <t>クッキングツナ（マグロ）</t>
  </si>
  <si>
    <t>ライトツナかつお４缶</t>
  </si>
  <si>
    <t>ツナフレークかつお</t>
  </si>
  <si>
    <t>70ｇ×3</t>
  </si>
  <si>
    <t>ツナフレーク油１／３</t>
  </si>
  <si>
    <t>やわらかツナ油</t>
  </si>
  <si>
    <t>やわらかツナフレ－ク</t>
  </si>
  <si>
    <t>ライトツナフレーク（まぐろ）</t>
  </si>
  <si>
    <t>ツナフレーク油１／３ＥＯ</t>
  </si>
  <si>
    <t>ライトツナフレークかつお３缶</t>
  </si>
  <si>
    <t>ライトツナリセッタ</t>
  </si>
  <si>
    <t>ツナフレークレトルト４Ｐ</t>
  </si>
  <si>
    <t>油そのままライトツナリセッタ</t>
  </si>
  <si>
    <t>マグロフレーク油漬</t>
  </si>
  <si>
    <t>ライトツナフレークマグロ油漬け国内加工</t>
  </si>
  <si>
    <t>ライトツナフレーク　４缶</t>
  </si>
  <si>
    <t>メバチマグロツナ　４缶</t>
  </si>
  <si>
    <t>ライトツナフレークまぐろ油漬け国内加工</t>
  </si>
  <si>
    <t>ライトミートフレークかつお</t>
  </si>
  <si>
    <t>ライトツナフレーク４缶</t>
  </si>
  <si>
    <t>ライトミートフレーク</t>
  </si>
  <si>
    <t>ライトかつお３缶シュリンク</t>
  </si>
  <si>
    <t>ライトツナフレークカロリー４０％レス</t>
  </si>
  <si>
    <t>ライトツナフレークまぐろ油漬3缶シュリンク</t>
  </si>
  <si>
    <t>ライトフレークかつお油漬</t>
  </si>
  <si>
    <t>DR130</t>
  </si>
  <si>
    <t>ライトミートかつお油漬４缶</t>
  </si>
  <si>
    <t>ｵﾘｰﾌﾞｵｲﾙﾂﾅ</t>
  </si>
  <si>
    <t>ライトツナフレークまぐろ油漬</t>
  </si>
  <si>
    <t>ライトツナフレークひまわり油使用</t>
  </si>
  <si>
    <t>かつお油漬カロリー20%オフ</t>
  </si>
  <si>
    <t>オリーブオイルツナ</t>
  </si>
  <si>
    <t>オリーブオイルツナまぐろ油漬け</t>
  </si>
  <si>
    <t>１缶</t>
  </si>
  <si>
    <t>宝幸　ライトツナフレークまぐろ油漬　Ｔ２　１６５ｇ</t>
  </si>
  <si>
    <t>165G</t>
  </si>
  <si>
    <t>かつお油漬ひまわり油使用</t>
  </si>
  <si>
    <t>ライトツナフレーク大豆油使用3缶</t>
  </si>
  <si>
    <t>70g3</t>
  </si>
  <si>
    <t>宝幸ライトツナFまぐろ油漬タイ産70g×3</t>
  </si>
  <si>
    <t>70g×8</t>
  </si>
  <si>
    <t>ライトツナフレークEO缶</t>
  </si>
  <si>
    <t>ツナカル　４缶Ｐ</t>
  </si>
  <si>
    <t>ホテイツナカル１／２</t>
  </si>
  <si>
    <t>ツナカルライト３缶</t>
  </si>
  <si>
    <t>シーチキンファンシー</t>
  </si>
  <si>
    <t>天然水でつくったシーチキン純</t>
  </si>
  <si>
    <t>シーチキン　とろ　びんなが</t>
  </si>
  <si>
    <t>シーチキン炙りとろきはだ</t>
  </si>
  <si>
    <t>シーチキンフレーク一本釣り</t>
  </si>
  <si>
    <t>シーチキンフレーク　3缶</t>
  </si>
  <si>
    <t>シーチキンファンシーＴ２</t>
  </si>
  <si>
    <t>シーチキン　フレーク</t>
  </si>
  <si>
    <t>シーチキンフレーク_3缶</t>
  </si>
  <si>
    <t>シーチキンフレーク</t>
  </si>
  <si>
    <t>シーチキンＬ</t>
  </si>
  <si>
    <t>シーチキン　Ｌ　チャンク　タイ</t>
  </si>
  <si>
    <t>T2K</t>
  </si>
  <si>
    <t>シーチキン　Ｌ</t>
  </si>
  <si>
    <t>シーチキンLフレークTHSP3</t>
  </si>
  <si>
    <t>シーチキンLフレーク</t>
  </si>
  <si>
    <t>シーチキンLフレークNSP3</t>
  </si>
  <si>
    <t>シーチキンＬフレーク</t>
  </si>
  <si>
    <t>はごろも　シーチキンＬフレーク　缶１４０ｇ</t>
  </si>
  <si>
    <t>シーチキンＬフレークＥＯ</t>
  </si>
  <si>
    <t>シーチキン　Ｌ　フレーク　タイ</t>
  </si>
  <si>
    <t>シーチキンL</t>
  </si>
  <si>
    <t>140g×2</t>
  </si>
  <si>
    <t>食塩不使用シーチキンマイルドSP3</t>
  </si>
  <si>
    <t>シーチキンマイルドTHSP4</t>
  </si>
  <si>
    <t>55g×4</t>
  </si>
  <si>
    <t>シーチキンプラスコーンEO缶</t>
  </si>
  <si>
    <t>80g×3P</t>
  </si>
  <si>
    <t>シーチキンプラスチーズ</t>
  </si>
  <si>
    <t>シーチキンポテトプラス</t>
  </si>
  <si>
    <t>シ－チキン　マイルド　ＥＯ</t>
  </si>
  <si>
    <t>シーチキンマイルドTHSP3</t>
  </si>
  <si>
    <t>シ－チキンマイルトＥＯ</t>
  </si>
  <si>
    <t>シーチキンSmileマイルド</t>
  </si>
  <si>
    <t>シーチキン　Ｌチャンク</t>
  </si>
  <si>
    <t>シーチキン　Ｌフレーク</t>
  </si>
  <si>
    <t>ライトツナフレーク３缶</t>
  </si>
  <si>
    <t>橋谷</t>
  </si>
  <si>
    <t>ﾊｼﾔ</t>
  </si>
  <si>
    <t>ＴＯＰフレーク</t>
  </si>
  <si>
    <t>仲松商事</t>
  </si>
  <si>
    <t>70g?4</t>
  </si>
  <si>
    <t>オイル不使用ライトツナフレークまぐろ油漬</t>
  </si>
  <si>
    <t>ライトツナフレークまぐろ油漬3袋</t>
  </si>
  <si>
    <t>ライトツナフレークまぐろ4缶</t>
  </si>
  <si>
    <t>ライトツナフレークかつお油漬け</t>
  </si>
  <si>
    <t>かつおフレーク缶詰</t>
  </si>
  <si>
    <t>80g×4缶入</t>
  </si>
  <si>
    <t>網一番まぐろフレーク缶詰（4缶P）</t>
  </si>
  <si>
    <t>70gx4缶</t>
  </si>
  <si>
    <t>鮪ライトツナフレーク油漬</t>
  </si>
  <si>
    <t>ツナリッチかつお油漬フレーク</t>
  </si>
  <si>
    <t>ライトツナフレークかつお油漬</t>
  </si>
  <si>
    <t>ライトツナまぐろフレーク</t>
  </si>
  <si>
    <t>ライトツナまぐろ油漬フレーク</t>
  </si>
  <si>
    <t>ライトツナまぐろ油漬3缶</t>
  </si>
  <si>
    <t>70gx3</t>
  </si>
  <si>
    <t>ライトツナまぐろ油漬4缶</t>
  </si>
  <si>
    <t>ライトフレークかつお油漬3缶</t>
  </si>
  <si>
    <t>EOライトフレークかつお油漬_タイ産３缶</t>
  </si>
  <si>
    <t>EOP4X3</t>
  </si>
  <si>
    <t>EOライトツナまぐろ油漬タイ産３缶</t>
  </si>
  <si>
    <t>EO70×3</t>
  </si>
  <si>
    <t>70gx4</t>
  </si>
  <si>
    <t>極洋　ライトフレーク　まぐろ油漬　７０ｇ×３缶</t>
  </si>
  <si>
    <t>ライトツナまぐろ油漬</t>
  </si>
  <si>
    <t>双日食料</t>
  </si>
  <si>
    <t>ｻﾝｸﾚｽﾄ</t>
  </si>
  <si>
    <t>オイル不使用シーチキンマイルド</t>
  </si>
  <si>
    <t>油を使用しないライトフレーク</t>
  </si>
  <si>
    <t>ライトツナスーパーノンオイル</t>
  </si>
  <si>
    <t>ライトツナ食塩無添加オイル無添加</t>
  </si>
  <si>
    <t>無塩ライトツナオイル無添加</t>
  </si>
  <si>
    <t>ライトオイル無添加国産</t>
  </si>
  <si>
    <t>いなば食品　ライトツナスーパーノンオイル　１６５ｇ</t>
  </si>
  <si>
    <t>ライトツナオイル無添加</t>
  </si>
  <si>
    <t>ライトフレーク食塩無添加</t>
  </si>
  <si>
    <t>ライトツナ油を使用しない</t>
  </si>
  <si>
    <t>ライトツナノンオイルレトルト</t>
  </si>
  <si>
    <t>ライトツナスーパーノンオイルタイ産</t>
  </si>
  <si>
    <t>ライトツナノンオイル</t>
  </si>
  <si>
    <t>ライトツナ食塩無添加タイ産</t>
  </si>
  <si>
    <t>ライトツナ食塩無添加</t>
  </si>
  <si>
    <t>まぐろ水煮フレークミネラル</t>
  </si>
  <si>
    <t>ライトツナフレークまぐろ水煮3缶</t>
  </si>
  <si>
    <t>ライトツナフレークまぐろ水煮カロリー1/4</t>
  </si>
  <si>
    <t>ライトツナフレークまぐろ水煮</t>
  </si>
  <si>
    <t>ライトツナフレーク_まぐろ水煮_オイル不使用</t>
  </si>
  <si>
    <t>70Ｇ*3</t>
  </si>
  <si>
    <t>ライトツナ食塩オイル不使用3缶</t>
  </si>
  <si>
    <t>ライトツナフレークオイル不使用3缶</t>
  </si>
  <si>
    <t>宝幸ライトツナFオイル不使用フィリピン3缶210g</t>
  </si>
  <si>
    <t>ライトツナフレークオイル不使用</t>
  </si>
  <si>
    <t>ライトツナフレークまぐろオイル不使用</t>
  </si>
  <si>
    <t>ライトツナフレークまぐろ食塩不使用</t>
  </si>
  <si>
    <t>無添加ツナ　４缶</t>
  </si>
  <si>
    <t>無添加ツナ</t>
  </si>
  <si>
    <t>素材そのままシーチキンＦＣ</t>
  </si>
  <si>
    <t>素材そのままシーチキンＬＦ</t>
  </si>
  <si>
    <t>素材そのままシーチキンＬフレーク　３缶</t>
  </si>
  <si>
    <t>素材そのままシーチキンマイルド　３缶</t>
  </si>
  <si>
    <t>素材そのままシーチキンLフレーク</t>
  </si>
  <si>
    <t>素材そのままシーチキンLフレーク3缶</t>
  </si>
  <si>
    <t>素材そのままシーチキンマイルド</t>
  </si>
  <si>
    <t>天然水でシーチキン純</t>
  </si>
  <si>
    <t>素材そのままシーチキンNewマイルド</t>
  </si>
  <si>
    <t>オイル不使用シーチキンマイルド3P</t>
  </si>
  <si>
    <t>オイル不使用シーチキンLフレーク</t>
  </si>
  <si>
    <t>オイル不使用シーチキンLフレークSP3</t>
  </si>
  <si>
    <t>シーチキンＬオイル無添加</t>
  </si>
  <si>
    <t>シーチキンＦオイル無添加</t>
  </si>
  <si>
    <t>素材そのままシーチキンLフレークSP3</t>
  </si>
  <si>
    <t>素材そのままシーチキンマイルドSP3</t>
  </si>
  <si>
    <t>まぐろと天然水だけのシーチキン純SP3</t>
  </si>
  <si>
    <t>素材そのままシーチキンファンシー</t>
  </si>
  <si>
    <t>オイル不使用シーチキンL</t>
  </si>
  <si>
    <t>まぐろと天然水だけのシーチキン純</t>
  </si>
  <si>
    <t>シーチキンオイル無添加Ｌフレーク</t>
  </si>
  <si>
    <t>ﾉﾝｵｲﾙﾗｲﾄﾂﾅﾌﾚｰｸまぐろ4缶</t>
  </si>
  <si>
    <t>80ｇ×4</t>
  </si>
  <si>
    <t>オイル不使用ライトツナフレークまぐろ4缶</t>
  </si>
  <si>
    <t>オイル不使用ライトツナフレークまぐろ3缶</t>
  </si>
  <si>
    <t>その他ツナ</t>
  </si>
  <si>
    <t>ツナフレークホット＆スパイシー</t>
  </si>
  <si>
    <t>ツナフレークカラマンシ味</t>
  </si>
  <si>
    <t>めんツナかんかん缶</t>
  </si>
  <si>
    <t>めんツナかんかん辛口缶</t>
  </si>
  <si>
    <t>めんツナかんかんプレミアム缶</t>
  </si>
  <si>
    <t>めんツナ</t>
  </si>
  <si>
    <t>ﾀﾗﾗﾝﾔ</t>
  </si>
  <si>
    <t>ツナフレーク味付</t>
  </si>
  <si>
    <t>音代丸のツナ</t>
  </si>
  <si>
    <t>ｵﾄｼﾛ</t>
  </si>
  <si>
    <t>ツナコーン2缶シュリンク</t>
  </si>
  <si>
    <t>ツナコーン缶</t>
  </si>
  <si>
    <t>ツナ＆コーン</t>
  </si>
  <si>
    <t>ツナ＆コ－ンかつお</t>
  </si>
  <si>
    <t>ツナ＆コーンベーコン</t>
  </si>
  <si>
    <t>ツナ＆コーン_オイル無添加</t>
  </si>
  <si>
    <t>ツナパテ</t>
  </si>
  <si>
    <t>液切りいらずのしっとりつなコーン</t>
  </si>
  <si>
    <t>55ｇ*3</t>
  </si>
  <si>
    <t>シーチキンPLUSコーン＆チーズ</t>
  </si>
  <si>
    <t>シーチキンコーンプラス</t>
  </si>
  <si>
    <t>ツナコーン</t>
  </si>
  <si>
    <t>ツナマヨT2</t>
  </si>
  <si>
    <t>EOライトフレーク＆コーン　タイ産</t>
  </si>
  <si>
    <t>ライトフレーク＆コーン</t>
  </si>
  <si>
    <t>唐辛子ツナ</t>
  </si>
  <si>
    <t>ﾄﾞﾝｳｫﾝJP</t>
  </si>
  <si>
    <t>ツナパウチ</t>
  </si>
  <si>
    <t>レトルトライトツナフレークまぐろ油漬　フィリピン産</t>
  </si>
  <si>
    <t>ツナカルライト１／２_４缶Ｐ</t>
  </si>
  <si>
    <t>シーチキンSmileLフレーク</t>
  </si>
  <si>
    <t>シーチキンSmileオリーブオイルLフレーク</t>
  </si>
  <si>
    <t>シーチキンSmileLフレークSP3</t>
  </si>
  <si>
    <t>シーチキンSmileマイルドSP3</t>
  </si>
  <si>
    <t>シーチキンＳｍｉｌｅＬフレークひまわり油</t>
  </si>
  <si>
    <t>シーチキンＳｍｉｌｅ　オリーブＬフレーク50g</t>
  </si>
  <si>
    <t>シーチキンSmileＬフレーク3P</t>
  </si>
  <si>
    <t>シーチキンSmileマイルド3P</t>
  </si>
  <si>
    <t>シーチキンSmile食塩不使用マイルド</t>
  </si>
  <si>
    <t>ライトフレーク食塩無添加パウチ</t>
  </si>
  <si>
    <t>ライトツナフレーク水煮４缶</t>
  </si>
  <si>
    <t>シーチキンSmile水煮LフレークSP3</t>
  </si>
  <si>
    <t>シーチキンSmile水煮Lフレーク</t>
  </si>
  <si>
    <t>シーチキンSmile水煮マイルド</t>
  </si>
  <si>
    <t>シーチキンＳｍｉｌｅオイル不使用Ｍ</t>
  </si>
  <si>
    <t>シーチキンSmileオイル不使用マイルド</t>
  </si>
  <si>
    <t>シーチキンSmile水煮Ｌフレーク３P</t>
  </si>
  <si>
    <t>シーチキンSmile純</t>
  </si>
  <si>
    <t>シーチキンオイル無添加Ｌチャンク</t>
  </si>
  <si>
    <t>鮪ライトツナオイル無添加銀</t>
  </si>
  <si>
    <t>ツナトッピングガーリック＆チリ味</t>
  </si>
  <si>
    <t>ツナトッピングスイートチリ味</t>
  </si>
  <si>
    <t>ツナトッピングシラチャーソース</t>
  </si>
  <si>
    <t>ツナトッピングトマト＆バジル味</t>
  </si>
  <si>
    <t>ツナトッピングレモン＆ディル味</t>
  </si>
  <si>
    <t>ツナトッピングペッパー＆レモン</t>
  </si>
  <si>
    <t>ツナ＆コーン食塩無添加パウチ</t>
  </si>
  <si>
    <t>コラーゲン入りツナ</t>
  </si>
  <si>
    <t>和風シーチキンLフレークほんのりしゅうゆ味</t>
  </si>
  <si>
    <t>シーチキンＳｍｉｌｅピリ辛マイルド</t>
  </si>
  <si>
    <t>シーチキンSmileマイルドコーン入り</t>
  </si>
  <si>
    <t>サラダシーチキン</t>
  </si>
  <si>
    <t>カラダを応援シーチキンSP3</t>
  </si>
  <si>
    <t>70ｇ*3</t>
  </si>
  <si>
    <t>ディッパーシーチキンマヨ･箱</t>
  </si>
  <si>
    <t>シーチキンマヨネーズタイプしょうゆ味</t>
  </si>
  <si>
    <t>シーチキンＬマヨネーズタイプ</t>
  </si>
  <si>
    <t>和風シーチキン　Ｌフレーク</t>
  </si>
  <si>
    <t>シーチキン_L_マヨネーズタイプ</t>
  </si>
  <si>
    <t>シーチキンＬマヨネーズタイプ　２０Ｐ</t>
  </si>
  <si>
    <t>15g*20</t>
  </si>
  <si>
    <t>水産素材缶詰</t>
  </si>
  <si>
    <t>カニ</t>
  </si>
  <si>
    <t>マリンテクノフーズ</t>
  </si>
  <si>
    <t>ﾏﾘﾝﾃｸﾉﾌｰｽﾞ</t>
  </si>
  <si>
    <t>さけ（からふとます）水煮</t>
  </si>
  <si>
    <t>ﾈｸｽﾄﾚ-ﾄﾞ</t>
  </si>
  <si>
    <t>カニ缶</t>
  </si>
  <si>
    <t>カニ缶(ピンク身)</t>
  </si>
  <si>
    <t>紅ずわいかに脚肉飾</t>
  </si>
  <si>
    <t>ｽﾄﾞｰｶﾝﾂﾞﾒ</t>
  </si>
  <si>
    <t>紅ずわいかにフレーク</t>
  </si>
  <si>
    <t>紅ずわいかにフレーク3缶</t>
  </si>
  <si>
    <t>ずわいがにブレンド</t>
  </si>
  <si>
    <t>丸ずわい蟹</t>
  </si>
  <si>
    <t>まるずわいがに</t>
  </si>
  <si>
    <t>ニチロマルズワイガニ</t>
  </si>
  <si>
    <t>まるずわいほぐしみ</t>
  </si>
  <si>
    <t>まるずわいがにほぐしみ</t>
  </si>
  <si>
    <t>まるずわいほぐしみEO</t>
  </si>
  <si>
    <t>まるずわいがにほぐしみ3缶シュリンク</t>
  </si>
  <si>
    <t>紅ずわい蟹ほぐし</t>
  </si>
  <si>
    <t>紅ずわいがにほぐし３缶</t>
  </si>
  <si>
    <t>55g×3</t>
  </si>
  <si>
    <t>紅ずわいがにほぐし身ブレンド</t>
  </si>
  <si>
    <t>紅ずわいがに水煮</t>
  </si>
  <si>
    <t>紅ずわいがにわたりがにブレンド</t>
  </si>
  <si>
    <t>紅ずわいがにほぐし脚肉飾り（ギフト品）</t>
  </si>
  <si>
    <t>紅ずわいがにほぐし脚肉飾り</t>
  </si>
  <si>
    <t>紅ずわいがにほぐし身　５５ｇ×２</t>
  </si>
  <si>
    <t>１１０ｇ</t>
  </si>
  <si>
    <t>ﾏﾙﾊﾆﾁﾛ_ﾍﾞﾆｽﾞﾜｲ_ほぐし肉_F3R_55g</t>
  </si>
  <si>
    <t>べにずわいがに</t>
  </si>
  <si>
    <t>ズワイガニ　フレーク</t>
  </si>
  <si>
    <t>本ずわい蟹ほぐし</t>
  </si>
  <si>
    <t>新紅ずわいがにほぐし身ブレンド　３缶シュリンク</t>
  </si>
  <si>
    <t>ズワイガニフレーク</t>
  </si>
  <si>
    <t>新紅ずわいがにほぐし身ブレンド</t>
  </si>
  <si>
    <t>紅ずわいがにほぐし身３缶</t>
  </si>
  <si>
    <t>紅ずわいほぐし身</t>
  </si>
  <si>
    <t>紅ずわいがにブレンドほぐし身</t>
  </si>
  <si>
    <t>わたりがにほぐし身</t>
  </si>
  <si>
    <t>カナディアンロッククラブ</t>
  </si>
  <si>
    <t>わたりがにフレーク</t>
  </si>
  <si>
    <t>紅ずわいがにほぐしみ</t>
  </si>
  <si>
    <t>さけ</t>
  </si>
  <si>
    <t>まぐろライトツナフレーク3P</t>
  </si>
  <si>
    <t>紅さけカマ肉水煮</t>
  </si>
  <si>
    <t>ちょうしたノルウェー産サーモン水煮</t>
  </si>
  <si>
    <t>サーモンフレーク</t>
  </si>
  <si>
    <t>日本水産　スルッとふた　さけ水煮　ＥＯ缶１７０ｇ</t>
  </si>
  <si>
    <t>ニッスイ　さけ水煮ＥＯＦ３　１００ｇ</t>
  </si>
  <si>
    <t>あけぼの鮭EO缶</t>
  </si>
  <si>
    <t>鮭細肉</t>
  </si>
  <si>
    <t>あけぼのさけ水煮</t>
  </si>
  <si>
    <t>さけ3缶シュリンク</t>
  </si>
  <si>
    <t>さけ水煮北海道産</t>
  </si>
  <si>
    <t>鮭水煮</t>
  </si>
  <si>
    <t>宝幸銀鮭中骨水煮国内工場製造150g</t>
  </si>
  <si>
    <t>さけ水煮からふとます</t>
  </si>
  <si>
    <t>中骨</t>
  </si>
  <si>
    <t>鮭の中骨水煮</t>
  </si>
  <si>
    <t>ﾊﾅﾜInt</t>
  </si>
  <si>
    <t>紅さけ中骨水煮</t>
  </si>
  <si>
    <t>マルハニチロ　サーモン中骨水煮ＥＯ缶　９０ｇ</t>
  </si>
  <si>
    <t>さけ中骨水煮</t>
  </si>
  <si>
    <t>マルハサーモン中骨</t>
  </si>
  <si>
    <t>鮭中骨水煮</t>
  </si>
  <si>
    <t>田原缶詰　ちょうした鮭中骨水煮　１４０ｇ</t>
  </si>
  <si>
    <t>140G</t>
  </si>
  <si>
    <t>さけ水煮</t>
  </si>
  <si>
    <t>トラウトサーモン中骨水煮_ＥＯ</t>
  </si>
  <si>
    <t>F3</t>
  </si>
  <si>
    <t>サケナカボネミリンヤキ</t>
  </si>
  <si>
    <t>さけ中骨水煮EO</t>
  </si>
  <si>
    <t>秋鮭の中骨水煮</t>
  </si>
  <si>
    <t>さけの中骨水煮ＥＯＫ</t>
  </si>
  <si>
    <t>さけの中骨水煮</t>
  </si>
  <si>
    <t>銀鮭中骨水煮</t>
  </si>
  <si>
    <t>極洋銀鮭の中骨煮付140g</t>
  </si>
  <si>
    <t>サーモン中骨水煮</t>
  </si>
  <si>
    <t>鮭の中骨缶</t>
  </si>
  <si>
    <t>マルヨ水産</t>
  </si>
  <si>
    <t>ﾏﾙﾖｽｲｻﾝ</t>
  </si>
  <si>
    <t>ほたて</t>
  </si>
  <si>
    <t>貝姿煮水煮</t>
  </si>
  <si>
    <t>ほたて貝水煮姿造り</t>
  </si>
  <si>
    <t>帆立貝柱水煮</t>
  </si>
  <si>
    <t>ほたて貝柱水煮割り身ＥＯ</t>
  </si>
  <si>
    <t>ホタテカイバシラミズニ</t>
  </si>
  <si>
    <t>マルハほたて水煮ＥＯ</t>
  </si>
  <si>
    <t>帆立貝柱水煮割り身</t>
  </si>
  <si>
    <t>帆立貝柱ほぐし身</t>
  </si>
  <si>
    <t>貝柱ほぐし身</t>
  </si>
  <si>
    <t>貝柱ほくしみ身</t>
  </si>
  <si>
    <t>帆立貝柱水煮フレーク</t>
  </si>
  <si>
    <t>Ｎほたてフレーク３缶　７０ｇ×３缶</t>
  </si>
  <si>
    <t>日本水産　旬帆立貝柱水煮　１２０ｇ</t>
  </si>
  <si>
    <t>貝柱ほぐし身EO缶</t>
  </si>
  <si>
    <t>帆立貝水煮姿造り</t>
  </si>
  <si>
    <t>帆立貝柱フレーク</t>
  </si>
  <si>
    <t>帆立フレーク（ＥＯ）３缶</t>
  </si>
  <si>
    <t>ほたて貝柱ほぐし身F3RN</t>
  </si>
  <si>
    <t>北海道産帆立貝柱</t>
  </si>
  <si>
    <t>貝柱水煮ほぐし身</t>
  </si>
  <si>
    <t>貝柱水煮ほぐし身EO　３缶シュリンク</t>
  </si>
  <si>
    <t>あさり水煮</t>
  </si>
  <si>
    <t>陸奥湾産ほたて貝柱ほぐし身</t>
  </si>
  <si>
    <t>貝柱水煮ほぐし身シュリンク</t>
  </si>
  <si>
    <t>65g×3P</t>
  </si>
  <si>
    <t>宝幸貝柱水煮ほぐし身ほたてエキス配合</t>
  </si>
  <si>
    <t>ホームクッキングほたてほぐしみ</t>
  </si>
  <si>
    <t>ベビーほたて水煮</t>
  </si>
  <si>
    <t>帆立貝柱水煮ホール</t>
  </si>
  <si>
    <t>帆立貝柱姿造り</t>
  </si>
  <si>
    <t>貝柱ほぐしみ</t>
  </si>
  <si>
    <t>スモークオイルサーディン瓶</t>
  </si>
  <si>
    <t>お料理用貝水煮</t>
  </si>
  <si>
    <t>アサリＳＰ１００</t>
  </si>
  <si>
    <t>サンヨー堂　あさり水煮　８５ｇ</t>
  </si>
  <si>
    <t>SS２号缶</t>
  </si>
  <si>
    <t>あさり水煮ＥＯ</t>
  </si>
  <si>
    <t>あさり水煮ＥＯ８号</t>
  </si>
  <si>
    <t>１３０ｇ</t>
  </si>
  <si>
    <t>あさり水煮_EO</t>
  </si>
  <si>
    <t>あさり水煮EO缶</t>
  </si>
  <si>
    <t>レトルト　あさり水煮</t>
  </si>
  <si>
    <t>アサリドライパック</t>
  </si>
  <si>
    <t>あさり水煮缶</t>
  </si>
  <si>
    <t>その他水産素材</t>
  </si>
  <si>
    <t>オイルサーディン</t>
  </si>
  <si>
    <t>オイルサーデン</t>
  </si>
  <si>
    <t>スモークオイルサーディンにんにく風味</t>
  </si>
  <si>
    <t>スモークオイルサーディンオニオン風味</t>
  </si>
  <si>
    <t>アサヒ物産</t>
  </si>
  <si>
    <t>ｱｻﾋﾌﾞｯｻﾝ</t>
  </si>
  <si>
    <t>スモークオイルサーディン</t>
  </si>
  <si>
    <t>オイルサーディンオリーブオイル漬け</t>
  </si>
  <si>
    <t>オイルサーデンスパイシー味</t>
  </si>
  <si>
    <t>オイルサーディン箱入</t>
  </si>
  <si>
    <t>ﾄﾏﾄC</t>
  </si>
  <si>
    <t>パストデコスモークオイルサーディン</t>
  </si>
  <si>
    <t>グリーンオーブアンチョビ入</t>
  </si>
  <si>
    <t>パストデコスモークオイルサーディン瓶入り</t>
  </si>
  <si>
    <t>オイルサーティン</t>
  </si>
  <si>
    <t>スモークサーティーンINオイル</t>
  </si>
  <si>
    <t>スモークトマトソースオイルサーディン</t>
  </si>
  <si>
    <t>ﾉﾙﾃﾞｽﾄ</t>
  </si>
  <si>
    <t>日本珈琲貿易</t>
  </si>
  <si>
    <t>ﾘｶﾞｺﾞｰﾙﾄﾞ</t>
  </si>
  <si>
    <t>ノルデストスモークオイルサーディン</t>
  </si>
  <si>
    <t>ﾉﾙﾃﾞｨｯｸ</t>
  </si>
  <si>
    <t>ﾊﾞﾝｶﾞ</t>
  </si>
  <si>
    <t>オイルサーディンレモン風味</t>
  </si>
  <si>
    <t>オイルサーデンレモン</t>
  </si>
  <si>
    <t>オイルサーディン　トマトソース煮</t>
  </si>
  <si>
    <t>オリーブオイルサーディン</t>
  </si>
  <si>
    <t>キングオスカーオイルサーデン</t>
  </si>
  <si>
    <t>オリーブオイルサーディンクロスパック</t>
  </si>
  <si>
    <t>ｵｲﾙｻｰﾃﾞﾝ</t>
  </si>
  <si>
    <t>スモークオイルサーディンレモン風味</t>
  </si>
  <si>
    <t>三井物産</t>
  </si>
  <si>
    <t>ｷﾝｸﾞｵｽｶ</t>
  </si>
  <si>
    <t>オーシャンフーズ_ｻｰﾃﾞｨﾝ_ｵｲﾙﾂﾞｹ</t>
  </si>
  <si>
    <t>オーシャンフーズ_ｻｰﾃﾞｨﾝ_ﾐｽﾞﾆ</t>
  </si>
  <si>
    <t>オーシャンフーズ_ｻｰﾃﾞｨﾝ_ﾄﾏﾄｿｰｽﾂﾞｹ</t>
  </si>
  <si>
    <t>アンチョビ</t>
  </si>
  <si>
    <t>アンチョビペースト</t>
  </si>
  <si>
    <t>ﾋｶﾘｶﾞｵｶｺｳｻ</t>
  </si>
  <si>
    <t>アンチョビフィレ</t>
  </si>
  <si>
    <t>カーリアさんのアンチョビ</t>
  </si>
  <si>
    <t>ｽｶｰﾘｱ</t>
  </si>
  <si>
    <t>業務用アンチョビブロークン</t>
  </si>
  <si>
    <t>アンチョビペルー産</t>
  </si>
  <si>
    <t>アヲハタ　アンチョビーフィレー</t>
  </si>
  <si>
    <t>４５Ｇ</t>
  </si>
  <si>
    <t>アンチョビーフィレー</t>
  </si>
  <si>
    <t>天長食品アンチョビフィレ油漬28g</t>
  </si>
  <si>
    <t>フラットアンチョビ</t>
  </si>
  <si>
    <t>リッツォーリアンチョビフィレオリーブ油漬</t>
  </si>
  <si>
    <t>日欧商事</t>
  </si>
  <si>
    <t>ﾆﾁｵｳｼｮｳｼﾞ</t>
  </si>
  <si>
    <t>アンチョビーフイレ</t>
  </si>
  <si>
    <t>アンチョビ・フィレ</t>
  </si>
  <si>
    <t>ｱﾄﾞﾐﾗﾙ</t>
  </si>
  <si>
    <t>畜産素材缶</t>
  </si>
  <si>
    <t>ランチョンミート</t>
  </si>
  <si>
    <t>スパムミート</t>
  </si>
  <si>
    <t>スパムライト</t>
  </si>
  <si>
    <t>スパムミート６０％減塩</t>
  </si>
  <si>
    <t>スパムレギュラー</t>
  </si>
  <si>
    <t>ホーメル　スパムレギュラー</t>
  </si>
  <si>
    <t>ｼｰｱｲﾌｰｽﾞ</t>
  </si>
  <si>
    <t>スパムミート25%レスソルト</t>
  </si>
  <si>
    <t>スパム25%レスソルト</t>
  </si>
  <si>
    <t>ﾗｲｼﾞﾝｸﾞ</t>
  </si>
  <si>
    <t>ポークランチョンミートポーク100%</t>
  </si>
  <si>
    <t>スパムレギュラー3個セット</t>
  </si>
  <si>
    <t>スパムミート２０％レスソルト3個セット</t>
  </si>
  <si>
    <t>スパムミート20%レスソルト3個セット</t>
  </si>
  <si>
    <t>ポークランチョンミート</t>
  </si>
  <si>
    <t>ｱｼｽﾄﾊﾞﾙﾙ</t>
  </si>
  <si>
    <t>いなば　ポーク　食塩無添加</t>
  </si>
  <si>
    <t>ポーク缶</t>
  </si>
  <si>
    <t>ノザキランチョンミート</t>
  </si>
  <si>
    <t>ウインナーソーセージレトルト</t>
  </si>
  <si>
    <t>MYウインナーソーセージブルー</t>
  </si>
  <si>
    <t>EOライトミートプレミアム</t>
  </si>
  <si>
    <t>EOP4</t>
  </si>
  <si>
    <t>わした生活わしたポーク</t>
  </si>
  <si>
    <t>沖縄県物産公社</t>
  </si>
  <si>
    <t>ｵｷﾅﾜﾌﾞｯｻﾝ</t>
  </si>
  <si>
    <t>わした生活わしたチーズポーク</t>
  </si>
  <si>
    <t>わしたポークレギュラー</t>
  </si>
  <si>
    <t>わしたポークJAPAN</t>
  </si>
  <si>
    <t>ｵｷﾅﾜﾎｰﾒﾙ</t>
  </si>
  <si>
    <t>セレブリィティーポーク</t>
  </si>
  <si>
    <t>湧川商会</t>
  </si>
  <si>
    <t>ｷｮﾀﾞｼｮｳｶｲ</t>
  </si>
  <si>
    <t>ﾐｯﾄﾞﾗﾝﾄﾞ</t>
  </si>
  <si>
    <t>チューリップコーポレーション</t>
  </si>
  <si>
    <t>ﾁｭｰﾘｯﾌﾟ</t>
  </si>
  <si>
    <t>オデリッチ　チキン　ソーセージ</t>
  </si>
  <si>
    <t>280g　　　　　　　　　</t>
  </si>
  <si>
    <t>ロウリーノイベリコ豚ランチョンミート</t>
  </si>
  <si>
    <t>リチャム</t>
  </si>
  <si>
    <t>コンビーフ</t>
  </si>
  <si>
    <t>ニューコンミート</t>
  </si>
  <si>
    <t>ﾎﾘｶ_ｺｰﾝﾋﾞｰﾌ_100G</t>
  </si>
  <si>
    <t>ニューコーンミート</t>
  </si>
  <si>
    <t>お肉deスプレッド　ビーフ</t>
  </si>
  <si>
    <t>コンビーフスマートスパイスカップ</t>
  </si>
  <si>
    <t>ニューコンミートスマートスパイスカップ</t>
  </si>
  <si>
    <t>脂肪の少ないニューコンミート</t>
  </si>
  <si>
    <t>ノザキコンビーフ</t>
  </si>
  <si>
    <t>脂肪分50%カットコンビーフ80G</t>
  </si>
  <si>
    <t>和風コンビーフ</t>
  </si>
  <si>
    <t>ニューコンビーフ</t>
  </si>
  <si>
    <t>雪印メグミルク</t>
  </si>
  <si>
    <t>コーンビーフハッシュ</t>
  </si>
  <si>
    <t>213g</t>
  </si>
  <si>
    <t>取り扱い無し</t>
  </si>
  <si>
    <t>コンビーフ缶</t>
  </si>
  <si>
    <t>ﾄﾏﾄｺｰﾎﾟﾚ</t>
  </si>
  <si>
    <t>たまごかけごはん専用コンビーフ</t>
  </si>
  <si>
    <t>ＫＫ　シーチキンコンビーフ　ＥＯ　80ｇ</t>
  </si>
  <si>
    <t>KK</t>
  </si>
  <si>
    <t>川商　コンビーフ　脂肪分ひかえめ　ＥＯ缶１００ｇ</t>
  </si>
  <si>
    <t>ほぐしコンビーフハーブ＆ペッパー</t>
  </si>
  <si>
    <t>ノザキコンビーフ×3</t>
  </si>
  <si>
    <t>ノザキニューコンミート</t>
  </si>
  <si>
    <t>野崎の熟成コンビーフ80ｇ</t>
  </si>
  <si>
    <t>ポーク減塩缶</t>
  </si>
  <si>
    <t>ベスト　ベスト印コンビーフ</t>
  </si>
  <si>
    <t>日東ベスト</t>
  </si>
  <si>
    <t>ﾍﾞｽﾄ</t>
  </si>
  <si>
    <t>こけし_ｺﾝﾋﾞｰﾌ＆ﾍﾞｼﾞﾀﾌﾞﾙ_90G</t>
  </si>
  <si>
    <t>ｺｹｼ</t>
  </si>
  <si>
    <t>うずら卵</t>
  </si>
  <si>
    <t>うずら卵水煮　2号缶</t>
  </si>
  <si>
    <t>ｻﾝﾖｰﾂｳｼｮｳ</t>
  </si>
  <si>
    <t>食塩無添加　うずら卵</t>
  </si>
  <si>
    <t>６個</t>
  </si>
  <si>
    <t>国産うずら卵水煮</t>
  </si>
  <si>
    <t>ＳＳ2号</t>
  </si>
  <si>
    <t>うずら卵水煮</t>
  </si>
  <si>
    <t>うずら卵水煮袋</t>
  </si>
  <si>
    <t>サンヨーうずらの卵</t>
  </si>
  <si>
    <t>うずら卵煮　缶</t>
  </si>
  <si>
    <t>7個</t>
  </si>
  <si>
    <t>うずらの卵水煮</t>
  </si>
  <si>
    <t>味付きうずらたまご</t>
  </si>
  <si>
    <t>8個</t>
  </si>
  <si>
    <t>うずらのたまご</t>
  </si>
  <si>
    <t>料理素材うずら卵水煮お徳用</t>
  </si>
  <si>
    <t>ウズラのタマゴＳＰ</t>
  </si>
  <si>
    <t>ホームクッキングうずらの卵</t>
  </si>
  <si>
    <t>ホームクッキングうずらの卵国産</t>
  </si>
  <si>
    <t>うずらのたまご（水煮）</t>
  </si>
  <si>
    <t>うずら卵水煮スタンドパック</t>
  </si>
  <si>
    <t>カネセイ食品</t>
  </si>
  <si>
    <t>ｶﾈｾｲ</t>
  </si>
  <si>
    <t>うずら卵天狗業務用Ｒ2/12</t>
  </si>
  <si>
    <t>天狗缶詰</t>
  </si>
  <si>
    <t>ﾃﾝｸﾞ</t>
  </si>
  <si>
    <t>うずらたまご燻製風味</t>
  </si>
  <si>
    <t>味付うずら卵ＳＰ　７個</t>
  </si>
  <si>
    <t>味付うずら卵袋</t>
  </si>
  <si>
    <t>味付うずら卵</t>
  </si>
  <si>
    <t>ホームクッキング煮込みうずらの卵</t>
  </si>
  <si>
    <t>その他畜産素材缶</t>
  </si>
  <si>
    <t>鶏ささみ　他</t>
  </si>
  <si>
    <t>ｴﾅﾌ　ﾃﾘｰﾇ_ﾄﾞ_ｶﾝﾊﾟｰﾆｭ</t>
  </si>
  <si>
    <t>ボナペチー(ﾎﾟｰｸ)ﾌｪｲｼﾞｮｱｰﾀ</t>
  </si>
  <si>
    <t>830g</t>
  </si>
  <si>
    <t>ｱｦﾊﾀ_塗るﾃﾘｰﾇ牛肉旨みﾋﾞｰﾌﾍﾟｰｽﾄ</t>
  </si>
  <si>
    <t>いなば食品　サラダチキンプレーン　９０ｇ</t>
  </si>
  <si>
    <t>いなば食品　サラダチキンブラックペッパー　９０ｇ</t>
  </si>
  <si>
    <t>とりささみフレーク</t>
  </si>
  <si>
    <t>とりささみフレーク食塩無添加</t>
  </si>
  <si>
    <t>ささみ＆コーン</t>
  </si>
  <si>
    <t>ささみコ－ン</t>
  </si>
  <si>
    <t>とりささみフレーク低脂肪</t>
  </si>
  <si>
    <t>サラダチキン</t>
  </si>
  <si>
    <t>チキン＆コーン</t>
  </si>
  <si>
    <t>とりささみフレ-ク低脂肪</t>
  </si>
  <si>
    <t>とりささみ</t>
  </si>
  <si>
    <t>サラダチキン鶏肉煮プレーン</t>
  </si>
  <si>
    <t>サラダチキン鶏肉煮</t>
  </si>
  <si>
    <t>サラダチキン鶏肉煮ハーブ風味</t>
  </si>
  <si>
    <t>70g×3缶入</t>
  </si>
  <si>
    <t>ｻﾗﾀﾞﾁｷﾝ_ﾌﾟﾚｰﾝ</t>
  </si>
  <si>
    <t>合鴨スモーク</t>
  </si>
  <si>
    <t>国産鶏のスモークオリーブオイル仕立て</t>
  </si>
  <si>
    <t>ﾎﾃｲﾌ-ｽﾞ</t>
  </si>
  <si>
    <t>無添加サラダチキン</t>
  </si>
  <si>
    <t>Smileチキンささみ水煮タイプ</t>
  </si>
  <si>
    <t>Smileチキンささみオリーブ</t>
  </si>
  <si>
    <t>ホームクッキングとりささみ</t>
  </si>
  <si>
    <t>ホームクッキングとりささみ国産</t>
  </si>
  <si>
    <t>サラダ用若鶏水煮</t>
  </si>
  <si>
    <t>やんわかチキンフレーク　ＥＯ缶８０ｇ×３</t>
  </si>
  <si>
    <t>やんわかチキンブロック　ＥＯ缶８０ｇ×３</t>
  </si>
  <si>
    <t>農産素材缶詰</t>
  </si>
  <si>
    <t>コーン</t>
  </si>
  <si>
    <t>ホールカーネル</t>
  </si>
  <si>
    <t>スウィートコーンＥＯＳＳ２</t>
  </si>
  <si>
    <t>Gジャイアントコーン_ホールカーネル</t>
  </si>
  <si>
    <t>ｴﾇｱｲｴｽﾌｰｽﾞ</t>
  </si>
  <si>
    <t>ホ－ルコ－ン</t>
  </si>
  <si>
    <t>スィートコーンホール</t>
  </si>
  <si>
    <t>スイートコーンホール</t>
  </si>
  <si>
    <t>スイートコーン缶</t>
  </si>
  <si>
    <t>シャキッとコーン3個セット</t>
  </si>
  <si>
    <t>ｼｬｷｯﾄｺｰﾝ3個ｾｯﾄ</t>
  </si>
  <si>
    <t>シャキッとコーン3p3個セット</t>
  </si>
  <si>
    <t>スイートコーンケース</t>
  </si>
  <si>
    <t>410g×24P</t>
  </si>
  <si>
    <t>ｽﾍﾟｼｬﾙｾﾚｸﾄ</t>
  </si>
  <si>
    <t>もぎたてコーン3缶セット</t>
  </si>
  <si>
    <t>スイートコーン</t>
  </si>
  <si>
    <t>新スイートコーンホール</t>
  </si>
  <si>
    <t>スイートコーンホールEO缶</t>
  </si>
  <si>
    <t>ｲﾝﾀ-ﾌﾚｯｼｭ</t>
  </si>
  <si>
    <t>カーネルフィールドスーパースイートコーン</t>
  </si>
  <si>
    <t>モリタ</t>
  </si>
  <si>
    <t>即食食堂スイートコーン　パウチ</t>
  </si>
  <si>
    <t>トーヨーフーズ</t>
  </si>
  <si>
    <t>ﾄｰﾖｰﾌｰｽﾞ</t>
  </si>
  <si>
    <t>スイートコーン缶詰</t>
  </si>
  <si>
    <t>190g×3</t>
  </si>
  <si>
    <t>東京フルーツ</t>
  </si>
  <si>
    <t>ﾄｳｷｮｳﾌﾙｰﾂ</t>
  </si>
  <si>
    <t>スイートカーネルコーン</t>
  </si>
  <si>
    <t>SJｺｰﾎﾟﾚｰｼｮ</t>
  </si>
  <si>
    <t>トゥーバトレーディング</t>
  </si>
  <si>
    <t>ﾄｩﾊﾞｯﾄﾚｰﾃﾞ</t>
  </si>
  <si>
    <t>パイン缶</t>
  </si>
  <si>
    <t>３号缶</t>
  </si>
  <si>
    <t>ｺﾝﾀﾃｰﾅ</t>
  </si>
  <si>
    <t>ｽｲｰﾄｺｰﾝ</t>
  </si>
  <si>
    <t>ｻﾝｴﾝﾀｰﾌﾟﾗｲ</t>
  </si>
  <si>
    <t>スイートコーン_ホール_4号缶</t>
  </si>
  <si>
    <t>スイ－トコ－ン</t>
  </si>
  <si>
    <t>４号缶425ｍｌ</t>
  </si>
  <si>
    <t>スイートコーン　　　　　６０ｇ</t>
  </si>
  <si>
    <t>もぎたてコーン</t>
  </si>
  <si>
    <t>食塩無添加コーン</t>
  </si>
  <si>
    <t>減塩コーン缶</t>
  </si>
  <si>
    <t>食塩無添加ｺｰﾝ</t>
  </si>
  <si>
    <t>当日収穫もぎたてコーン缶</t>
  </si>
  <si>
    <t>もぎたてコーン200g</t>
  </si>
  <si>
    <t>いなばもぎたてコーン</t>
  </si>
  <si>
    <t>減塩コーン</t>
  </si>
  <si>
    <t>200gX3</t>
  </si>
  <si>
    <t>もぎたてコーン3缶</t>
  </si>
  <si>
    <t>とれたてコーン食塩無添加</t>
  </si>
  <si>
    <t>125g×3</t>
  </si>
  <si>
    <t>食塩無添加コーン　３缶</t>
  </si>
  <si>
    <t>180g×3缶</t>
  </si>
  <si>
    <t>いなばもぎたてコーン200g×3缶</t>
  </si>
  <si>
    <t>スイートコーン（ホール）</t>
  </si>
  <si>
    <t>十勝コーンホール</t>
  </si>
  <si>
    <t>M2号缶</t>
  </si>
  <si>
    <t>ｷﾕ-ﾋﾟ-</t>
  </si>
  <si>
    <t>スイートコーンホール真空</t>
  </si>
  <si>
    <t>アヲハタ十勝コ－ンクリ－ム</t>
  </si>
  <si>
    <t>435g</t>
  </si>
  <si>
    <t>アヲハタ十勝スイ－トコ－ンホ－ル</t>
  </si>
  <si>
    <t>スイートコーンホールＥＯ</t>
  </si>
  <si>
    <t>ｱｵﾊﾀ</t>
  </si>
  <si>
    <t>スイートコーンホール３Ｐ</t>
  </si>
  <si>
    <t>サンヨー堂　スイートコーン　８５ｇ</t>
  </si>
  <si>
    <t>北海道産スイートコーンホール</t>
  </si>
  <si>
    <t>スイートコーン4号缶</t>
  </si>
  <si>
    <t>サンヨー堂　スイートコーン　粒状　１２５ｇ×３缶</t>
  </si>
  <si>
    <t>125g×3缶</t>
  </si>
  <si>
    <t>スイートコーン_パウチ</t>
  </si>
  <si>
    <t>正栄食品工業</t>
  </si>
  <si>
    <t>北海道十勝産スイートコーン</t>
  </si>
  <si>
    <t>ホールコーンはじける贅沢</t>
  </si>
  <si>
    <t>バキュームパックホールコーン</t>
  </si>
  <si>
    <t>スイートコ－ンホール_米国産</t>
  </si>
  <si>
    <t>スイートコーンクリ－ム米国産</t>
  </si>
  <si>
    <t>ｽｲｰﾄｺｰﾝﾊﾞｷｭｰﾑﾊﾟｯｸ　ﾀｲ産</t>
  </si>
  <si>
    <t>2125g</t>
  </si>
  <si>
    <t>スイートコーンバキュームパック</t>
  </si>
  <si>
    <t>スィートコーン</t>
  </si>
  <si>
    <t>185g×3P</t>
  </si>
  <si>
    <t>スィートコーンバラ</t>
  </si>
  <si>
    <t>スイートコーン3缶</t>
  </si>
  <si>
    <t>スイートコーン　タイ産</t>
  </si>
  <si>
    <t>100GX4</t>
  </si>
  <si>
    <t>スーパースイートコーン</t>
  </si>
  <si>
    <t>無添加コーン３個パック</t>
  </si>
  <si>
    <t>シャキットコーンＳＰ</t>
  </si>
  <si>
    <t>ホームＣ_シャキッとコーン</t>
  </si>
  <si>
    <t>ホームクッキンシャキッコーン</t>
  </si>
  <si>
    <t>ホームクッキングシャキッとコーン</t>
  </si>
  <si>
    <t>HCシャキッとコーン</t>
  </si>
  <si>
    <t>HCシャキッとコーン3P</t>
  </si>
  <si>
    <t>天然水でつくったシャキッとコーン純</t>
  </si>
  <si>
    <t>シャキッとコーン</t>
  </si>
  <si>
    <t>85OZ</t>
  </si>
  <si>
    <t>シャキッとコーンEO缶</t>
  </si>
  <si>
    <t>12OZ</t>
  </si>
  <si>
    <t>シャキットコーン</t>
  </si>
  <si>
    <t>75OZ</t>
  </si>
  <si>
    <t>ｼｬｷｯとｺｰﾝ(T)SP3</t>
  </si>
  <si>
    <t>190g*3</t>
  </si>
  <si>
    <t>シャキッとコーンバタコ</t>
  </si>
  <si>
    <t>シャキッとコーンバタコガーリック</t>
  </si>
  <si>
    <t>シャキッとコーンT</t>
  </si>
  <si>
    <t>シャキッとコーン　じゃがバタコ</t>
  </si>
  <si>
    <t>シャキッとコーン液切り不要タイプ3缶</t>
  </si>
  <si>
    <t>谷尾食糧工業</t>
  </si>
  <si>
    <t>ﾀﾆｵｼｮｸﾘｮｳ</t>
  </si>
  <si>
    <t>ﾀﾆｵ</t>
  </si>
  <si>
    <t>ＴＮＯスイートコーン</t>
  </si>
  <si>
    <t>９０ｇｘ３</t>
  </si>
  <si>
    <t>スイートコーン　ドライパック</t>
  </si>
  <si>
    <t>EXｺｳﾍﾞ</t>
  </si>
  <si>
    <t>スィートコーン　パック</t>
  </si>
  <si>
    <t>スーパースイートコーンホール</t>
  </si>
  <si>
    <t>伊藤忠商事</t>
  </si>
  <si>
    <t>ｻﾝﾍﾞﾙ</t>
  </si>
  <si>
    <t>スイートコーンホール（タイ）</t>
  </si>
  <si>
    <t>スイートコーンホールリカルトパック</t>
  </si>
  <si>
    <t>極洋もぎたてスイートコーン</t>
  </si>
  <si>
    <t>180×3</t>
  </si>
  <si>
    <t>ｻﾝｸﾚｽﾄｽｲｰﾄｺｰﾝ</t>
  </si>
  <si>
    <t>大丸興業</t>
  </si>
  <si>
    <t>ﾏｯｸ</t>
  </si>
  <si>
    <t>ヘ?ヒ?ーコーンの水煮缶</t>
  </si>
  <si>
    <t>ﾋﾞｼﾞｮﾝ</t>
  </si>
  <si>
    <t>スィートコーン　ホール</t>
  </si>
  <si>
    <t>ｴｯｼﾞｪﾙ</t>
  </si>
  <si>
    <t>クリーム</t>
  </si>
  <si>
    <t>新スイートコーンクリーム</t>
  </si>
  <si>
    <t>スィートコーンクリーム</t>
  </si>
  <si>
    <t>とれたてコーンクリーム</t>
  </si>
  <si>
    <t>クリームコーン</t>
  </si>
  <si>
    <t>459g</t>
  </si>
  <si>
    <t>北海道コーンクリーム</t>
  </si>
  <si>
    <t>スイートコーン、クリームＥＯ</t>
  </si>
  <si>
    <t>スイートコーンクリームEOM2号缶</t>
  </si>
  <si>
    <t>М2号</t>
  </si>
  <si>
    <t>スイートコーンクリーム</t>
  </si>
  <si>
    <t>クリームコーン粒入り贅沢</t>
  </si>
  <si>
    <t>シャキッとコーンクリーム</t>
  </si>
  <si>
    <t>シャキッとコーンクリームコンソメ入り</t>
  </si>
  <si>
    <t>M2</t>
  </si>
  <si>
    <t>シャキットコーン　クリームＥＯ</t>
  </si>
  <si>
    <t>シャキッとコーンクリームパパッと紙パック</t>
  </si>
  <si>
    <t>マッシュルーム</t>
  </si>
  <si>
    <t>スライス</t>
  </si>
  <si>
    <t>マッシュルームスライスEO</t>
  </si>
  <si>
    <t>マッシュルーム水煮　ピーセス・ステムス　2号缶</t>
  </si>
  <si>
    <t>マッシュルームランダム</t>
  </si>
  <si>
    <t>減塩マッシュルーム</t>
  </si>
  <si>
    <t>マッシュルームスライス</t>
  </si>
  <si>
    <t>マッシュルームスライス(EO)</t>
  </si>
  <si>
    <t>マッシュルームスライイス</t>
  </si>
  <si>
    <t>マッシュル－ムスライス</t>
  </si>
  <si>
    <t>サンヨーマッシュルームスライスパウチ</t>
  </si>
  <si>
    <t>ｻﾝﾖ-ﾄﾞｳ</t>
  </si>
  <si>
    <t>食塩無添加マッシュルームまるごとスライス</t>
  </si>
  <si>
    <t>マッシュルームスライスＥＯ</t>
  </si>
  <si>
    <t>ホームＣマッシュルームＷ</t>
  </si>
  <si>
    <t>ホームＣマッシュルームＳ</t>
  </si>
  <si>
    <t>ホームクッキングマッシュルームスライス</t>
  </si>
  <si>
    <t>HCマッシュルームランダムスライス国産</t>
  </si>
  <si>
    <t>マッシュルムスライスランダム</t>
  </si>
  <si>
    <t>天長食品マッシュルーム缶詰スライス184g</t>
  </si>
  <si>
    <t>184G</t>
  </si>
  <si>
    <t>マッシュルーム　スライス</t>
  </si>
  <si>
    <t>マッシュルームランダムスライス中国産</t>
  </si>
  <si>
    <t>ホール</t>
  </si>
  <si>
    <t>マッシュルームホールEO</t>
  </si>
  <si>
    <t>マッシュルーム水煮　ホール　2号缶</t>
  </si>
  <si>
    <t>マッシュルーム缶ホール</t>
  </si>
  <si>
    <t>184g</t>
  </si>
  <si>
    <t>ﾏｯｼｭﾙｰﾑﾎｰﾙ8号缶</t>
  </si>
  <si>
    <t>マッシュルームホール</t>
  </si>
  <si>
    <t>サンヨーマッシュルームホールパウチ</t>
  </si>
  <si>
    <t>ｻﾝﾖﾄﾞｳ</t>
  </si>
  <si>
    <t>マッシュルーム　ホール</t>
  </si>
  <si>
    <t>天長食品マッシュルーム缶詰ホール184g</t>
  </si>
  <si>
    <t>豆類</t>
  </si>
  <si>
    <t>大豆</t>
  </si>
  <si>
    <t>大豆水煮</t>
  </si>
  <si>
    <t>国産水煮大豆</t>
  </si>
  <si>
    <t>ふっくら蒸し大豆</t>
  </si>
  <si>
    <t>大豆水煮5号缶</t>
  </si>
  <si>
    <t>有機栽培大豆水煮</t>
  </si>
  <si>
    <t>毎日サラダ大豆ドライパック</t>
  </si>
  <si>
    <t>食塩無添加　北海道大豆</t>
  </si>
  <si>
    <t>食塩無添加大豆</t>
  </si>
  <si>
    <t>キューピーサラダクラブ大豆水煮ＳＰ</t>
  </si>
  <si>
    <t>大豆水煮（ドライパック）</t>
  </si>
  <si>
    <t>大豆ドライパックＧＭ２</t>
  </si>
  <si>
    <t>ホームクッキング　大豆</t>
  </si>
  <si>
    <t>ＨＣシャキット大豆</t>
  </si>
  <si>
    <t>ＨＣシャキっと有機大豆</t>
  </si>
  <si>
    <t>ホームクッキング有機大豆</t>
  </si>
  <si>
    <t>ホームクッキングシャキッと大豆</t>
  </si>
  <si>
    <t>シャキッと大豆M2号缶</t>
  </si>
  <si>
    <t>水煮大豆</t>
  </si>
  <si>
    <t>ﾊｰﾄﾌﾙﾊﾀｹ</t>
  </si>
  <si>
    <t>そのまま食べられる大豆EOM2</t>
  </si>
  <si>
    <t>ミックスビーンズ</t>
  </si>
  <si>
    <t>即食食堂ミックスビーンズパウチ</t>
  </si>
  <si>
    <t>ミックスビーンズ（イタリア産）　ＥＯ缶</t>
  </si>
  <si>
    <t>ﾄﾏﾄｺ-ﾎﾟ</t>
  </si>
  <si>
    <t>サラダ豆</t>
  </si>
  <si>
    <t>BeansDeliサラダ豆</t>
  </si>
  <si>
    <t>ビーンズデリ　サラダ豆</t>
  </si>
  <si>
    <t>ふっくら蒸しミックス豆</t>
  </si>
  <si>
    <t>毎日サラダミックスビーンズ</t>
  </si>
  <si>
    <t>食塩無添加ミックスビーンズ</t>
  </si>
  <si>
    <t>ミックスビーンズパウチ</t>
  </si>
  <si>
    <t>スーパー大麦食塩無添加雑穀ミックス</t>
  </si>
  <si>
    <t>キヌア食塩無添加雑穀ミックス</t>
  </si>
  <si>
    <t>ｶﾝﾋﾟｰ_ﾐｯｸｽﾋﾞｰﾝｽﾞ_40G</t>
  </si>
  <si>
    <t>ホームクッキングサラダビーンズ５</t>
  </si>
  <si>
    <t>ホームクッキングサラダヒ</t>
  </si>
  <si>
    <t>ホームクッキングサラダビーンズ</t>
  </si>
  <si>
    <t>ジャルジネイラ（ミックスベジタブル）</t>
  </si>
  <si>
    <t>300g　　　　　　　　　</t>
  </si>
  <si>
    <t>オデリッチ</t>
  </si>
  <si>
    <t>グリンピ－ス　フレツシユ</t>
  </si>
  <si>
    <t>グリーンピース</t>
  </si>
  <si>
    <t>グリンピ－スフレッシュ</t>
  </si>
  <si>
    <t>SS2</t>
  </si>
  <si>
    <t>ＨＣ　グリンピース</t>
  </si>
  <si>
    <t>ホームクッキンググリーンピース</t>
  </si>
  <si>
    <t>ホームクッキンググリンピース</t>
  </si>
  <si>
    <t>その他豆類</t>
  </si>
  <si>
    <t>ホワイトビーンズ4号缶</t>
  </si>
  <si>
    <t>S＆W</t>
  </si>
  <si>
    <t>レッドキドニービーンズ</t>
  </si>
  <si>
    <t>ガルバンゾービーンズ4号缶</t>
  </si>
  <si>
    <t>439g</t>
  </si>
  <si>
    <t>毎日サラダレッドキドニー</t>
  </si>
  <si>
    <t>毎日サラダガルバンゾ</t>
  </si>
  <si>
    <t>無塩ひよこ豆</t>
  </si>
  <si>
    <t>ガルバンゾ</t>
  </si>
  <si>
    <t>レッドキドニー</t>
  </si>
  <si>
    <t>サラダクラブガルバンゾひよこ豆</t>
  </si>
  <si>
    <t>サラダクラブ黒豆</t>
  </si>
  <si>
    <t>北海道産　黒豆</t>
  </si>
  <si>
    <t>レッドビーンズ</t>
  </si>
  <si>
    <t>黒豆ドライパック</t>
  </si>
  <si>
    <t>ホームクッキング黒豆（国産）</t>
  </si>
  <si>
    <t>そのまま食べられるレッドキドニー</t>
  </si>
  <si>
    <t>ひよこ豆</t>
  </si>
  <si>
    <t>白いんげん豆</t>
  </si>
  <si>
    <t>その他農産素材</t>
  </si>
  <si>
    <t>アスパラガス</t>
  </si>
  <si>
    <t>アスパラホワイト</t>
  </si>
  <si>
    <t>アスパラホワイト瓶</t>
  </si>
  <si>
    <t>ホワイトアスパラ</t>
  </si>
  <si>
    <t>ホワイトアスパラガス</t>
  </si>
  <si>
    <t>ﾆﾎﾝｺﾋ</t>
  </si>
  <si>
    <t>ﾆﾎﾝｺｰﾋｰﾎﾞｳ</t>
  </si>
  <si>
    <t>ノルレイク　ホワイトアスパラ</t>
  </si>
  <si>
    <t>ノルレェイク・インターナショナル</t>
  </si>
  <si>
    <t>ﾉﾙﾚｲｸ</t>
  </si>
  <si>
    <t>３４５ｇ</t>
  </si>
  <si>
    <t>アスパラ</t>
  </si>
  <si>
    <t>ﾌｪｻﾞｰ</t>
  </si>
  <si>
    <t>アスパラガスホワイト</t>
  </si>
  <si>
    <t>カットアスパラ</t>
  </si>
  <si>
    <t>アスパラカット</t>
  </si>
  <si>
    <t>アスパラカット缶</t>
  </si>
  <si>
    <t>8号</t>
  </si>
  <si>
    <t>中国産アスパラガスホワイトEO</t>
  </si>
  <si>
    <t>ホニホアスパラガス輸入</t>
  </si>
  <si>
    <t>アスパラホワイトカット</t>
  </si>
  <si>
    <t>ﾗｸﾞﾋﾞｰ</t>
  </si>
  <si>
    <t>天長食品ホワイトアスパラ瓶330g</t>
  </si>
  <si>
    <t>アスパラガスW皮つき</t>
  </si>
  <si>
    <t>マックストレーディング</t>
  </si>
  <si>
    <t>ﾏｯｸｽﾄﾚｰﾄﾞ</t>
  </si>
  <si>
    <t>ヤングコーン</t>
  </si>
  <si>
    <t>ベビーコーンの水煮缶</t>
  </si>
  <si>
    <t>ﾋﾟｼﾞｮﾝ</t>
  </si>
  <si>
    <t>食塩無添加　ヤングコーン</t>
  </si>
  <si>
    <t>ホームクッキングヤングコーン</t>
  </si>
  <si>
    <t>HCヤングコーン</t>
  </si>
  <si>
    <t>ヤングコーン　タイ産</t>
  </si>
  <si>
    <t>1ｺﾞｳ</t>
  </si>
  <si>
    <t>ヤングコーンカットタイプ</t>
  </si>
  <si>
    <t>ぎんなん</t>
  </si>
  <si>
    <t>ぎんなん水煮缶</t>
  </si>
  <si>
    <t>EOSS2</t>
  </si>
  <si>
    <t>銀杏</t>
  </si>
  <si>
    <t>ホームクッキング　ぎんなん</t>
  </si>
  <si>
    <t>ぎんなん（パウチ）</t>
  </si>
  <si>
    <t>はごろも　ホームクッキングぎんなん</t>
  </si>
  <si>
    <t>ホームクッキングぎんなん</t>
  </si>
  <si>
    <t>ぎんなんドライパック</t>
  </si>
  <si>
    <t>ぎんなん　水煮</t>
  </si>
  <si>
    <t>7ｺﾞｳ</t>
  </si>
  <si>
    <t>銀杏水煮</t>
  </si>
  <si>
    <t>ひじき</t>
  </si>
  <si>
    <t>ヒジキドライパック</t>
  </si>
  <si>
    <t>ホームクッキングひじき</t>
  </si>
  <si>
    <t>ホームクッキングひじき国産</t>
  </si>
  <si>
    <t>しっとりひじき</t>
  </si>
  <si>
    <t>その他農産素材缶</t>
  </si>
  <si>
    <t>なめこ水煮　4号缶</t>
  </si>
  <si>
    <t>たけのこ細切り</t>
  </si>
  <si>
    <t>たけのこやわらか煮</t>
  </si>
  <si>
    <t>なめこつぼみEOSS2</t>
  </si>
  <si>
    <t>なめこ　Ｍ</t>
  </si>
  <si>
    <t>たけのこ水煮　　ＥＯ＃Ｍ２</t>
  </si>
  <si>
    <t>たけのこ水煮</t>
  </si>
  <si>
    <t>ホームクッキングメンマ</t>
  </si>
  <si>
    <t>シャキッとコーンバタコ＆ジャッキーカルパス</t>
  </si>
  <si>
    <t>和洋即席</t>
  </si>
  <si>
    <t>レトルト</t>
  </si>
  <si>
    <t>丼ぶり</t>
  </si>
  <si>
    <t>中華丼</t>
  </si>
  <si>
    <t>ジャスティス</t>
  </si>
  <si>
    <t>ｼﾞｪｲﾌｰﾄﾞ</t>
  </si>
  <si>
    <t>親子丼</t>
  </si>
  <si>
    <t>なっとくの親子丼</t>
  </si>
  <si>
    <t>なっとくの麻婆丼</t>
  </si>
  <si>
    <t>なっとくの中華丼</t>
  </si>
  <si>
    <t>なっとくの春雨ビビンバ丼中辛</t>
  </si>
  <si>
    <t>なっとくの牛丼</t>
  </si>
  <si>
    <t>なっとくの豚しょうが焼き丼</t>
  </si>
  <si>
    <t>なっとくの豚丼</t>
  </si>
  <si>
    <t>なっとくの天津丼</t>
  </si>
  <si>
    <t>豚キムチ丼</t>
  </si>
  <si>
    <t>なっとくのビビンバ丼</t>
  </si>
  <si>
    <t>韓ＧＯＨＡＮプルコギ丼</t>
  </si>
  <si>
    <t>韓ＧＯＨＡＮダッカルビ丼</t>
  </si>
  <si>
    <t>どんぶり党牛丼３個パック</t>
  </si>
  <si>
    <t>どんぶり党中華丼</t>
  </si>
  <si>
    <t>どんぶり党　親子丼３個パック</t>
  </si>
  <si>
    <t>どんぶり党牛丼</t>
  </si>
  <si>
    <t>どんぶり党親子丼</t>
  </si>
  <si>
    <t>町中華麻婆丼</t>
  </si>
  <si>
    <t>赤い壺本辛麻婆丼</t>
  </si>
  <si>
    <t>ｴｽﾋﾞｰ</t>
  </si>
  <si>
    <t>炙り焼チャーシュー丼</t>
  </si>
  <si>
    <t>直火焼き牛タン丼</t>
  </si>
  <si>
    <t>角切りステーキ丼</t>
  </si>
  <si>
    <t>191g</t>
  </si>
  <si>
    <t>菜彩亭_そぼろ丼</t>
  </si>
  <si>
    <t>菜彩亭_親子丼</t>
  </si>
  <si>
    <t>菜彩亭_あんかけ丼</t>
  </si>
  <si>
    <t>菜彩亭_中華丼</t>
  </si>
  <si>
    <t>菜彩亭　麻婆なす丼</t>
  </si>
  <si>
    <t>菜彩亭　そぼろ丼</t>
  </si>
  <si>
    <t>菜彩亭　親子丼</t>
  </si>
  <si>
    <t>菜彩亭　中華丼</t>
  </si>
  <si>
    <t>かつとじ丼</t>
  </si>
  <si>
    <t>DONBURI亭お茶碗で食べる鶏すき丼3食</t>
  </si>
  <si>
    <t>70g×3食</t>
  </si>
  <si>
    <t>DONBURI亭お茶碗で食べる中華丼3食</t>
  </si>
  <si>
    <t>DONBURI亭中華丼</t>
  </si>
  <si>
    <t>ＤＯＮＢＵＲＩ亭牛すじ丼</t>
  </si>
  <si>
    <t>どんぶり亭　東京牛丼</t>
  </si>
  <si>
    <t>DONBURI亭牛丼</t>
  </si>
  <si>
    <t>DONBURI亭親子丼</t>
  </si>
  <si>
    <t>DONBURI亭すき焼き丼</t>
  </si>
  <si>
    <t>どんぶり小町　親子丼</t>
  </si>
  <si>
    <t>どんぶり小町　そぼろ丼</t>
  </si>
  <si>
    <t>どんぶり小町　カレー丼</t>
  </si>
  <si>
    <t>どんぶり小町野菜あんかけ丼</t>
  </si>
  <si>
    <t>DONBURI亭カレー南蛮丼</t>
  </si>
  <si>
    <t>DONBURI亭3食パック牛丼</t>
  </si>
  <si>
    <t>120g×3</t>
  </si>
  <si>
    <t>DONBURI亭3食パック中華丼</t>
  </si>
  <si>
    <t>DONBURI亭3食パック親子丼</t>
  </si>
  <si>
    <t>ＤＯＮＢＵＲＩ亭_牛丼　3個パック</t>
  </si>
  <si>
    <t>135g×3</t>
  </si>
  <si>
    <t>ＤＯＮＢＵＲＩ亭_牛丼</t>
  </si>
  <si>
    <t>ＤＯＮＢＵＲＩ亭_すき焼丼</t>
  </si>
  <si>
    <t>ＤＯＮＢＵＲＩ亭　豚丼</t>
  </si>
  <si>
    <t>こだわりのＤＯＮＢＵＲＩ亭　鶏の炭火焼き丼</t>
  </si>
  <si>
    <t>こだわりのＤＯＮＢＵＲＩ亭　牛のすき焼き丼</t>
  </si>
  <si>
    <t>豆腐あんかけ丼</t>
  </si>
  <si>
    <t>どんぶり小町　野菜中華丼</t>
  </si>
  <si>
    <t>ＤＯＮＢＵＲＩ亭でか焼きチキン丼</t>
  </si>
  <si>
    <t>ＤＯＮＢＵＲＩ亭豚なす丼</t>
  </si>
  <si>
    <t>DONBURI松茸すき焼き丼</t>
  </si>
  <si>
    <t>ＤＯＮＢＵＲＩ亭麻婆丼</t>
  </si>
  <si>
    <t>どんぶり亭　横浜中華丼</t>
  </si>
  <si>
    <t>どんぶり亭　親子丼</t>
  </si>
  <si>
    <t>211g</t>
  </si>
  <si>
    <t>どんぶり亭　神戸すきやき丼</t>
  </si>
  <si>
    <t>牛丼カレー　並盛</t>
  </si>
  <si>
    <t>牛丼カレー大盛</t>
  </si>
  <si>
    <t>ＤＯＮＢＵＲＩ亭　豚カルビ丼</t>
  </si>
  <si>
    <t>DONBURI亭お蕎麦屋さんのカレー南蛮丼</t>
  </si>
  <si>
    <t>マイサイズ　親子丼</t>
  </si>
  <si>
    <t>マイサイズ親子丼</t>
  </si>
  <si>
    <t>マイサイズ麻婆丼</t>
  </si>
  <si>
    <t>マイサイズ中華丼</t>
  </si>
  <si>
    <t>マイサイズ_マンナンごはん</t>
  </si>
  <si>
    <t>マイサイズ　マンナンごはん</t>
  </si>
  <si>
    <t>マイサイズ　ハヤシ</t>
  </si>
  <si>
    <t>マイサイズ蟹のあんかけ丼</t>
  </si>
  <si>
    <t>マイサイズいいねプラス欧風カレー塩分１ｇ１５０ｇ</t>
  </si>
  <si>
    <t>マイサイズいいねプラスキーマカレー</t>
  </si>
  <si>
    <t>マイサイズいいねプラス親子丼塩分１ｇ　１５０ｇ</t>
  </si>
  <si>
    <t>マイサイズいいねプラス中華丼塩分１ｇ　１５０ｇ</t>
  </si>
  <si>
    <t>マイサイズいいねプラス欧風カレー糖質</t>
  </si>
  <si>
    <t>ろくさん亭松茸どんぶり</t>
  </si>
  <si>
    <t>ろくさん亭十目どんぶり</t>
  </si>
  <si>
    <t>じゃぽどん中華どん</t>
  </si>
  <si>
    <t>大塚親子丼</t>
  </si>
  <si>
    <t>１００Ｋｃａｌマイサイズグリーンカレー</t>
  </si>
  <si>
    <t>100kcal親子丼</t>
  </si>
  <si>
    <t>100kcal中華丼</t>
  </si>
  <si>
    <t>100kcal麻婆丼</t>
  </si>
  <si>
    <t>100kcal蟹のあんかけ丼</t>
  </si>
  <si>
    <t>100kcalマイサイズチーズリゾットの素</t>
  </si>
  <si>
    <t>100kcalマイサイズビビンバの素</t>
  </si>
  <si>
    <t>キユーピーカロリーチョイスすき焼丼</t>
  </si>
  <si>
    <t>金のどんぶり四川風麻婆丼</t>
  </si>
  <si>
    <t>金のどんぶり親子丼</t>
  </si>
  <si>
    <t>金のどんぶり中華丼</t>
  </si>
  <si>
    <t>豚たま丼</t>
  </si>
  <si>
    <t>マルハきのことじ丼</t>
  </si>
  <si>
    <t>金のどんぶり豚たま丼</t>
  </si>
  <si>
    <t>金のどんぶり中華たまご丼</t>
  </si>
  <si>
    <t>金のどんふり牛たま丼</t>
  </si>
  <si>
    <t>金のどんぶり　牛玉丼</t>
  </si>
  <si>
    <t>金のどんぶり　親子丼</t>
  </si>
  <si>
    <t>中華たまご丼</t>
  </si>
  <si>
    <t>金のどんぶり　かに玉丼</t>
  </si>
  <si>
    <t>金のどんぶり　うなたま丼</t>
  </si>
  <si>
    <t>金のどんぶり　牛丼</t>
  </si>
  <si>
    <t>金のどんぶり　中華丼</t>
  </si>
  <si>
    <t>金のどんぶり_ビビンパ</t>
  </si>
  <si>
    <t>金のどんぶり　中華あんかけ</t>
  </si>
  <si>
    <t>金のどんぶりマーボー春雨</t>
  </si>
  <si>
    <t>金のどんぶり　カツ煮丼</t>
  </si>
  <si>
    <t>金のどんぶり牛丼</t>
  </si>
  <si>
    <t>金のどんぶり_ビビンバ</t>
  </si>
  <si>
    <t>金のどんふり牛丼</t>
  </si>
  <si>
    <t>金のどんぶり_お手軽一品麻婆丼</t>
  </si>
  <si>
    <t>イナズマイレブン親子丼</t>
  </si>
  <si>
    <t>金のどんぶりお手軽牛丼</t>
  </si>
  <si>
    <t>金のどんぶりたまご丼</t>
  </si>
  <si>
    <t>金のどんぶり本場韓国産コチュジャンビビンバ</t>
  </si>
  <si>
    <t>金のどんぶりお手軽満足中華丼</t>
  </si>
  <si>
    <t>金のどんぶり麻婆丼</t>
  </si>
  <si>
    <t>糖質コントロール　牛丼</t>
  </si>
  <si>
    <t>糖質コントロール　親子丼</t>
  </si>
  <si>
    <t>糖質コントロール　中華丼</t>
  </si>
  <si>
    <t>金のどんぶりビビンパ</t>
  </si>
  <si>
    <t>謎肉キムチ牛丼</t>
  </si>
  <si>
    <t>116ｇ</t>
  </si>
  <si>
    <t>２２春ＳｍａｒｔＴａｂｌｅのっけめしカレー</t>
  </si>
  <si>
    <t>ｽﾏ-ﾄﾃ-ﾌﾞﾙ</t>
  </si>
  <si>
    <t>２２春ＳｍａｒｔＴａｂｌｅのっけめしガパオ</t>
  </si>
  <si>
    <t>２２春ＳＴのっけめし麻婆なす</t>
  </si>
  <si>
    <t>２２春ＳＴのっけめしすき焼き風そぼろ</t>
  </si>
  <si>
    <t>できたてづくり親子丼</t>
  </si>
  <si>
    <t>できたてづくり牛とじ丼</t>
  </si>
  <si>
    <t>北海道どんぶり屋十勝豚丼</t>
  </si>
  <si>
    <t>北海道どんぶり屋ジンギスカン丼</t>
  </si>
  <si>
    <t>和風仕立てカレー丼の素</t>
  </si>
  <si>
    <t>うまいどんぶり麻婆丼の素</t>
  </si>
  <si>
    <t>うまいどんぶり中華丼</t>
  </si>
  <si>
    <t>ポケモンどんぶりマーボー丼</t>
  </si>
  <si>
    <t>鬼滅の刃どんぶりの素牛丼</t>
  </si>
  <si>
    <t>鬼滅の刃どんぶりの素親子丼</t>
  </si>
  <si>
    <t>ゆずとゆばの十六穀おじや</t>
  </si>
  <si>
    <t>ねぎらう生姜のもち麦入りおじや</t>
  </si>
  <si>
    <t>とろっと卵の親子煮</t>
  </si>
  <si>
    <t>五目中華あんかけ</t>
  </si>
  <si>
    <t>やわらか牛肉の卵とじ</t>
  </si>
  <si>
    <t>とろっと卵の親子丼の具</t>
  </si>
  <si>
    <t>七種具材の中華丼の具</t>
  </si>
  <si>
    <t>甘とろ卵の牛とじ丼の具</t>
  </si>
  <si>
    <t>Ontheごはんハッシュドビーフケース</t>
  </si>
  <si>
    <t>180g×10</t>
  </si>
  <si>
    <t>Ontheごはんビーフストロガノフケース</t>
  </si>
  <si>
    <t>150g×10</t>
  </si>
  <si>
    <t>Ontheごはんシュクメルリケース</t>
  </si>
  <si>
    <t>145g×10</t>
  </si>
  <si>
    <t>Ontheごはんソルロンタンケース</t>
  </si>
  <si>
    <t>170g×10</t>
  </si>
  <si>
    <t>Ontheごはん胡麻担々ケース</t>
  </si>
  <si>
    <t>Ontheごはん黒酢入り酸辣湯ケース</t>
  </si>
  <si>
    <t>Ontheごはんビビンパケース</t>
  </si>
  <si>
    <t>120g×10</t>
  </si>
  <si>
    <t>Ontheごはんユッケジャンケース</t>
  </si>
  <si>
    <t>160g×10</t>
  </si>
  <si>
    <t>Ontheごはんガパオケース</t>
  </si>
  <si>
    <t>120g×12</t>
  </si>
  <si>
    <t>Ontheごはん台湾麻辣ケース</t>
  </si>
  <si>
    <t>145g×12</t>
  </si>
  <si>
    <t>Ontheごはんラクサケース</t>
  </si>
  <si>
    <t>Ontheごはん麻辣火鍋ケース</t>
  </si>
  <si>
    <t>Ontheごはんタコライスケース</t>
  </si>
  <si>
    <t>Ontheごはんルーロー飯ケース</t>
  </si>
  <si>
    <t>Ontheごはんトムヤムガイケース</t>
  </si>
  <si>
    <t>165g×10</t>
  </si>
  <si>
    <t>エスニック</t>
  </si>
  <si>
    <t>フラワートルティーヤ</t>
  </si>
  <si>
    <t>ﾃﾞﾘｻﾝ</t>
  </si>
  <si>
    <t>肉骨茶</t>
  </si>
  <si>
    <t>魯肉飯</t>
  </si>
  <si>
    <t>参鶏湯</t>
  </si>
  <si>
    <t>胡麻味噌担々</t>
  </si>
  <si>
    <t>酸辣湯</t>
  </si>
  <si>
    <t>ユッケジャン</t>
  </si>
  <si>
    <t>ガパオ</t>
  </si>
  <si>
    <t>ベトナムフォーチキン風味</t>
  </si>
  <si>
    <t>タイライスヌードルトムヤムクン</t>
  </si>
  <si>
    <t>63.1g</t>
  </si>
  <si>
    <t>タイライスヌードルグリーンカレー</t>
  </si>
  <si>
    <t>タイライスヌードルカオソーイ</t>
  </si>
  <si>
    <t>韓飯レンジdeクッパ牛骨コムタン</t>
  </si>
  <si>
    <t>おうちでアジアめしガパオ3個パック</t>
  </si>
  <si>
    <t>おうちでアジアめし魯肉飯3個パック</t>
  </si>
  <si>
    <t>よくばりDeli韓国風茶碗蒸しの素ケランチム</t>
  </si>
  <si>
    <t>ハンバーグヘルパー</t>
  </si>
  <si>
    <t>ハンバーグ作り</t>
  </si>
  <si>
    <t>タコライス2人前</t>
  </si>
  <si>
    <t>沖縄ハム総合食品</t>
  </si>
  <si>
    <t>ｵｷﾅﾜﾊﾑ</t>
  </si>
  <si>
    <t>KINTOWNタコライス</t>
  </si>
  <si>
    <t>タッカルビの素</t>
  </si>
  <si>
    <t>ソルロンタン</t>
  </si>
  <si>
    <t>シュクメルリ</t>
  </si>
  <si>
    <t>ビビンパ</t>
  </si>
  <si>
    <t>ポックムの素</t>
  </si>
  <si>
    <t>ガパオの素</t>
  </si>
  <si>
    <t>台湾麻辣</t>
  </si>
  <si>
    <t>麻辣火鍋</t>
  </si>
  <si>
    <t>ラクサ</t>
  </si>
  <si>
    <t>ごはん胡麻担々</t>
  </si>
  <si>
    <t>ごはん黒酢入り酸辣湯</t>
  </si>
  <si>
    <t>タコライス</t>
  </si>
  <si>
    <t>ルーロー飯</t>
  </si>
  <si>
    <t>トムヤムガイ</t>
  </si>
  <si>
    <t>麻辣即席火鍋</t>
  </si>
  <si>
    <t>坦々即席火鍋</t>
  </si>
  <si>
    <t>ピザソース</t>
  </si>
  <si>
    <t>ﾑｯﾃｨ</t>
  </si>
  <si>
    <t>326g</t>
  </si>
  <si>
    <t>Ｗｉｓｍｅｔｔａｃフーズ</t>
  </si>
  <si>
    <t>ｵｰﾙﾄﾞｴﾙﾊﾟｿ</t>
  </si>
  <si>
    <t>タコシェル</t>
  </si>
  <si>
    <t>タコスキット</t>
  </si>
  <si>
    <t>308g</t>
  </si>
  <si>
    <t>日本リカー</t>
  </si>
  <si>
    <t>ピザベース</t>
  </si>
  <si>
    <t>タコシーズニング</t>
  </si>
  <si>
    <t>西本貿易</t>
  </si>
  <si>
    <t>ｵ-ﾙﾄﾞｴﾙﾊﾟｿ</t>
  </si>
  <si>
    <t>チリシーズニング</t>
  </si>
  <si>
    <t>タコソースマイルド</t>
  </si>
  <si>
    <t>タコソースミディアム</t>
  </si>
  <si>
    <t>タコソースホット</t>
  </si>
  <si>
    <t>香り豊かなアイスコーヒー</t>
  </si>
  <si>
    <t>香り豊かなカフェオレ</t>
  </si>
  <si>
    <t>香り豊かなロイヤルミルクティ</t>
  </si>
  <si>
    <t>コクトウマミノパスタゴゼン</t>
  </si>
  <si>
    <t>アミノ酸</t>
  </si>
  <si>
    <t>コラーゲン</t>
  </si>
  <si>
    <t>ダイエット</t>
  </si>
  <si>
    <t>ロイヤルゼリー</t>
  </si>
  <si>
    <t>200粒</t>
  </si>
  <si>
    <t>マルチビタミン</t>
  </si>
  <si>
    <t>ブルーベリー</t>
  </si>
  <si>
    <t>簡単時短こんにゃくぷるこん</t>
  </si>
  <si>
    <t>トレテス</t>
  </si>
  <si>
    <t>ﾄﾚﾃｽ</t>
  </si>
  <si>
    <t>チョウリヒンハンソクリベート</t>
  </si>
  <si>
    <t>木薄板</t>
  </si>
  <si>
    <t>1枚</t>
  </si>
  <si>
    <t>酒かす</t>
  </si>
  <si>
    <t>餅バラ</t>
  </si>
  <si>
    <t>北海道産直グルメ</t>
  </si>
  <si>
    <t>ｾﾞﾈﾗﾙﾌｰｽﾞ</t>
  </si>
  <si>
    <t>調理品処分</t>
  </si>
  <si>
    <t>食品処分品</t>
  </si>
  <si>
    <t>調理品特別奉仕品</t>
  </si>
  <si>
    <t>調理品処分ＮＯ１</t>
  </si>
  <si>
    <t>調理品処分ＮＯ２</t>
  </si>
  <si>
    <t>調理品処分ＮＯ３</t>
  </si>
  <si>
    <t>調理品処分ＮＯ４</t>
  </si>
  <si>
    <t>調理品処分ＮＯ５</t>
  </si>
  <si>
    <t>調理品処分ＮＯ６</t>
  </si>
  <si>
    <t>調理品処分ＮＯ７</t>
  </si>
  <si>
    <t>調理品処分ＮＯ８</t>
  </si>
  <si>
    <t>調理品処分ＮＯ９</t>
  </si>
  <si>
    <t>調理品処分ＮＯ１０</t>
  </si>
  <si>
    <t>北海道味噌ラーメンこんにゃく麺</t>
  </si>
  <si>
    <t>こんにゃく辛麺</t>
  </si>
  <si>
    <t>ニンニクタマリズケ</t>
  </si>
  <si>
    <t>ポケにが</t>
  </si>
  <si>
    <t>羅漢食品</t>
  </si>
  <si>
    <t>ﾗｶﾝｼｮｸﾋﾝ</t>
  </si>
  <si>
    <t>Ｃ１０００ビタミンプラスゼリー</t>
  </si>
  <si>
    <t>ハウスウェルネスフーズ</t>
  </si>
  <si>
    <t>ﾀｹﾀﾞｼｮｸﾋﾝ</t>
  </si>
  <si>
    <t>シキランマンセット</t>
  </si>
  <si>
    <t>尾道造酢大阪店</t>
  </si>
  <si>
    <t>北海道メロンゼリー</t>
  </si>
  <si>
    <t>オイルサーディン植物油</t>
  </si>
  <si>
    <t>オイルサーディンオリーブ</t>
  </si>
  <si>
    <t>ニュートップＤＥキッチンセット</t>
  </si>
  <si>
    <t>タージカリー</t>
  </si>
  <si>
    <t>タージ・マハール</t>
  </si>
  <si>
    <t>ﾀｰｼﾞﾏﾊｰﾙ</t>
  </si>
  <si>
    <t>ブラックカシミールカリー</t>
  </si>
  <si>
    <t>チャンピオンチャンピオンカレー中辛180g</t>
  </si>
  <si>
    <t>チャンピオンカレー</t>
  </si>
  <si>
    <t>ﾁｬﾝﾋﾟｵﾝ</t>
  </si>
  <si>
    <t>チャンピオンチャンピオンカレー甘口180g</t>
  </si>
  <si>
    <t>ﾁﾔﾝﾋﾟｵﾝ</t>
  </si>
  <si>
    <t>焙煎麦めし</t>
  </si>
  <si>
    <t>15g×9</t>
  </si>
  <si>
    <t>大麦工房ロア</t>
  </si>
  <si>
    <t>ｴｲｴﾑｼｰﾛｱ</t>
  </si>
  <si>
    <t>SABARETOバジルベース鯖ガリトマ煮</t>
  </si>
  <si>
    <t>アイデアパッケージ</t>
  </si>
  <si>
    <t>ｱｲﾃﾞｱ</t>
  </si>
  <si>
    <t>SABARETO醤油ベース鯖麻辣煮</t>
  </si>
  <si>
    <t>SABARETOジンジャーベース鯖みそ煮</t>
  </si>
  <si>
    <t>玄米ブランピザ（塩きのこベーコン）　特注</t>
  </si>
  <si>
    <t>８インチ</t>
  </si>
  <si>
    <t>サン・セール</t>
  </si>
  <si>
    <t>ｻﾝｾｰﾙ</t>
  </si>
  <si>
    <t>玄米ブランピザ（マルゲリータ）　特注</t>
  </si>
  <si>
    <t>玄米ブランピザ（博多マヨめんたい）　特注</t>
  </si>
  <si>
    <t>アルバカレー中辛</t>
  </si>
  <si>
    <t>ＫＧＦ</t>
  </si>
  <si>
    <t>KGF</t>
  </si>
  <si>
    <t>ゴーゴーカレーファイヤーレトルト138g</t>
  </si>
  <si>
    <t>ゴーゴーカレーグループ</t>
  </si>
  <si>
    <t>ｺﾞｰｺﾞｰｶﾚｰ</t>
  </si>
  <si>
    <t>ゴーゴーカレーターバン能登豚カレーS155g</t>
  </si>
  <si>
    <t>155G</t>
  </si>
  <si>
    <t>宮崎産特上黒毛和牛手作りハンバーグセット（小）</t>
  </si>
  <si>
    <t>110g×6</t>
  </si>
  <si>
    <t>JJﾌｰﾂﾞ</t>
  </si>
  <si>
    <t>宮崎産特上黒毛和牛手作りハンバーグセット（大）</t>
  </si>
  <si>
    <t>150g×4</t>
  </si>
  <si>
    <t>ハンバーグソースデミグラス風</t>
  </si>
  <si>
    <t>まかないカレー牛筋</t>
  </si>
  <si>
    <t>柿里</t>
  </si>
  <si>
    <t>ｶｷｻﾞﾄ</t>
  </si>
  <si>
    <t>氷見牛入カレー</t>
  </si>
  <si>
    <t>手焼き明石焼</t>
  </si>
  <si>
    <t>夢工房</t>
  </si>
  <si>
    <t>ﾕﾒｺｳﾎﾞｳ</t>
  </si>
  <si>
    <t>じゃがネル明太チーズ味</t>
  </si>
  <si>
    <t>２１．９ｇ</t>
  </si>
  <si>
    <t>レンジでチンするきんぴら</t>
  </si>
  <si>
    <t>レンジでチンするきりぼし</t>
  </si>
  <si>
    <t>アミノＶ_スマートＥＸサイズ</t>
  </si>
  <si>
    <t>アミノバイタルビュティー</t>
  </si>
  <si>
    <t>アミノＶ_マルチエネルギー</t>
  </si>
  <si>
    <t>アミノバイタルビュティ＆ケア</t>
  </si>
  <si>
    <t>味の素１００％ジュースとフルーツゼリーのギ</t>
  </si>
  <si>
    <t>プロリン＋ヒアルロン酸</t>
  </si>
  <si>
    <t>リジン＆カロリー０</t>
  </si>
  <si>
    <t>アミノバイタル_ワンダーパック_プロ</t>
  </si>
  <si>
    <t>アミノバイタル_ワンダーパック_２２００</t>
  </si>
  <si>
    <t>アミノＶプロリンヒアルロン酸</t>
  </si>
  <si>
    <t>アミノＶゼリージエンジン</t>
  </si>
  <si>
    <t>いつものアミノ酸ゼリー元気なアミノ</t>
  </si>
  <si>
    <t>いつものアミノ酸ゼリー燃焼なアミノ</t>
  </si>
  <si>
    <t>ＡＶ毎日いきいき</t>
  </si>
  <si>
    <t>ＡＶプロ</t>
  </si>
  <si>
    <t>ＡＶ乾杯いきいき</t>
  </si>
  <si>
    <t>オイシサパックチャーハン</t>
  </si>
  <si>
    <t>行きつけにしたいあの店の欧風ビーフカレー中辛</t>
  </si>
  <si>
    <t>ポップキャンラブリ－ハロウィン</t>
  </si>
  <si>
    <t>胡麻だれサラダビーフン</t>
  </si>
  <si>
    <t>133.2g</t>
  </si>
  <si>
    <t>カレー職人カレーリゾット</t>
  </si>
  <si>
    <t>カレー職人ハヤシリゾット</t>
  </si>
  <si>
    <t>SUNAO完熟トマトリゾット</t>
  </si>
  <si>
    <t>テヅクリオハギセット</t>
  </si>
  <si>
    <t>790g</t>
  </si>
  <si>
    <t>どて煮</t>
  </si>
  <si>
    <t>赤からもつ煮込み</t>
  </si>
  <si>
    <t>らくらく炊きたて赤飯おこわ</t>
  </si>
  <si>
    <t>383g</t>
  </si>
  <si>
    <t>激辛赤からもつ煮込み</t>
  </si>
  <si>
    <t>若鯱家監修カレーもつ</t>
  </si>
  <si>
    <t>ベジステイック緑黄色</t>
  </si>
  <si>
    <t>ベジステイック緑の野菜</t>
  </si>
  <si>
    <t>ベジステイック緑黄色Ｃ</t>
  </si>
  <si>
    <t>31g×48</t>
  </si>
  <si>
    <t>ベジステイック緑の野菜Ｃ</t>
  </si>
  <si>
    <t>オートミール本格めんたいこ風味</t>
  </si>
  <si>
    <t>オートミールだし醤油たまご風味</t>
  </si>
  <si>
    <t>オートミールトマトバジル風味</t>
  </si>
  <si>
    <t>ギュウドン</t>
  </si>
  <si>
    <t>ふわふわたまご丼の素</t>
  </si>
  <si>
    <t>味わい御膳</t>
  </si>
  <si>
    <t>味わいめかぶ</t>
  </si>
  <si>
    <t>味わいひじき</t>
  </si>
  <si>
    <t>サンカイブシ　５００Ｇ</t>
  </si>
  <si>
    <t>ケンコウエコナ</t>
  </si>
  <si>
    <t>ツブタップリコーンポタージュ</t>
  </si>
  <si>
    <t>かるぴすじょいふるせっと</t>
  </si>
  <si>
    <t>ＧＩグレープフルーツゼリー</t>
  </si>
  <si>
    <t>銀座京極堂こしひかり</t>
  </si>
  <si>
    <t>草加せんべい</t>
  </si>
  <si>
    <t>ｷﾞﾝｻﾞ</t>
  </si>
  <si>
    <t>スポーツウォーターＣ</t>
  </si>
  <si>
    <t>クラシエフーズ</t>
  </si>
  <si>
    <t>ｶﾈﾎﾞｳ</t>
  </si>
  <si>
    <t>レンジクック中華あんかけ</t>
  </si>
  <si>
    <t>レンジクック肉じゃが</t>
  </si>
  <si>
    <t>レンジクック五目うま煮</t>
  </si>
  <si>
    <t>３分レンジクック豆チーズクリーム煮</t>
  </si>
  <si>
    <t>３分_レンジクック_南欧風煮込</t>
  </si>
  <si>
    <t>レンジクックエビマヨ炒め</t>
  </si>
  <si>
    <t>３分レンジクック和風おろし玉ねぎ煮</t>
  </si>
  <si>
    <t>３分レンジクック_そぼろあんかけ</t>
  </si>
  <si>
    <t>キユーピーレンジクックサーモンのクリーム煮こみ</t>
  </si>
  <si>
    <t>レンジクックエビマヨ</t>
  </si>
  <si>
    <t>キユーピーレンジクック和風おろし玉ねぎ煮</t>
  </si>
  <si>
    <t>キユーピーレンジクックそぼろあんあけ</t>
  </si>
  <si>
    <t>ダイエット宣言モイスチャゼリ</t>
  </si>
  <si>
    <t>キユーピーカロリーチョイスチキンクリーム煮</t>
  </si>
  <si>
    <t>レンジクックハッシュドビーフ炒め</t>
  </si>
  <si>
    <t>レンジクックポテトグラタン風</t>
  </si>
  <si>
    <t>ネギトヤサイノカンテンメン</t>
  </si>
  <si>
    <t>ワカメトコーンノカンテンメン</t>
  </si>
  <si>
    <t>19.1g</t>
  </si>
  <si>
    <t>ダイエット宣言和風かんてん麺</t>
  </si>
  <si>
    <t>ダイエット鶏ひき肉とキャベツ</t>
  </si>
  <si>
    <t>17.4g</t>
  </si>
  <si>
    <t>ねぎと野菜の寒天麺醤油味</t>
  </si>
  <si>
    <t>わかめとコーンの寒天麺青ごま</t>
  </si>
  <si>
    <t>超ライトドレさっぱり塩味</t>
  </si>
  <si>
    <t>超ライトドレすっきりしょうが</t>
  </si>
  <si>
    <t>超ライトドレあっさりねぎ</t>
  </si>
  <si>
    <t>Ｄ宣言かんてん麺しょうゆ</t>
  </si>
  <si>
    <t>Ｄ宣言かんてん麺しおごま</t>
  </si>
  <si>
    <t>鶏ひき肉とキャベツのかんてん麺</t>
  </si>
  <si>
    <t>元気な骨</t>
  </si>
  <si>
    <t>10g×20</t>
  </si>
  <si>
    <t>キユーピービスコット</t>
  </si>
  <si>
    <t>キユーピーバンデェーヌ</t>
  </si>
  <si>
    <t>8枚</t>
  </si>
  <si>
    <t>キユーピーグレッサン</t>
  </si>
  <si>
    <t>18本</t>
  </si>
  <si>
    <t>岐阜漬物　らっきょう</t>
  </si>
  <si>
    <t>岐阜漬物　福神漬</t>
  </si>
  <si>
    <t>中華ミックス</t>
  </si>
  <si>
    <t>レンジでおいしい出汁を味わう肉じゃが</t>
  </si>
  <si>
    <t>レンジでおいしい出汁をきかせた筑前煮</t>
  </si>
  <si>
    <t>レンジでおいしいたけのことふきの土佐煮</t>
  </si>
  <si>
    <t>レンジでおいしい豚肉と大根の煮物</t>
  </si>
  <si>
    <t>レンジでおいしい里芋といかの煮物</t>
  </si>
  <si>
    <t>ダカラ粉末</t>
  </si>
  <si>
    <t>ダカラ_パウダー_１Ｌ用</t>
  </si>
  <si>
    <t>43g×5</t>
  </si>
  <si>
    <t>シュンノカゼイッパイ</t>
  </si>
  <si>
    <t>ＲＨもつ煮込み</t>
  </si>
  <si>
    <t>ＲＨ屋台のおでん</t>
  </si>
  <si>
    <t>新福菜館監修やきめし飯</t>
  </si>
  <si>
    <t>フレッシュオレンジケーキ</t>
  </si>
  <si>
    <t>フレッシュチョコケーキ</t>
  </si>
  <si>
    <t>豚もつ煮込み</t>
  </si>
  <si>
    <t>千代田食品</t>
  </si>
  <si>
    <t>アクエリアス　レモンパウダー</t>
  </si>
  <si>
    <t>アクエリアスパウダー５１ｇ</t>
  </si>
  <si>
    <t>アクエリアスパウダー５１ｇ＊５</t>
  </si>
  <si>
    <t>51g×5</t>
  </si>
  <si>
    <t>モーニングデリ朝リンゴ１８０ｇ</t>
  </si>
  <si>
    <t>モーニングデリ朝バナナ１８０ｇ</t>
  </si>
  <si>
    <t>アクエリスパウダー</t>
  </si>
  <si>
    <t>50g×5</t>
  </si>
  <si>
    <t>アクエリスパウダーケース</t>
  </si>
  <si>
    <t>50g×25</t>
  </si>
  <si>
    <t>モーニングデリ朝マンゴー</t>
  </si>
  <si>
    <t>モーニングデリ朝バナナ</t>
  </si>
  <si>
    <t>アクティブダイエットパウダー</t>
  </si>
  <si>
    <t>25g×5</t>
  </si>
  <si>
    <t>アクエリアスパウダー</t>
  </si>
  <si>
    <t>アクエリアスパワフルショット</t>
  </si>
  <si>
    <t>ｱｸｴﾘｱｽ</t>
  </si>
  <si>
    <t>アクエリアスゼリーＰ６Ｐ</t>
  </si>
  <si>
    <t>アクエリアスコンディショニン</t>
  </si>
  <si>
    <t>アクゼリーコンディ６Ｐ</t>
  </si>
  <si>
    <t>アクエリアスリカバリーショッ</t>
  </si>
  <si>
    <t>アクエリアスゼリーＲ６Ｐ</t>
  </si>
  <si>
    <t>アクゼリーパワフルＣ</t>
  </si>
  <si>
    <t>ｺｶｺｰﾗ</t>
  </si>
  <si>
    <t>アクゼリーコンディショニング</t>
  </si>
  <si>
    <t>アクゼリーリカバリーＣ</t>
  </si>
  <si>
    <t>アクゼリーリカバリー</t>
  </si>
  <si>
    <t>アクゼリーコンディショニングＣ</t>
  </si>
  <si>
    <t>アクゼリーバーニングショットＣ</t>
  </si>
  <si>
    <t>焼そばＵ．Ｆ．Ｏ．１ミニット</t>
  </si>
  <si>
    <t>レンジスパ王　カルボナーラ</t>
  </si>
  <si>
    <t>277g</t>
  </si>
  <si>
    <t>レンジスパ王喫茶店風ナポリタン</t>
  </si>
  <si>
    <t>247g</t>
  </si>
  <si>
    <t>レンジスパ王ポロネーぜ　フェットチ―ネ</t>
  </si>
  <si>
    <t>276g</t>
  </si>
  <si>
    <t>どん兵衛のおいしいふっくらおあげ</t>
  </si>
  <si>
    <t>どん兵衛のおいしいサクサク天ぷら</t>
  </si>
  <si>
    <t>どん兵衛ふっくらおあげ</t>
  </si>
  <si>
    <t>どん兵衛サクサク天ぷら</t>
  </si>
  <si>
    <t>和風いかとまいたけ</t>
  </si>
  <si>
    <t>鶏肉とまいたけ</t>
  </si>
  <si>
    <t>名古屋名物どて煮</t>
  </si>
  <si>
    <t>アセロラビタミンＣゼリー</t>
  </si>
  <si>
    <t>アジアの台所ごはんにかける胡麻みそ坦々140g</t>
  </si>
  <si>
    <t>高菜ご飯</t>
  </si>
  <si>
    <t>帆立ご飯</t>
  </si>
  <si>
    <t>カニご飯</t>
  </si>
  <si>
    <t>エビピラフ</t>
  </si>
  <si>
    <t>オーブンマジック_ローストチキン</t>
  </si>
  <si>
    <t>24g+1p</t>
  </si>
  <si>
    <t>オーブンマジック_ガーリックペッパーチキン</t>
  </si>
  <si>
    <t>ヤマナカ　ひじき豆</t>
  </si>
  <si>
    <t>ﾔﾏﾅｶ</t>
  </si>
  <si>
    <t>ひじきの煮物</t>
  </si>
  <si>
    <t>モチットオイシイ　　ゴモク</t>
  </si>
  <si>
    <t>シチューミックス　ミルク</t>
  </si>
  <si>
    <t>イタダキレンジヤキソバ</t>
  </si>
  <si>
    <t>234g</t>
  </si>
  <si>
    <t>イタダキレンジミートソースパスタ</t>
  </si>
  <si>
    <t>272g</t>
  </si>
  <si>
    <t>イタダキレンジタラコ</t>
  </si>
  <si>
    <t>モチット　タキコミサンサイ</t>
  </si>
  <si>
    <t>できたてづくりかに玉卵とじ</t>
  </si>
  <si>
    <t>できたてづくり貝柱卵とじ</t>
  </si>
  <si>
    <t>できたてづくりふんわり天津飯</t>
  </si>
  <si>
    <t>ほんだ製菓　味の宿</t>
  </si>
  <si>
    <t>じっくり煮込んだ牛骨コムタン粥</t>
  </si>
  <si>
    <t>濃厚旨辛海鮮チゲ粥</t>
  </si>
  <si>
    <t>ふんわり焼き</t>
  </si>
  <si>
    <t>丸京製菓</t>
  </si>
  <si>
    <t>ﾏﾙｷｮｳｾｲｶ</t>
  </si>
  <si>
    <t>ふんわり焼き単品</t>
  </si>
  <si>
    <t>十勝カップチーズ</t>
  </si>
  <si>
    <t>ＪＡＬギュウニュウコーンポタージュ</t>
  </si>
  <si>
    <t>12g×4</t>
  </si>
  <si>
    <t>十勝チーズポタージュ</t>
  </si>
  <si>
    <t>19g×4</t>
  </si>
  <si>
    <t>十勝クリームポタージュ</t>
  </si>
  <si>
    <t>パーフェクトモーニングチャージ</t>
  </si>
  <si>
    <t>ファイバーアップル</t>
  </si>
  <si>
    <t>ファイバーオレンジＩＮゼリー</t>
  </si>
  <si>
    <t>ファイバーグレープＩＮゼリー</t>
  </si>
  <si>
    <t>おもち亭ずんだもちの素</t>
  </si>
  <si>
    <t>みたらしもちの素</t>
  </si>
  <si>
    <t>おもち亭みたらしもちのたれ</t>
  </si>
  <si>
    <t>おもち亭てさつまいもあんの素</t>
  </si>
  <si>
    <t>おもち亭あずきあん</t>
  </si>
  <si>
    <t>ちょこっとDELIひじき煮</t>
  </si>
  <si>
    <t>ちょこっとDELI筍おかか煮</t>
  </si>
  <si>
    <t>ちょこっとDELIさつまいも甘煮</t>
  </si>
  <si>
    <t>ちょこっとDELIポテトときのこのアヒージョ</t>
  </si>
  <si>
    <t>ちょこっとDELI砂肝の赤ワイン煮</t>
  </si>
  <si>
    <t>ちょこっとDELIチーズソースニョッキ</t>
  </si>
  <si>
    <t>プロテインバーストロベリー</t>
  </si>
  <si>
    <t>黒サンハニー</t>
  </si>
  <si>
    <t>緑サンハニー</t>
  </si>
  <si>
    <t>ギュウニクヤマトニ</t>
  </si>
  <si>
    <t>オートミール</t>
  </si>
  <si>
    <t>クエーカーオーツ麦</t>
  </si>
  <si>
    <t>リボン２０個果実の風</t>
  </si>
  <si>
    <t>ヨードランヒカリノオツマミウズラ</t>
  </si>
  <si>
    <t>アミノサプリパウチ</t>
  </si>
  <si>
    <t>杵松せんべいの館３０</t>
  </si>
  <si>
    <t>夕張キングメロンゼリー</t>
  </si>
  <si>
    <t>バタじゃが袋入り</t>
  </si>
  <si>
    <t>５個</t>
  </si>
  <si>
    <t>南富良野町振興公社</t>
  </si>
  <si>
    <t>ﾐﾅﾐﾌﾗﾉ</t>
  </si>
  <si>
    <t>本ずわいかに</t>
  </si>
  <si>
    <t>デリカ食品</t>
  </si>
  <si>
    <t>ﾃﾞﾘｶｼｮｸﾋﾝ</t>
  </si>
  <si>
    <t>スーパービール酵母_Ｚ</t>
  </si>
  <si>
    <t>105粒</t>
  </si>
  <si>
    <t>スーパービール酵母V</t>
  </si>
  <si>
    <t>660粒</t>
  </si>
  <si>
    <t>ふぁみりーけーき</t>
  </si>
  <si>
    <t>すみっコぐらしみかんゼリー</t>
  </si>
  <si>
    <t>ヨコオデイリーフーズ</t>
  </si>
  <si>
    <t>ﾖｺｵ</t>
  </si>
  <si>
    <t>蜂屋さんの蜂蜜</t>
  </si>
  <si>
    <t>川嶋養蜂場</t>
  </si>
  <si>
    <t>ｶﾜｼﾏ</t>
  </si>
  <si>
    <t>うなぎご飯</t>
  </si>
  <si>
    <t>うな丼の素</t>
  </si>
  <si>
    <t>ＳＷジュース・水羊羹・ゼリーセット</t>
  </si>
  <si>
    <t>金沢じゅれろまん</t>
  </si>
  <si>
    <t>麺QUICKボロネーゼパスタ</t>
  </si>
  <si>
    <t>信玄食品</t>
  </si>
  <si>
    <t>ｼﾝｹﾞﾝｼｮｸﾋﾝ</t>
  </si>
  <si>
    <t>麺QUICK濃厚海老クリームパスタ</t>
  </si>
  <si>
    <t>麺QUICK3種チーズカルボナーラパスタ</t>
  </si>
  <si>
    <t>らーめん１５食入り</t>
  </si>
  <si>
    <t>ゼリーのかじゅく園</t>
  </si>
  <si>
    <t>焼酎にまぜる梅</t>
  </si>
  <si>
    <t>ウメカ食品</t>
  </si>
  <si>
    <t>ｳﾒｶ</t>
  </si>
  <si>
    <t>クリメシヨウノクリ</t>
  </si>
  <si>
    <t>5種具材のビーフシチュー</t>
  </si>
  <si>
    <t>完熟トマトのチーズリゾット</t>
  </si>
  <si>
    <t>ビーフシチュー</t>
  </si>
  <si>
    <t>クリームシチュー</t>
  </si>
  <si>
    <t>ずいきと油あげいため</t>
  </si>
  <si>
    <t>焼きおにぎり</t>
  </si>
  <si>
    <t>ビーフストロガノフ</t>
  </si>
  <si>
    <t>ハッシュドビーフ</t>
  </si>
  <si>
    <t>りんご黒酢ゼリー</t>
  </si>
  <si>
    <t>Ｋライズ</t>
  </si>
  <si>
    <t>Kﾗｲｽﾞ</t>
  </si>
  <si>
    <t>うめ黒酢ゼリー</t>
  </si>
  <si>
    <t>ブルーベリー黒酢ゼリー</t>
  </si>
  <si>
    <t>アダチ山菜きのこ舞茸</t>
  </si>
  <si>
    <t>キタジマ食品</t>
  </si>
  <si>
    <t>ｷﾀｼﾞﾏｼｮｸﾋﾝ</t>
  </si>
  <si>
    <t>やわらかホタテ</t>
  </si>
  <si>
    <t>ﾏﾙﾓｼｮｸﾋﾝ</t>
  </si>
  <si>
    <t>ドゥファイバーもも</t>
  </si>
  <si>
    <t>フルーツゼリー</t>
  </si>
  <si>
    <t>30個</t>
  </si>
  <si>
    <t>お徳用辛子明太子　無着色（１本物）</t>
  </si>
  <si>
    <t>オーシャンフーズ</t>
  </si>
  <si>
    <t>ｵｰｼｬﾝﾌｰｽﾞ</t>
  </si>
  <si>
    <t>お徳用辛子明太子　有色（１本物）</t>
  </si>
  <si>
    <t>レンゲハチミツポリ</t>
  </si>
  <si>
    <t>CJbibigo牛肉テンジャンチゲ460g</t>
  </si>
  <si>
    <t>460G</t>
  </si>
  <si>
    <t>CJﾌｽﾞｼﾞｬﾊﾟ</t>
  </si>
  <si>
    <t>セット米飯</t>
  </si>
  <si>
    <t>ダッカルビごはん</t>
  </si>
  <si>
    <t>ピアットビビンバ</t>
  </si>
  <si>
    <t>242g</t>
  </si>
  <si>
    <t>ピアット親子丼</t>
  </si>
  <si>
    <t>280.3g</t>
  </si>
  <si>
    <t>ピアットパエリア</t>
  </si>
  <si>
    <t>212g</t>
  </si>
  <si>
    <t>ピアット中華丼</t>
  </si>
  <si>
    <t>ピアット豚キムチ丼</t>
  </si>
  <si>
    <t>239g</t>
  </si>
  <si>
    <t>うなまぶしご飯</t>
  </si>
  <si>
    <t>205.3g</t>
  </si>
  <si>
    <t>ピアット深川めし</t>
  </si>
  <si>
    <t>249g</t>
  </si>
  <si>
    <t>ピアットうなぎ丼</t>
  </si>
  <si>
    <t>ピアットカルビクッパ</t>
  </si>
  <si>
    <t>ピアット石焼風ピラフ</t>
  </si>
  <si>
    <t>ピアット　ドライカレー</t>
  </si>
  <si>
    <t>ピアットとり五目釜めし</t>
  </si>
  <si>
    <t>ピアット海鮮鍋雑炊</t>
  </si>
  <si>
    <t>255.2g</t>
  </si>
  <si>
    <t>ピアット鶏ときのこ雑炊</t>
  </si>
  <si>
    <t>ピアット　麻婆丼</t>
  </si>
  <si>
    <t>ピアット　海の幸ピラフ</t>
  </si>
  <si>
    <t>203g</t>
  </si>
  <si>
    <t>ピアット　五目ちらし</t>
  </si>
  <si>
    <t>206.3g</t>
  </si>
  <si>
    <t>ピアット豚しょうが焼き丼</t>
  </si>
  <si>
    <t>229g</t>
  </si>
  <si>
    <t>ピアット　欧風ビーフカレー</t>
  </si>
  <si>
    <t>ピアット　インド風チキンカレー</t>
  </si>
  <si>
    <t>ピアット　欧風ハヤシライス</t>
  </si>
  <si>
    <t>ピアットチーズクリームリ</t>
  </si>
  <si>
    <t>ピアットポモドーロリゾ</t>
  </si>
  <si>
    <t>ピアット野菜と豚肉のリゾット</t>
  </si>
  <si>
    <t>ピアット炭火焼の親子丼</t>
  </si>
  <si>
    <t>286g</t>
  </si>
  <si>
    <t>ピアット牛丼</t>
  </si>
  <si>
    <t>243g</t>
  </si>
  <si>
    <t>ピアットボロネーゼリソ</t>
  </si>
  <si>
    <t>ピアット予約のシーフードリゾ</t>
  </si>
  <si>
    <t>ピアット発芽玄米リゾット</t>
  </si>
  <si>
    <t>ピアット予約でいっぱいパ</t>
  </si>
  <si>
    <t>1985g</t>
  </si>
  <si>
    <t>ピアット鶏肉ときのこのドリア</t>
  </si>
  <si>
    <t>247.5g</t>
  </si>
  <si>
    <t>ピアットかに雑炊</t>
  </si>
  <si>
    <t>ピアット鮭雑炊</t>
  </si>
  <si>
    <t>ピアット　チキンライス</t>
  </si>
  <si>
    <t>ピアット欧風ビーフカレー</t>
  </si>
  <si>
    <t>ピアットインド風カレー</t>
  </si>
  <si>
    <t>ピアット湘南ドライカレー</t>
  </si>
  <si>
    <t>ピアット特製鰻丼</t>
  </si>
  <si>
    <t>261.3g</t>
  </si>
  <si>
    <t>ピアット焼豚チャーハン風味</t>
  </si>
  <si>
    <t>1995g</t>
  </si>
  <si>
    <t>ピアット自由軒カレーライス</t>
  </si>
  <si>
    <t>341g</t>
  </si>
  <si>
    <t>ピアット特製牛丼</t>
  </si>
  <si>
    <t>特製親子丼</t>
  </si>
  <si>
    <t>ピアットチーズカレード</t>
  </si>
  <si>
    <t>252.5g</t>
  </si>
  <si>
    <t>ピアット湯葉と鶏の雑炊</t>
  </si>
  <si>
    <t>ピアット発芽玄米野菜リゾット</t>
  </si>
  <si>
    <t>ピアット五穀のきのこクリーム</t>
  </si>
  <si>
    <t>ピアットエビピラフ</t>
  </si>
  <si>
    <t>192.5g</t>
  </si>
  <si>
    <t>ピアット高菜チャーハン風味</t>
  </si>
  <si>
    <t>201.5g</t>
  </si>
  <si>
    <t>ピアットヨヤクノガーリックライス</t>
  </si>
  <si>
    <t>211.5g</t>
  </si>
  <si>
    <t>ピアット神戸洋食カレー</t>
  </si>
  <si>
    <t>ピアットキムチチャーハン</t>
  </si>
  <si>
    <t>204.5g</t>
  </si>
  <si>
    <t>ピアット地中海トマトリゾ</t>
  </si>
  <si>
    <t>ピアット帆立雑炊</t>
  </si>
  <si>
    <t>ピアットミラノ風ミートド</t>
  </si>
  <si>
    <t>222.5g</t>
  </si>
  <si>
    <t>ピアット広東風五目あんかけ</t>
  </si>
  <si>
    <t>282g</t>
  </si>
  <si>
    <t>ピアットタコライス</t>
  </si>
  <si>
    <t>214g</t>
  </si>
  <si>
    <t>ピアット黒チャーハン風味</t>
  </si>
  <si>
    <t>194.3g</t>
  </si>
  <si>
    <t>ピアット一度食べたいまめカレ</t>
  </si>
  <si>
    <t>ピアット　蟹トマトクリーム</t>
  </si>
  <si>
    <t>ピアット　エビドリア</t>
  </si>
  <si>
    <t>ピアット麻婆麻辣飯</t>
  </si>
  <si>
    <t>カフェピアットカフェキーマカレー</t>
  </si>
  <si>
    <t>252g</t>
  </si>
  <si>
    <t>カフェピアットラタトゥイユ風カレー</t>
  </si>
  <si>
    <t>ピアットいわしつみれ雑炊</t>
  </si>
  <si>
    <t>ピアット　予約でいっぱいの店</t>
  </si>
  <si>
    <t>ピアットかぼちゃと根菜のカレー</t>
  </si>
  <si>
    <t>ニコメシ　ほたて雑炊の素</t>
  </si>
  <si>
    <t>ピアットぶっかけラー油高菜炒飯風味</t>
  </si>
  <si>
    <t>184.5g</t>
  </si>
  <si>
    <t>ピアットぶっかけラー油担々飯</t>
  </si>
  <si>
    <t>ピアットねぎ塩豚めし</t>
  </si>
  <si>
    <t>ピアットかにチャーハン風味</t>
  </si>
  <si>
    <t>195.3g</t>
  </si>
  <si>
    <t>ピアット　５種の野菜のチーズカレードリア</t>
  </si>
  <si>
    <t>269.3g</t>
  </si>
  <si>
    <t>ピアット　海老のトマトクリームドリア</t>
  </si>
  <si>
    <t>220.5g</t>
  </si>
  <si>
    <t>ピアット　直火焼豚炒飯風味</t>
  </si>
  <si>
    <t>ピアット　牛カルビビビンバ</t>
  </si>
  <si>
    <t>237g</t>
  </si>
  <si>
    <t>ピアット　スンドゥブチゲクッパ</t>
  </si>
  <si>
    <t>ピアット　ずわい蟹雑炊</t>
  </si>
  <si>
    <t>ピアット　予約でいっぱいの店の４種のチーズクリームリゾット</t>
  </si>
  <si>
    <t>ピアット　予約でいっぱいの店のなすとベーコンのポモドーロリゾット</t>
  </si>
  <si>
    <t>ピアット　予約でいっぱいの店の蟹のトマトクリームリゾット</t>
  </si>
  <si>
    <t>ＨＯＴ菜中華五目あんかけ中華</t>
  </si>
  <si>
    <t>パエリア国産米タイ産米</t>
  </si>
  <si>
    <t>アレタベヨビーフカレー＆ライス</t>
  </si>
  <si>
    <t>アレタベヨビストロカレー＆ライス</t>
  </si>
  <si>
    <t>アレヤベヨハヤシライス</t>
  </si>
  <si>
    <t>あれたべよカレーライス</t>
  </si>
  <si>
    <t>あれたべよビストロカレー</t>
  </si>
  <si>
    <t>あれたべよハヤシライス</t>
  </si>
  <si>
    <t>あれたべよオムハヤシ</t>
  </si>
  <si>
    <t>あれたべよオムカレー</t>
  </si>
  <si>
    <t>あれたべよ洋食セット</t>
  </si>
  <si>
    <t>あれたべよ中華セット</t>
  </si>
  <si>
    <t>あれたべよ和風御膳</t>
  </si>
  <si>
    <t>あれたべよ中華御膳</t>
  </si>
  <si>
    <t>ＣａｌＤＥＬＩ　彩り４種の根菜カレー</t>
  </si>
  <si>
    <t>ＣａｌＤＥＬＩ　野菜を感じるキーマカレー</t>
  </si>
  <si>
    <t>糖質思いのオムライス</t>
  </si>
  <si>
    <t>２０６ｇ</t>
  </si>
  <si>
    <t>押し麦ごはんでトマトタコライス</t>
  </si>
  <si>
    <t>　押麦ごはんミネストローネリゾット</t>
  </si>
  <si>
    <t>押し麦ごはんでバターチキンカレー</t>
  </si>
  <si>
    <t>押し麦ごはんでナシゴレン</t>
  </si>
  <si>
    <t>パエリア</t>
  </si>
  <si>
    <t>魚介のカニクリムリゾット</t>
  </si>
  <si>
    <t>枝豆とロブスターのリゾット</t>
  </si>
  <si>
    <t>ココナッツグリーンカレー</t>
  </si>
  <si>
    <t>ヨーグルと風味のレッドカレー</t>
  </si>
  <si>
    <t>カボチャのイエローカレー</t>
  </si>
  <si>
    <t>鶏肉のグリーンカレー</t>
  </si>
  <si>
    <t>牛肉のレッドカレー</t>
  </si>
  <si>
    <t>アスパラとベーコンのリゾット</t>
  </si>
  <si>
    <t>牛肉とまいたけのデミリゾット</t>
  </si>
  <si>
    <t>牛肉とピーマンオイスター風味リゾット</t>
  </si>
  <si>
    <t>ホグシ鶏とマイタケの雑炊</t>
  </si>
  <si>
    <t>サーモンのクリームリゾット</t>
  </si>
  <si>
    <t>トマトと鶏肉のリゾット</t>
  </si>
  <si>
    <t>きのことチーズＣリゾット</t>
  </si>
  <si>
    <t>カボチャのクリームリゾット</t>
  </si>
  <si>
    <t>トマトトアサリノリゾット</t>
  </si>
  <si>
    <t>トマトトヤサイチキンライス</t>
  </si>
  <si>
    <t>キノコゴモクマゼゴハン</t>
  </si>
  <si>
    <t>完熟トマト　カレーまぜごはん</t>
  </si>
  <si>
    <t>きのこ根菜五目ごはん</t>
  </si>
  <si>
    <t>タケノコショウユゾウスイ</t>
  </si>
  <si>
    <t>完熟トマト　カレーコンソメリゾット</t>
  </si>
  <si>
    <t>ズッキーニとたらの白ワイン</t>
  </si>
  <si>
    <t>赤ピーマンパエリア</t>
  </si>
  <si>
    <t>いかすみパエリア</t>
  </si>
  <si>
    <t>ベーコンパエリア</t>
  </si>
  <si>
    <t>トマトと野菜のチキンライス</t>
  </si>
  <si>
    <t>ソーセージと野菜のジャンバラヤ</t>
  </si>
  <si>
    <t>ゴルゴンゾーラチーズのペンネ</t>
  </si>
  <si>
    <t>８種の野菜のタコス風キーマカレー</t>
  </si>
  <si>
    <t>インドネシア風炒飯ナシゴレン</t>
  </si>
  <si>
    <t>タイ風炒飯カオッパ</t>
  </si>
  <si>
    <t>３色パスタのペペロンチーノ</t>
  </si>
  <si>
    <t>ゴルゴンゾーラチーズのソース</t>
  </si>
  <si>
    <t>ゴルゴンゾーラクリームチーズ</t>
  </si>
  <si>
    <t>トマトとなすのアラビアータ</t>
  </si>
  <si>
    <t>まいたけと３種のチーズクリームスパ</t>
  </si>
  <si>
    <t>ミートソーススパゲティ</t>
  </si>
  <si>
    <t>ナポリタンスパゲティ</t>
  </si>
  <si>
    <t>トマトとベーコンのスパゲティ</t>
  </si>
  <si>
    <t>デリ　チキンライス</t>
  </si>
  <si>
    <t>デリ　ハヤシライス</t>
  </si>
  <si>
    <t>デリ_ミートソース</t>
  </si>
  <si>
    <t>デリ_ナポリタン</t>
  </si>
  <si>
    <t>デリ　ミートドリア</t>
  </si>
  <si>
    <t>206g</t>
  </si>
  <si>
    <t>長崎皿うどん</t>
  </si>
  <si>
    <t>ウニのクリームリゾット</t>
  </si>
  <si>
    <t>あさりと椎茸の深川風リゾット</t>
  </si>
  <si>
    <t>ソーセージノポトフフウリゾット</t>
  </si>
  <si>
    <t>押し麦ごはん沖縄風トマトタコライス</t>
  </si>
  <si>
    <t>リゾット旨み豊かな完熟トマト</t>
  </si>
  <si>
    <t>押麦ごはんでトマトリゾット</t>
  </si>
  <si>
    <t>押麦ごはんチーズＣリゾット</t>
  </si>
  <si>
    <t>押麦ごはんでイカスミリゾット</t>
  </si>
  <si>
    <t>押麦ごはんでかぼちゃリゾット</t>
  </si>
  <si>
    <t>押麦ごはんでミートドリア</t>
  </si>
  <si>
    <t>押麦ごはんでチキンドリア</t>
  </si>
  <si>
    <t>押し麦ごはんでミートドリア</t>
  </si>
  <si>
    <t>押し麦ごはんで生姜のスープリ</t>
  </si>
  <si>
    <t>押し麦ごはんでかぼちゃのクリームリゾット</t>
  </si>
  <si>
    <t>押し麦ごはんでスパイシートマトカレー</t>
  </si>
  <si>
    <t>押し麦ごはんでチキンカチャトラライス</t>
  </si>
  <si>
    <t>押し麦ごはんでチキンドリア</t>
  </si>
  <si>
    <t>押し麦ごはんインド風トマトキーマカレー</t>
  </si>
  <si>
    <t>押し麦ごはんでトマトと海老のビスクリゾット</t>
  </si>
  <si>
    <t>リゾットＳきのことチーズ</t>
  </si>
  <si>
    <t>ニコ丼カレー</t>
  </si>
  <si>
    <t>ニコ丼牛丼</t>
  </si>
  <si>
    <t>ニコ丼玉子丼</t>
  </si>
  <si>
    <t>ダイコンスープゴハン</t>
  </si>
  <si>
    <t>サケトウニュウスープゴハン</t>
  </si>
  <si>
    <t>レンジビビンパ</t>
  </si>
  <si>
    <t>アルデンティーノボロネーゼ</t>
  </si>
  <si>
    <t>アルデンティーノペペロン</t>
  </si>
  <si>
    <t>アルデンティーノカルボナーラ</t>
  </si>
  <si>
    <t>アルデンティーノゴロゴンゾーラ</t>
  </si>
  <si>
    <t>アルデンティーノミートソース</t>
  </si>
  <si>
    <t>アルデンサーモンクリーム</t>
  </si>
  <si>
    <t>アルデンティーノたらこ生風味</t>
  </si>
  <si>
    <t>197g</t>
  </si>
  <si>
    <t>アルデンティーノナポリタ</t>
  </si>
  <si>
    <t>カレマルシェ＆ＳＰライス中辛</t>
  </si>
  <si>
    <t>カレマルシェ＆ＳＰライス辛口</t>
  </si>
  <si>
    <t>らくチンデリ　スパイシーラタトゥイユ</t>
  </si>
  <si>
    <t>ハム太郎ごはんカレー</t>
  </si>
  <si>
    <t>和風ブランチ紅鮭雑炊</t>
  </si>
  <si>
    <t>127.1g</t>
  </si>
  <si>
    <t>和風ブランチ若鶏ささみ雑炊</t>
  </si>
  <si>
    <t>129.5g</t>
  </si>
  <si>
    <t>和風ブランチズワイガニ雑炊</t>
  </si>
  <si>
    <t>129.2g</t>
  </si>
  <si>
    <t>スープdeごはん鶏しお雑炊</t>
  </si>
  <si>
    <t>70.3g</t>
  </si>
  <si>
    <t>スープdeごはんさけ茶漬け</t>
  </si>
  <si>
    <t>66.6g</t>
  </si>
  <si>
    <t>スープdeごはんスンドゥブチゲ風クッパ</t>
  </si>
  <si>
    <t>74.6g</t>
  </si>
  <si>
    <t>鳥釜飯ごはん付き</t>
  </si>
  <si>
    <t>五目釜飯ごはん付き</t>
  </si>
  <si>
    <t>とり釜めし味付ごはん付</t>
  </si>
  <si>
    <t>五目釜めし味付ごはん付</t>
  </si>
  <si>
    <t>丸美屋　松茸釜めし　味付けごはん付きカップ　箱２２５ｇ</t>
  </si>
  <si>
    <t>台湾風おこわ味付けおこわ付き</t>
  </si>
  <si>
    <t>筍おこわ味付けおこわ付き</t>
  </si>
  <si>
    <t>鶏五目おこわ味付けごはん付き</t>
  </si>
  <si>
    <t>鶏五目おこわ味付けごはん付</t>
  </si>
  <si>
    <t>中華おこわ　味付けごはん付</t>
  </si>
  <si>
    <t>麻婆丼中辛ごはん付き</t>
  </si>
  <si>
    <t>297g</t>
  </si>
  <si>
    <t>五目中華丼ごはん付き</t>
  </si>
  <si>
    <t>306g</t>
  </si>
  <si>
    <t>ビビンバごはん付</t>
  </si>
  <si>
    <t>254g</t>
  </si>
  <si>
    <t>丸美屋　四川風麻婆丼辛口ご飯付き　２８０ｇ</t>
  </si>
  <si>
    <t>炭火焼き風とり丼ごはん付き</t>
  </si>
  <si>
    <t>親子丼ごはん付き</t>
  </si>
  <si>
    <t>ガパオライスごはん付き</t>
  </si>
  <si>
    <t>五穀ごはん野菜あんかけ中華</t>
  </si>
  <si>
    <t>五穀ごはん海鮮あんかけ塩</t>
  </si>
  <si>
    <t>五穀ごはん野菜あんかけ</t>
  </si>
  <si>
    <t>五穀ごはん海鮮あんかけ</t>
  </si>
  <si>
    <t>五穀ごはん3種のチーズクリームリゾット</t>
  </si>
  <si>
    <t>五穀ごはん五穀トマトリゾット</t>
  </si>
  <si>
    <t>牛ガーリックライス味付けごはん付き225g</t>
  </si>
  <si>
    <t>キーマカレーごはん付き</t>
  </si>
  <si>
    <t>257g</t>
  </si>
  <si>
    <t>麻婆丼中辛御飯付</t>
  </si>
  <si>
    <t>四川麻婆丼辛口</t>
  </si>
  <si>
    <t>中華丼ごはん付き</t>
  </si>
  <si>
    <t>牛丼ごはん付き</t>
  </si>
  <si>
    <t>とり釜めし味付御飯付き</t>
  </si>
  <si>
    <t>五目釜めし　味付けごはん付き</t>
  </si>
  <si>
    <t>きのこ釜めし　味付けごはん</t>
  </si>
  <si>
    <t>218g</t>
  </si>
  <si>
    <t>筍釜飯味付けごはん付き</t>
  </si>
  <si>
    <t>松茸釜飯味付けごはん付き</t>
  </si>
  <si>
    <t>いか道産子飯L</t>
  </si>
  <si>
    <t>2尾</t>
  </si>
  <si>
    <t>レンジdeビューン世界のごはん旅ナシゴレン</t>
  </si>
  <si>
    <t>レンジdeビューン世界のごはん旅パエリア</t>
  </si>
  <si>
    <t>レンジdeビューン世界のごはん旅ビリヤニ</t>
  </si>
  <si>
    <t>カップごはん</t>
  </si>
  <si>
    <t>オートミールクリームリゾット</t>
  </si>
  <si>
    <t>エム・トゥ・エム</t>
  </si>
  <si>
    <t>ｴﾑﾄｩｴﾑ</t>
  </si>
  <si>
    <t>オートミールカレーリゾット</t>
  </si>
  <si>
    <t>オーツオートミールゆず塩</t>
  </si>
  <si>
    <t>すぐ旨カップオートミールかきたま</t>
  </si>
  <si>
    <t>すぐ旨カップオートミール海苔わさび</t>
  </si>
  <si>
    <t>すぐ旨カップオートミール鶏白湯</t>
  </si>
  <si>
    <t>オートミールごはん</t>
  </si>
  <si>
    <t>雑炊・クッパ</t>
  </si>
  <si>
    <t>46.9G</t>
  </si>
  <si>
    <t>リゾランテ濃厚きのこリゾット　カップ</t>
  </si>
  <si>
    <t>51.1G</t>
  </si>
  <si>
    <t>リゾランテ濃厚明太子リゾット　カップ</t>
  </si>
  <si>
    <t>47.2G</t>
  </si>
  <si>
    <t>リゾランテ濃厚チーズリゾット</t>
  </si>
  <si>
    <t>リゾランテ濃密トマトチーズリゾット</t>
  </si>
  <si>
    <t>リゾランテとろ~り濃厚チーズごはん</t>
  </si>
  <si>
    <t>リゾランテとろ~りトマトごはん</t>
  </si>
  <si>
    <t>カップごはんトロリーズチーズ</t>
  </si>
  <si>
    <t>カップごはんトロリ-ズ参鶏湯風</t>
  </si>
  <si>
    <t>韓飯レンジdeクッパ海鮮スンドゥブ</t>
  </si>
  <si>
    <t>173.7g</t>
  </si>
  <si>
    <t>韓飯レンジdeクッパカルビクッパ</t>
  </si>
  <si>
    <t>171.4g</t>
  </si>
  <si>
    <t>中村孝明監修_かきたま雑炊</t>
  </si>
  <si>
    <t>ワンタンメン風雑炊</t>
  </si>
  <si>
    <t>チーズクリーム_スープ＆ライス</t>
  </si>
  <si>
    <t>チキントマト_スープ＆ライス</t>
  </si>
  <si>
    <t>きのこクリーム玄米リゾット</t>
  </si>
  <si>
    <t>鮭の玄米雑炊</t>
  </si>
  <si>
    <t>タマゴノチュウカゲンマイゾウスイ</t>
  </si>
  <si>
    <t>36.2g</t>
  </si>
  <si>
    <t>Ｄ宣言鮭の玄米雑炊</t>
  </si>
  <si>
    <t>ヤサイトキノコノゲンマイクッパ</t>
  </si>
  <si>
    <t>海老の洋風玄米リゾット</t>
  </si>
  <si>
    <t>お湯かけて中華かゆカップ</t>
  </si>
  <si>
    <t>ＧｏＦａｎ五目チャーハン</t>
  </si>
  <si>
    <t>ＧｏＦａｎトマトチキンライス</t>
  </si>
  <si>
    <t>ＧｏＦａｎスパイシージャンバラヤ</t>
  </si>
  <si>
    <t>祇園さゝ木監修日清だし茶づけ鯛だし</t>
  </si>
  <si>
    <t>祇園さゝ木監修日清だし茶づけ明太子</t>
  </si>
  <si>
    <t>祇園さゝ木監修日清だし茶づけ鯛だしケース</t>
  </si>
  <si>
    <t>70g×6</t>
  </si>
  <si>
    <t>祇園さゝ木監修日清だし茶づけ明太子ケース</t>
  </si>
  <si>
    <t>72g×6</t>
  </si>
  <si>
    <t>カップさけ茶づけ</t>
  </si>
  <si>
    <t>128.4g</t>
  </si>
  <si>
    <t>カップ梅干茶づけ</t>
  </si>
  <si>
    <t>126.6g</t>
  </si>
  <si>
    <t>カップ入りお茶づけ海苔</t>
  </si>
  <si>
    <t>カップ入りさけ茶づけ</t>
  </si>
  <si>
    <t>ユッケジャンクッパ</t>
  </si>
  <si>
    <t>カルビクッパ</t>
  </si>
  <si>
    <t>コムタンクッパ</t>
  </si>
  <si>
    <t>スープdeごはんごま豆乳雑炊</t>
  </si>
  <si>
    <t>カップdeごはん麻婆豆腐中辛</t>
  </si>
  <si>
    <t>107.4g</t>
  </si>
  <si>
    <t>カップdeごはん麻婆豆腐辛口</t>
  </si>
  <si>
    <t>ビビンバ御飯付き</t>
  </si>
  <si>
    <t>241.6g</t>
  </si>
  <si>
    <t>豚キムチクッ　ごはん付き</t>
  </si>
  <si>
    <t>ユッケジャンクッパ御飯付き</t>
  </si>
  <si>
    <t>とり雑炊　ごはん付き</t>
  </si>
  <si>
    <t>紅鮭雑炊　ごはん付き</t>
  </si>
  <si>
    <t>かに雑炊　ごはん付き</t>
  </si>
  <si>
    <t>カレーメシシリーズ</t>
  </si>
  <si>
    <t>完全メシシリーズ</t>
  </si>
  <si>
    <t>完全メシカレーメシ欧風カレー</t>
  </si>
  <si>
    <t>119g</t>
  </si>
  <si>
    <t>完全メシトマトポタージュ</t>
  </si>
  <si>
    <t>完全メシキーマカレーメシ</t>
  </si>
  <si>
    <t>完全メシハヤシメシ</t>
  </si>
  <si>
    <t>完全メシUFO濃い濃いお好みソース焼そば</t>
  </si>
  <si>
    <t>完全メシUFO屋台風焼そば</t>
  </si>
  <si>
    <t>完全メシ韓国風旨辛メシユッケジャン</t>
  </si>
  <si>
    <t>完全メシトムヤムライス</t>
  </si>
  <si>
    <t>109g</t>
  </si>
  <si>
    <t>完全メシカップヌードル汁なしシーフードヌードル</t>
  </si>
  <si>
    <t>完全メシ汁なしカップヌードル</t>
  </si>
  <si>
    <t>完全メシ日清焼そばU.F.O.ぶっ濃い屋台風焼そば</t>
  </si>
  <si>
    <t>完全メシ旨辛メシユッケジャン</t>
  </si>
  <si>
    <t>完全メシハヤシメシデミグラス</t>
  </si>
  <si>
    <t>レギュラー</t>
  </si>
  <si>
    <t>カレーメシビーフ6個セット</t>
  </si>
  <si>
    <t>107g×6P</t>
  </si>
  <si>
    <t>カレーメシビーフ　ケース　2個セット</t>
  </si>
  <si>
    <t>日清　カップヌードルごはん</t>
  </si>
  <si>
    <t>日清　カップヌードルごはんシーフード</t>
  </si>
  <si>
    <t>日清　カップヌードルごはんカレー</t>
  </si>
  <si>
    <t>ＧｏＦａｎジャンバラヤ</t>
  </si>
  <si>
    <t>ＧｏＦａｎシーフードパエリア</t>
  </si>
  <si>
    <t>日清　ＵＦＯ　そばめし</t>
  </si>
  <si>
    <t>カップヌードルごはん</t>
  </si>
  <si>
    <t>カップヌードルごはん　シーフード</t>
  </si>
  <si>
    <t>カップヌードルごはん　カレー</t>
  </si>
  <si>
    <t>焼そばＵＦＯ　そばめし</t>
  </si>
  <si>
    <t>日清のどん兵衛　釜めし</t>
  </si>
  <si>
    <t>チキンラーメンごはん　とり五目</t>
  </si>
  <si>
    <t>９２ｇ</t>
  </si>
  <si>
    <t>カレーライス　中辛　カップ</t>
  </si>
  <si>
    <t>カップカレーライス甘口</t>
  </si>
  <si>
    <t>カレーライス　辛口　カップ</t>
  </si>
  <si>
    <t>カレーメシ　中辛</t>
  </si>
  <si>
    <t>カレーメシ　辛口</t>
  </si>
  <si>
    <t>124g</t>
  </si>
  <si>
    <t>カレーメシ　大辛</t>
  </si>
  <si>
    <t>トマトカレーメシ　中辛</t>
  </si>
  <si>
    <t>シーフードカレーメシ</t>
  </si>
  <si>
    <t>カップヌードルリゾット　ミルクシーフード</t>
  </si>
  <si>
    <t>カップヌードルリゾット　トムヤムクン</t>
  </si>
  <si>
    <t>84ｇ</t>
  </si>
  <si>
    <t>チキンラーメンリゾット</t>
  </si>
  <si>
    <t>日清バターチキン風カレーメシ</t>
  </si>
  <si>
    <t>ホワイトカレーメシ</t>
  </si>
  <si>
    <t>58%カレーメシビーフケース</t>
  </si>
  <si>
    <t>62g×6P</t>
  </si>
  <si>
    <t>カップヌードルごはんシーフード</t>
  </si>
  <si>
    <t>108ｇ</t>
  </si>
  <si>
    <t>日清焼そばＵ．Ｆ．Ｏ．そばめし</t>
  </si>
  <si>
    <t>レモンクリームカレーメシ</t>
  </si>
  <si>
    <t>117ｇ</t>
  </si>
  <si>
    <t>カレーメシビーフ</t>
  </si>
  <si>
    <t>カレーメシ　シーフード</t>
  </si>
  <si>
    <t>104G_</t>
  </si>
  <si>
    <t>スパイシーカレーメシ　チキン</t>
  </si>
  <si>
    <t>カレーメシビーフケース</t>
  </si>
  <si>
    <t>欧風カレーメシ　バター＆ビーフ</t>
  </si>
  <si>
    <t>103ｇ</t>
  </si>
  <si>
    <t>日本めし　焼き鳥ちゃんこめし</t>
  </si>
  <si>
    <t>ハヤシメシデミグラス</t>
  </si>
  <si>
    <t>キーマカレーメシスパイシー</t>
  </si>
  <si>
    <t>カップヌードルぶっこみ飯</t>
  </si>
  <si>
    <t>チキンラーメンぶっこみ飯</t>
  </si>
  <si>
    <t>カップヌードルぶっこみ飯ケース</t>
  </si>
  <si>
    <t>75g×6P</t>
  </si>
  <si>
    <t>チキンラーメンぶっこみ飯ケース</t>
  </si>
  <si>
    <t>77g×6P</t>
  </si>
  <si>
    <t>ハヤシメシデミグラスケース</t>
  </si>
  <si>
    <t>103g×6P</t>
  </si>
  <si>
    <t>トマトチキンカレーメシ</t>
  </si>
  <si>
    <t>日清カレーメシ　カップヌードルカレー味</t>
  </si>
  <si>
    <t>キーマカレースパイシーケース</t>
  </si>
  <si>
    <t>105g×6P</t>
  </si>
  <si>
    <t>カップヌードル謎肉丼</t>
  </si>
  <si>
    <t>ウマーメシシビうま担々</t>
  </si>
  <si>
    <t>ウマーメシシビうま坦々ケース</t>
  </si>
  <si>
    <t>麻婆カレーメシ　トレンディ</t>
  </si>
  <si>
    <t>ワフウカレーメシタテ</t>
  </si>
  <si>
    <t>日清　ウマーメシ　豚キムチチゲ　１００ｇ</t>
  </si>
  <si>
    <t>味噌ぶっこみ飯</t>
  </si>
  <si>
    <t>ウマジルマシライス</t>
  </si>
  <si>
    <t>旨辛豚骨ぶっこみ飯</t>
  </si>
  <si>
    <t>バターチキンカレーメシ</t>
  </si>
  <si>
    <t>スパイスカレーカレーメシ</t>
  </si>
  <si>
    <t>91g</t>
  </si>
  <si>
    <t>ウマーメシメキシカン</t>
  </si>
  <si>
    <t>オーベルジーヌ欧風カレー</t>
  </si>
  <si>
    <t>バターチキンカレーメシまろやかケース</t>
  </si>
  <si>
    <t>100g×6</t>
  </si>
  <si>
    <t>オーベルジーヌ欧風カレーケース</t>
  </si>
  <si>
    <t>103g×6</t>
  </si>
  <si>
    <t>謎肉牛丼</t>
  </si>
  <si>
    <t>柚子辣湯阿夫利メシ</t>
  </si>
  <si>
    <t>カップヌードル鶏白湯ぶっこみ飯</t>
  </si>
  <si>
    <t>ウマーメシメキシカンケース</t>
  </si>
  <si>
    <t>柚子辣湯阿夫利メシケース</t>
  </si>
  <si>
    <t>87g×6</t>
  </si>
  <si>
    <t>カレーメシシーフード</t>
  </si>
  <si>
    <t>ウマーメシ麻辣火鍋飯</t>
  </si>
  <si>
    <t>オシャーメシトマト</t>
  </si>
  <si>
    <t>オシャーメシサンラータン</t>
  </si>
  <si>
    <t>オシャーメシトムヤムクン</t>
  </si>
  <si>
    <t>柚子辛紅阿夫利メシ覚醒</t>
  </si>
  <si>
    <t>ゆず塩阿夫利メシまろ味</t>
  </si>
  <si>
    <t>新宿中村屋インドカリー</t>
  </si>
  <si>
    <t>スパイスカレーカレーメシケース</t>
  </si>
  <si>
    <t>91g×6</t>
  </si>
  <si>
    <t>カップヌードル鶏白湯ぶっこみ飯ケース</t>
  </si>
  <si>
    <t>89g×6</t>
  </si>
  <si>
    <t>オシャーメシ　トマトのスープごはんケース</t>
  </si>
  <si>
    <t>60g*6</t>
  </si>
  <si>
    <t>ウマーメシ　麻辣火鍋飯ケース</t>
  </si>
  <si>
    <t>95g*6</t>
  </si>
  <si>
    <t>カレーメシシーフードケース</t>
  </si>
  <si>
    <t>104g×6P</t>
  </si>
  <si>
    <t>オシャーメシ　トムヤムクンのスープごはんケース</t>
  </si>
  <si>
    <t>58g*6</t>
  </si>
  <si>
    <t>新福菜館ヤキメシ味</t>
  </si>
  <si>
    <t>シチューメシビーフドミグラス</t>
  </si>
  <si>
    <t>ウマーメシキムチビビンバ</t>
  </si>
  <si>
    <t>オシャーメシ参鶏湯</t>
  </si>
  <si>
    <t>オシャーメシグリーンカレー</t>
  </si>
  <si>
    <t>ウマーメシキムチビビンバケース</t>
  </si>
  <si>
    <t>101g×6P</t>
  </si>
  <si>
    <t>カレーメシビーフミニ</t>
  </si>
  <si>
    <t>炎メシ辛うまユッケジャン</t>
  </si>
  <si>
    <t>カレーメシマッサマン</t>
  </si>
  <si>
    <t>カレーメシマッサマンケース</t>
  </si>
  <si>
    <t>ブラックカレーメシ欧風</t>
  </si>
  <si>
    <t>和風だしカレーメシうまし</t>
  </si>
  <si>
    <t>炎メシキムチビビンバ</t>
  </si>
  <si>
    <t>炎メシ辛うまユッケジャン　ケース</t>
  </si>
  <si>
    <t>106g×6</t>
  </si>
  <si>
    <t>ゲーミングカレーメシエナジージンジャーキーマカレー</t>
  </si>
  <si>
    <t>ゲーミングカレーメシエナジージンジャーキーマカレーケース</t>
  </si>
  <si>
    <t>105g×6</t>
  </si>
  <si>
    <t>ブラックカレーメシ欧風ケース</t>
  </si>
  <si>
    <t>104gｶｹﾙ6</t>
  </si>
  <si>
    <t>台湾メシ魯肉飯</t>
  </si>
  <si>
    <t>台湾メシ鹹豆漿粥</t>
  </si>
  <si>
    <t>台湾メシ魯肉飯ケース</t>
  </si>
  <si>
    <t>96g×6</t>
  </si>
  <si>
    <t>台湾メシ鹹豆漿粥ケース</t>
  </si>
  <si>
    <t>カップヌードルシーフードヌードルぶっこみ飯ケース</t>
  </si>
  <si>
    <t>0.8kg</t>
  </si>
  <si>
    <t>カップヌードルシーフードヌードルぶっこみ飯</t>
  </si>
  <si>
    <t>欧風チーズカレーメシ</t>
  </si>
  <si>
    <t>炎メシキムチビビンバケース</t>
  </si>
  <si>
    <t>0.9kg</t>
  </si>
  <si>
    <t>カレーメシビーフぼっち･ざ･ろっく</t>
  </si>
  <si>
    <t>オウフウチーズカレーメシケース</t>
  </si>
  <si>
    <t>101g×6</t>
  </si>
  <si>
    <t>ゴーゴーカレー監修ゴーゴーカレーメシ</t>
  </si>
  <si>
    <t>日清カレーメシ欧風ビーフ</t>
  </si>
  <si>
    <t>日清謎うなぎ丼</t>
  </si>
  <si>
    <t>オーベルジーヌ監修欧風カレー</t>
  </si>
  <si>
    <t>日清ミラノ風ドリアメシ</t>
  </si>
  <si>
    <t>ブラックカレーメシ濃厚ビーフ</t>
  </si>
  <si>
    <t>ガーリックスタミナ豚丼</t>
  </si>
  <si>
    <t>アパ社長カレーメシ本格派ビーフカレー風</t>
  </si>
  <si>
    <t>調理品</t>
  </si>
  <si>
    <t>風味調味料</t>
  </si>
  <si>
    <t>小容量～100ｇ</t>
  </si>
  <si>
    <t>極味　万能和風だし</t>
  </si>
  <si>
    <t>千代の一番</t>
  </si>
  <si>
    <t>ﾁﾖﾉｲﾁﾊﾞﾝ</t>
  </si>
  <si>
    <t>中山伊吹いりこだし</t>
  </si>
  <si>
    <t>10gX10</t>
  </si>
  <si>
    <t>中山</t>
  </si>
  <si>
    <t>ホンダシイリコダシスティック</t>
  </si>
  <si>
    <t>ほんだしいりこＩＭ－８</t>
  </si>
  <si>
    <t>毎日カルシウムいりこだし</t>
  </si>
  <si>
    <t>4g×8</t>
  </si>
  <si>
    <t>ほんだしいりこだし</t>
  </si>
  <si>
    <t>いりこまるごと使用だし</t>
  </si>
  <si>
    <t>にぼしだし</t>
  </si>
  <si>
    <t>4g×12P</t>
  </si>
  <si>
    <t>にぼしだし深味の素</t>
  </si>
  <si>
    <t>4g×12</t>
  </si>
  <si>
    <t>風味調味料にぼしだし</t>
  </si>
  <si>
    <t>4g×10P</t>
  </si>
  <si>
    <t>いりこだしの素顆粒</t>
  </si>
  <si>
    <t>無添加だしの素いりこ</t>
  </si>
  <si>
    <t>いりこだしの素</t>
  </si>
  <si>
    <t>6g×7</t>
  </si>
  <si>
    <t>いりこだし</t>
  </si>
  <si>
    <t>無添加だしいりこ顆粒</t>
  </si>
  <si>
    <t>6g×7P</t>
  </si>
  <si>
    <t>6ｇ*7</t>
  </si>
  <si>
    <t>ポーションだしいりこかつお</t>
  </si>
  <si>
    <t>いりこまるごとだしの素</t>
  </si>
  <si>
    <t>いりこだし顆粒</t>
  </si>
  <si>
    <t>瀬戸内産いりこだし</t>
  </si>
  <si>
    <t>無添加　いりこだし</t>
  </si>
  <si>
    <t>5g×8</t>
  </si>
  <si>
    <t>素材力いりこだし</t>
  </si>
  <si>
    <t>5g×7P</t>
  </si>
  <si>
    <t>素材力だしいりこだし</t>
  </si>
  <si>
    <t>顆粒だしの素いりこ</t>
  </si>
  <si>
    <t>8g×7</t>
  </si>
  <si>
    <t>中容量101～300ｇ</t>
  </si>
  <si>
    <t>本だしいりこスティック</t>
  </si>
  <si>
    <t>16p</t>
  </si>
  <si>
    <t>ほんだしいりこだし8gスティック</t>
  </si>
  <si>
    <t>いりこだし１６０</t>
  </si>
  <si>
    <t>いりこだし１５０</t>
  </si>
  <si>
    <t>焙焼いりこだしＳＴ</t>
  </si>
  <si>
    <t>18g×8</t>
  </si>
  <si>
    <t>4g×56</t>
  </si>
  <si>
    <t>4g×28</t>
  </si>
  <si>
    <t>瀬戸内産いりこだし#80</t>
  </si>
  <si>
    <t>4g×20</t>
  </si>
  <si>
    <t>大容量301g～</t>
  </si>
  <si>
    <t>いりこだし　顆粒</t>
  </si>
  <si>
    <t>イリコダシノモト</t>
  </si>
  <si>
    <t>たまご焼きのだしの素</t>
  </si>
  <si>
    <t>本だし瓶</t>
  </si>
  <si>
    <t>ほんだし瓶</t>
  </si>
  <si>
    <t>オサ平商店</t>
  </si>
  <si>
    <t>基本だしかつお</t>
  </si>
  <si>
    <t>5g×12P</t>
  </si>
  <si>
    <t>ｵｰｶﾞﾆｯｸﾌｰｽ</t>
  </si>
  <si>
    <t>ぽんとだし</t>
  </si>
  <si>
    <t>和田久</t>
  </si>
  <si>
    <t>ﾜﾀﾞｷｭｳ</t>
  </si>
  <si>
    <t>食塩・化学調味料不使用だしの素</t>
  </si>
  <si>
    <t>ﾗｲﾌﾌﾟﾛﾓｰﾄ</t>
  </si>
  <si>
    <t>ホンダシ　コブクロ　５</t>
  </si>
  <si>
    <t>はんだしかつおだしＳＫＭ－８</t>
  </si>
  <si>
    <t>ほんだしかつお</t>
  </si>
  <si>
    <t>毎日カルシウムほんだし</t>
  </si>
  <si>
    <t>ほんだし袋</t>
  </si>
  <si>
    <t>ほんだし小袋Ｋ－４</t>
  </si>
  <si>
    <t>ほんだし</t>
  </si>
  <si>
    <t>8g×7P</t>
  </si>
  <si>
    <t>ほんだしスティックＭ－８</t>
  </si>
  <si>
    <t>毎日カルシウムほんだしＳＴ</t>
  </si>
  <si>
    <t>お塩控えめのほんだし箱</t>
  </si>
  <si>
    <t>お塩控えめのほんだし</t>
  </si>
  <si>
    <t>味の素ほんだしかつおだしスティック</t>
  </si>
  <si>
    <t>かつおだし香味の素</t>
  </si>
  <si>
    <t>風味調味料かつおだし</t>
  </si>
  <si>
    <t>和風だし一番</t>
  </si>
  <si>
    <t>だしの素Ｓ－５</t>
  </si>
  <si>
    <t>だしの素粉末８０ｇ</t>
  </si>
  <si>
    <t>10g×8</t>
  </si>
  <si>
    <t>無添加だし鰹とれたて加工８Ｐ</t>
  </si>
  <si>
    <t>だしの素粉末</t>
  </si>
  <si>
    <t>だしの素粉末ミニ</t>
  </si>
  <si>
    <t>だしの素粉末ミニタイプ</t>
  </si>
  <si>
    <t>10g×30</t>
  </si>
  <si>
    <t>塩分55%カットだし粉末</t>
  </si>
  <si>
    <t>無添加だし　　鰹</t>
  </si>
  <si>
    <t>かつおだし４８</t>
  </si>
  <si>
    <t>無添加だしの素鰹</t>
  </si>
  <si>
    <t>おすすめ鰹だし</t>
  </si>
  <si>
    <t>無添加鰹だしとれたて</t>
  </si>
  <si>
    <t>優れだし和風かつお</t>
  </si>
  <si>
    <t>5g×8ﾎﾝ</t>
  </si>
  <si>
    <t>かつおだし顆粒</t>
  </si>
  <si>
    <t>ふたりのだしの素</t>
  </si>
  <si>
    <t>3g×8</t>
  </si>
  <si>
    <t>だしの素　鰹あじトレー</t>
  </si>
  <si>
    <t>だしの素鰹あじ小袋</t>
  </si>
  <si>
    <t>だしの素鰹あじ減塩小袋16袋入</t>
  </si>
  <si>
    <t>炒飯の素　かつおだし風味</t>
  </si>
  <si>
    <t>38.4g</t>
  </si>
  <si>
    <t>だしの素鰹あじ減塩小袋24袋入</t>
  </si>
  <si>
    <t>だしの素鰹あじ小袋8袋入</t>
  </si>
  <si>
    <t>にんべん　旨い味だし　かつお節　５．５ｇ×１０Ｐ</t>
  </si>
  <si>
    <t>55g×10p</t>
  </si>
  <si>
    <t>減塩だしの素</t>
  </si>
  <si>
    <t>ユニ・チャーム</t>
  </si>
  <si>
    <t>ﾕﾆﾁｬｰﾑ</t>
  </si>
  <si>
    <t>直火焼本かつおだしの素</t>
  </si>
  <si>
    <t>4g×10</t>
  </si>
  <si>
    <t>新かつおだしの素</t>
  </si>
  <si>
    <t>かつおだしの素</t>
  </si>
  <si>
    <t>薩摩産かつおだし</t>
  </si>
  <si>
    <t>無添加　本かつおだし</t>
  </si>
  <si>
    <t>無添加本かつおだし</t>
  </si>
  <si>
    <t>素材力だしかつおだし徳用</t>
  </si>
  <si>
    <t>5g×14P</t>
  </si>
  <si>
    <t>素材力だし焼きあごだし</t>
  </si>
  <si>
    <t>素材力だし本かつおだし</t>
  </si>
  <si>
    <t>のど黒だしティーパック</t>
  </si>
  <si>
    <t>8g×8袋入り</t>
  </si>
  <si>
    <t>だしの素スティック</t>
  </si>
  <si>
    <t>勝男だし</t>
  </si>
  <si>
    <t>ほんだし鰹まる</t>
  </si>
  <si>
    <t>徳用かつおだしの素</t>
  </si>
  <si>
    <t>味の素　ほんだし　箱　１２０ｇ　３個セット</t>
  </si>
  <si>
    <t>やますえだしスープっ鯛</t>
  </si>
  <si>
    <t>やますえ</t>
  </si>
  <si>
    <t>ﾔﾏｽｴ</t>
  </si>
  <si>
    <t>本だしかつお</t>
  </si>
  <si>
    <t>ホンダシ（ステイツク）</t>
  </si>
  <si>
    <t>8g×16</t>
  </si>
  <si>
    <t>本だし煮物上手</t>
  </si>
  <si>
    <t>4g×30</t>
  </si>
  <si>
    <t>ほんだし箱</t>
  </si>
  <si>
    <t>ほんだし　小袋２４（Ｋ－２４）</t>
  </si>
  <si>
    <t>8g×14P</t>
  </si>
  <si>
    <t>ほんだしスティック26</t>
  </si>
  <si>
    <t>ほんだし煮物上手</t>
  </si>
  <si>
    <t>ほんだしスティック</t>
  </si>
  <si>
    <t>だしの素Ｓー１６Ｃ</t>
  </si>
  <si>
    <t>まろやかかつおだし　粉末</t>
  </si>
  <si>
    <t>9g×18</t>
  </si>
  <si>
    <t>だしの素Ｓ-１４</t>
  </si>
  <si>
    <t>だしの素　Ｓ－２６</t>
  </si>
  <si>
    <t>10g×26</t>
  </si>
  <si>
    <t>無添加だしの素鰹とれたて</t>
  </si>
  <si>
    <t>6g×28</t>
  </si>
  <si>
    <t>無添加だし鰹とれたて144粉末</t>
  </si>
  <si>
    <t>10g×24</t>
  </si>
  <si>
    <t>129g</t>
  </si>
  <si>
    <t>塩分５５％カットだし粉末１２０</t>
  </si>
  <si>
    <t>５ｇ×２４Ｐ</t>
  </si>
  <si>
    <t>10g×20P</t>
  </si>
  <si>
    <t>かつおだし１６０</t>
  </si>
  <si>
    <t>減塩_だしの素</t>
  </si>
  <si>
    <t>直火焼だしの素ＳＴ</t>
  </si>
  <si>
    <t>かつお節屋のだしの素</t>
  </si>
  <si>
    <t>ダシノモト</t>
  </si>
  <si>
    <t>だしの素１６０ｇ</t>
  </si>
  <si>
    <t>ヤマキだしの素</t>
  </si>
  <si>
    <t>だしの素　粉末</t>
  </si>
  <si>
    <t>10g×14</t>
  </si>
  <si>
    <t>10g×18</t>
  </si>
  <si>
    <t>204g</t>
  </si>
  <si>
    <t>だしの素＃228W</t>
  </si>
  <si>
    <t>4g×57</t>
  </si>
  <si>
    <t>だしの素粉末_＃２２８</t>
  </si>
  <si>
    <t>4g×54P</t>
  </si>
  <si>
    <t>だしの素＃160</t>
  </si>
  <si>
    <t>10gx16</t>
  </si>
  <si>
    <t>大徳だしの素</t>
  </si>
  <si>
    <t>だしパック合わせ</t>
  </si>
  <si>
    <t>素材力本かつおだしお徳用</t>
  </si>
  <si>
    <t>5g×28P</t>
  </si>
  <si>
    <t>湧川徳用簡単だしパック</t>
  </si>
  <si>
    <t>398g</t>
  </si>
  <si>
    <t>ﾕｳｽｲｼｮｳｶｲ</t>
  </si>
  <si>
    <t>お買い得調味料品</t>
  </si>
  <si>
    <t>お買い得調味料</t>
  </si>
  <si>
    <t>ほんだし3個セット</t>
  </si>
  <si>
    <t>ほんだし2個セット</t>
  </si>
  <si>
    <t>マルトモ　かつおだしの素_2個ｾｯﾄ</t>
  </si>
  <si>
    <t>600g2</t>
  </si>
  <si>
    <t>かつおだし徳用</t>
  </si>
  <si>
    <t>はんだし小袋Ｋ－４４</t>
  </si>
  <si>
    <t>味の素ほんだし</t>
  </si>
  <si>
    <t>ほんだしかつおだし</t>
  </si>
  <si>
    <t>ほんだしかつお風味</t>
  </si>
  <si>
    <t>和風だしの素徳用</t>
  </si>
  <si>
    <t>和風だしの素</t>
  </si>
  <si>
    <t>潮彩だし</t>
  </si>
  <si>
    <t>和風だし</t>
  </si>
  <si>
    <t>だしの素粉末Ｓー４０</t>
  </si>
  <si>
    <t>だしの素Ｓ－３６</t>
  </si>
  <si>
    <t>10g×36</t>
  </si>
  <si>
    <t>10g×40</t>
  </si>
  <si>
    <t>本調味かつおだし　顆粒</t>
  </si>
  <si>
    <t>かつおだしの素　顆粒</t>
  </si>
  <si>
    <t>シマヤかつおだし顆粒</t>
  </si>
  <si>
    <t>290g×2</t>
  </si>
  <si>
    <t>だしの素鰹あじ小袋72袋入</t>
  </si>
  <si>
    <t>新鰹だしの素</t>
  </si>
  <si>
    <t>直火焼だしの素</t>
  </si>
  <si>
    <t>業務用だしの素ゴールド</t>
  </si>
  <si>
    <t>ダシノモト　５００Ｇ</t>
  </si>
  <si>
    <t>ヤマキ　だしの素　＃３２０</t>
  </si>
  <si>
    <t>10g×32</t>
  </si>
  <si>
    <t>だしの素だいとく</t>
  </si>
  <si>
    <t>だしの素大徳</t>
  </si>
  <si>
    <t>ヤマキ　だしの素　大徳</t>
  </si>
  <si>
    <t>だしの素450g</t>
  </si>
  <si>
    <t>丸島だしの素</t>
  </si>
  <si>
    <t>10g×50P</t>
  </si>
  <si>
    <t>ほんだしこんぶだし</t>
  </si>
  <si>
    <t>ホンダシ　コンブ</t>
  </si>
  <si>
    <t>こぶうま瓶</t>
  </si>
  <si>
    <t>昆布まるごと使用だし</t>
  </si>
  <si>
    <t>こんぶだし旨味の素</t>
  </si>
  <si>
    <t>風味調味料こんぶだし</t>
  </si>
  <si>
    <t>無添加だし　　昆布</t>
  </si>
  <si>
    <t>昆布だしの素顆粒</t>
  </si>
  <si>
    <t>無添加だしの素昆布</t>
  </si>
  <si>
    <t>昆布だし８Ｐ</t>
  </si>
  <si>
    <t>昆布だしの素</t>
  </si>
  <si>
    <t>こんぶだしの素</t>
  </si>
  <si>
    <t>無添加だし昆布顆粒</t>
  </si>
  <si>
    <t>優れだし和風こんぶ</t>
  </si>
  <si>
    <t>5gx8本</t>
  </si>
  <si>
    <t>こんぶだし顆粒</t>
  </si>
  <si>
    <t>道南白口浜産こんぶだし</t>
  </si>
  <si>
    <t>無添加　こんぶだし</t>
  </si>
  <si>
    <t>無添加こんぶだし</t>
  </si>
  <si>
    <t>素材力だしこんぶだし徳用</t>
  </si>
  <si>
    <t>素材力だしこんぶだし</t>
  </si>
  <si>
    <t>昆布だし　１０P</t>
  </si>
  <si>
    <t>宝山九州</t>
  </si>
  <si>
    <t>ﾎｳｻﾞﾝｷｭｳｼｭ</t>
  </si>
  <si>
    <t>コクデール</t>
  </si>
  <si>
    <t>ベストアメニティ</t>
  </si>
  <si>
    <t>ﾍﾞｽﾄｱﾐﾆﾃｨｰ</t>
  </si>
  <si>
    <t>ほんだしこんぶだし１８本</t>
  </si>
  <si>
    <t>8g×18</t>
  </si>
  <si>
    <t>コンブダシ</t>
  </si>
  <si>
    <t>8g×20</t>
  </si>
  <si>
    <t>ほんだしこんぶだし8gスティック</t>
  </si>
  <si>
    <t>昆布だし顆粒</t>
  </si>
  <si>
    <t>こんぶだしの素顆粒</t>
  </si>
  <si>
    <t>北海道羅臼昆布だし</t>
  </si>
  <si>
    <t>昆布万能だしの素</t>
  </si>
  <si>
    <t>素材力こんぶだしお徳用</t>
  </si>
  <si>
    <t>中村醸造元　大間産真昆布だし　300ml</t>
  </si>
  <si>
    <t>かね七昆布だし</t>
  </si>
  <si>
    <t>北海道産ねこんぶだし</t>
  </si>
  <si>
    <t>ほんだし焼きあごだし</t>
  </si>
  <si>
    <t>焼きあごだし小</t>
  </si>
  <si>
    <t>焼きあごだし粉末</t>
  </si>
  <si>
    <t>焼きあごだし</t>
  </si>
  <si>
    <t>無添加だし焼きあご顆粒</t>
  </si>
  <si>
    <t>焼きあごだしの素</t>
  </si>
  <si>
    <t>6g*7</t>
  </si>
  <si>
    <t>優れだし和風焼きあご</t>
  </si>
  <si>
    <t>焼きあごだし顆粒</t>
  </si>
  <si>
    <t>にんべん　旨い味だし　あご入り　５．５ｇ×８Ｐ</t>
  </si>
  <si>
    <t>5.5g×8p</t>
  </si>
  <si>
    <t>焙焼あごだしの素</t>
  </si>
  <si>
    <t>あごだし顆粒</t>
  </si>
  <si>
    <t>24P</t>
  </si>
  <si>
    <t>4g×24</t>
  </si>
  <si>
    <t>長崎産焼きあごだし</t>
  </si>
  <si>
    <t>4g×20P</t>
  </si>
  <si>
    <t>のどぐろ万能だしの素</t>
  </si>
  <si>
    <t>焼きあご万能だしの素</t>
  </si>
  <si>
    <t>250g×2</t>
  </si>
  <si>
    <t>ヤキアゴバンノウダシ</t>
  </si>
  <si>
    <t>ハイミー４５</t>
  </si>
  <si>
    <t>ウィルビーふりかけるやすまるだし</t>
  </si>
  <si>
    <t>ウィルビー</t>
  </si>
  <si>
    <t>ｳｨﾙﾋﾞ-</t>
  </si>
  <si>
    <t>ウィルビーやすまるのスパイスだし</t>
  </si>
  <si>
    <t>伏?だし</t>
  </si>
  <si>
    <t>伏高</t>
  </si>
  <si>
    <t>ﾌｼﾀｶ</t>
  </si>
  <si>
    <t>ほんだしあわせだし</t>
  </si>
  <si>
    <t>ホンダシウドンオデンダシ</t>
  </si>
  <si>
    <t>無添加あわせだし</t>
  </si>
  <si>
    <t>6g×12P</t>
  </si>
  <si>
    <t>自然派だしあわせ粉末</t>
  </si>
  <si>
    <t>6g×24P</t>
  </si>
  <si>
    <t>あわせだしの素鰹昆布粉末</t>
  </si>
  <si>
    <t>8g×12</t>
  </si>
  <si>
    <t>シラダシフンマツ</t>
  </si>
  <si>
    <t>味付おだし</t>
  </si>
  <si>
    <t>だしの素顆粒</t>
  </si>
  <si>
    <t>自然派だしあわせ顆粒</t>
  </si>
  <si>
    <t>優れだし和風あわせ</t>
  </si>
  <si>
    <t>あわせだしの素</t>
  </si>
  <si>
    <t>６ｇｘ７本</t>
  </si>
  <si>
    <t>チュウカリョウリノモト　８Ｐ</t>
  </si>
  <si>
    <t>シェフマジック</t>
  </si>
  <si>
    <t>和食の力６種の素材だしパック</t>
  </si>
  <si>
    <t>10gx8</t>
  </si>
  <si>
    <t>ニボシコナ　Ｓ</t>
  </si>
  <si>
    <t>喜一郎粉だし</t>
  </si>
  <si>
    <t>うまみの塊袋</t>
  </si>
  <si>
    <t>顆粒だしの素かつおと昆布</t>
  </si>
  <si>
    <t>だし専科道南産</t>
  </si>
  <si>
    <t>四季彩々　和風だし</t>
  </si>
  <si>
    <t>スカイ・フード</t>
  </si>
  <si>
    <t>ｽｶｲﾌｰｽﾞ</t>
  </si>
  <si>
    <t>四季彩々　中華だし</t>
  </si>
  <si>
    <t>ごはんにのせるとん汁</t>
  </si>
  <si>
    <t>諸国美味</t>
  </si>
  <si>
    <t>ｼｮｺｸﾋﾞﾐ</t>
  </si>
  <si>
    <t>ほんだしかつおとこんぶ</t>
  </si>
  <si>
    <t>合せだし</t>
  </si>
  <si>
    <t>ほんだしあわせだし8gスティックX14本入</t>
  </si>
  <si>
    <t>無添加あわせだし　１６８ｇ</t>
  </si>
  <si>
    <t>あわせだしの素鰹昆布</t>
  </si>
  <si>
    <t>昆布とかつおだしの素</t>
  </si>
  <si>
    <t>ニボシコナ</t>
  </si>
  <si>
    <t>喜一郎だしお徳用ティーパック</t>
  </si>
  <si>
    <t>8g×20g</t>
  </si>
  <si>
    <t>成城石井　国産素材六種でつくっただしの素__８ｇ×２０Ｐ</t>
  </si>
  <si>
    <t>8ｇ×20ｐ_</t>
  </si>
  <si>
    <t>化学調味料無添加和風だし</t>
  </si>
  <si>
    <t>アジノモト</t>
  </si>
  <si>
    <t>旨味調味料古来ハイゴールド</t>
  </si>
  <si>
    <t>シイタケコンブダシ</t>
  </si>
  <si>
    <t>しいたけ</t>
  </si>
  <si>
    <t>しいたけだし</t>
  </si>
  <si>
    <t>風味調味料しいたけだし</t>
  </si>
  <si>
    <t>4GX10P</t>
  </si>
  <si>
    <t>しいたけだしの素</t>
  </si>
  <si>
    <t>機能性表示食品ピーナッツクリーム</t>
  </si>
  <si>
    <t>１４０ｇ</t>
  </si>
  <si>
    <t>機能性表示食品はちみつスプレッド</t>
  </si>
  <si>
    <t>はちみつﾏｲﾙﾄﾞ250G</t>
  </si>
  <si>
    <t>ｴﾊﾞﾗﾊﾝﾊﾞｰｸﾞｿｰｽﾃﾘﾔｷ</t>
  </si>
  <si>
    <t>黄金の味具だくさん辛口</t>
  </si>
  <si>
    <t>ｶｰﾘｯｸ</t>
  </si>
  <si>
    <t>香りのゆず</t>
  </si>
  <si>
    <t>70ＭＬ</t>
  </si>
  <si>
    <t>こぶりちゃん中濃</t>
  </si>
  <si>
    <t>李錦記ｵｲｽﾀｰDSP特荷</t>
  </si>
  <si>
    <t>255g*24ﾎﾝ</t>
  </si>
  <si>
    <t>8g*7本</t>
  </si>
  <si>
    <t>もやしのたれ　激辛</t>
  </si>
  <si>
    <t>しょうゆ箱6本</t>
  </si>
  <si>
    <t>カネトクさしみ醤油甘露</t>
  </si>
  <si>
    <t>焼き塩レモン</t>
  </si>
  <si>
    <t>チキン南蛮づけダレ</t>
  </si>
  <si>
    <t>男気肉ダレ</t>
  </si>
  <si>
    <t>梅肉ソース</t>
  </si>
  <si>
    <t>ｾﾝﾀｰﾘﾊﾞｰ</t>
  </si>
  <si>
    <t>レホールソース</t>
  </si>
  <si>
    <t>ｶﾞｰﾘｯｸﾊﾟｳﾀﾞｰ</t>
  </si>
  <si>
    <t>ｼｮｳｶﾞﾊﾟｳﾀﾞｰ</t>
  </si>
  <si>
    <t>30Ｇ</t>
  </si>
  <si>
    <t>一味唐辛子</t>
  </si>
  <si>
    <t>七味唐辛子</t>
  </si>
  <si>
    <t>ﾗｰﾒﾝｺｼｮｳ</t>
  </si>
  <si>
    <t>ｸﾞﾙﾒｽﾊﾟｲｽ</t>
  </si>
  <si>
    <t>ﾄﾞﾗｲﾊﾞｼﾞﾙ</t>
  </si>
  <si>
    <t>5ｇ</t>
  </si>
  <si>
    <t>ﾄﾞﾗｲﾊﾟｾﾘ</t>
  </si>
  <si>
    <t>ｱﾗﾋﾞｷｶﾞｰﾘｯｸ</t>
  </si>
  <si>
    <t>ﾊｰﾌﾞｽﾊﾟｲｽ</t>
  </si>
  <si>
    <t>プラスサラダ焙煎胡麻ドレッシング</t>
  </si>
  <si>
    <t>490ml</t>
  </si>
  <si>
    <t>ﾉﾝｵｲﾙ具たっぷりたまねぎ</t>
  </si>
  <si>
    <t>プラスサラダシーザードレッシング</t>
  </si>
  <si>
    <t>ピザソ－スガ－リック</t>
  </si>
  <si>
    <t>EXVオリーブオイル</t>
  </si>
  <si>
    <t>ｹｰｷｼﾛｯﾌﾟ</t>
  </si>
  <si>
    <t>8g*7</t>
  </si>
  <si>
    <t>ＦＵＬＬ</t>
  </si>
  <si>
    <t>ｶﾉ</t>
  </si>
  <si>
    <t>ＧＡＢＡＮ香味ゆず胡椒</t>
  </si>
  <si>
    <t>180ｍｌ</t>
  </si>
  <si>
    <t>ｷﾞｬﾊﾞﾝｽﾊﾟｲｽﾄﾞﾚｯｼﾝｸﾞ</t>
  </si>
  <si>
    <t>干し貝柱スープ</t>
  </si>
  <si>
    <t>GABAN焙煎ごま</t>
  </si>
  <si>
    <t>ｶﾞｰﾘｯｸﾍﾟｯﾊﾟｰ180ml</t>
  </si>
  <si>
    <t>CookDo香味ペースト辛</t>
  </si>
  <si>
    <t>味の素ﾊﾟﾙｽｲｰﾄRｶﾛﾘｰｾﾞﾛ液体</t>
  </si>
  <si>
    <t>ｶﾚｰ屋さんのかくし味</t>
  </si>
  <si>
    <t>５/８バターチキンカレー</t>
  </si>
  <si>
    <t>博多焼きあごだし</t>
  </si>
  <si>
    <t>8g×10</t>
  </si>
  <si>
    <t>プチッとハンバーグデミグラスソー</t>
  </si>
  <si>
    <t>21ｇ*4</t>
  </si>
  <si>
    <t>プチッとハンバーグ和風おろしソー</t>
  </si>
  <si>
    <t>はちみつりんごウスターソース</t>
  </si>
  <si>
    <t>スパイスカレー　とんかつソース</t>
  </si>
  <si>
    <t>ごまづくしとんかつソース</t>
  </si>
  <si>
    <t>すりおろしオニオントマトデミグラ</t>
  </si>
  <si>
    <t>野菜のドレスすりおろし洋風オニオ</t>
  </si>
  <si>
    <t>野菜のドレス梅しそ</t>
  </si>
  <si>
    <t>李の皿麹甘酒入５種の野菜果実ドレ</t>
  </si>
  <si>
    <t>１７０ｍｌ</t>
  </si>
  <si>
    <t>李の皿アーモンドミルクごまナッツ</t>
  </si>
  <si>
    <t>麻婆の素</t>
  </si>
  <si>
    <t>150ｍｌ</t>
  </si>
  <si>
    <t>ソルトサプリ梅味</t>
  </si>
  <si>
    <t>もやしと豚肉のトマトガ－リッ</t>
  </si>
  <si>
    <t>きのこと豚肉のトマトデミ炒め</t>
  </si>
  <si>
    <t>和風天国料理酒</t>
  </si>
  <si>
    <t>和風天国みりんタイプ</t>
  </si>
  <si>
    <t>野菜漬けの素浅漬の味</t>
  </si>
  <si>
    <t>ｺﾞﾏｱｴﾉﾓﾄ</t>
  </si>
  <si>
    <t>16ｇｳﾏｼｵ</t>
  </si>
  <si>
    <t>ｺﾞﾏｱｴﾉﾓﾄｶﾝｺｸﾌｳ</t>
  </si>
  <si>
    <t>ｺﾞﾏｱｴﾉﾓﾄｶﾚｰﾌｳﾐ</t>
  </si>
  <si>
    <t>16ｇ</t>
  </si>
  <si>
    <t>はちみつ青梅</t>
  </si>
  <si>
    <t>810G</t>
  </si>
  <si>
    <t>ハニープラスプルーン果実</t>
  </si>
  <si>
    <t>660G</t>
  </si>
  <si>
    <t>薄口醤油</t>
  </si>
  <si>
    <t>ｷｯｺｰﾏﾝﾏﾙﾀﾞｲｽﾞGABAｼｮ</t>
  </si>
  <si>
    <t>蒸し鍋の素白菜きのこと豚肉</t>
  </si>
  <si>
    <t>ポン酢風味大根おろし</t>
  </si>
  <si>
    <t>トマトと野菜のタルタルソース</t>
  </si>
  <si>
    <t>和風ドレ　ごましょうゆ</t>
  </si>
  <si>
    <t>15ｍｌ</t>
  </si>
  <si>
    <t>QP九州を味わう柚子ｺｼｮｳ＆ﾏﾖ</t>
  </si>
  <si>
    <t>205G</t>
  </si>
  <si>
    <t>ミックス焼そばオタフクソース</t>
  </si>
  <si>
    <t>復刻版だしの素粉末</t>
  </si>
  <si>
    <t>うまみしっかりだし</t>
  </si>
  <si>
    <t>焙煎いりこだし</t>
  </si>
  <si>
    <t>6g*8P</t>
  </si>
  <si>
    <t>嶋屋冶兵衛焼あごだし</t>
  </si>
  <si>
    <t>７ｇｘ６</t>
  </si>
  <si>
    <t>シマヤかつおだし</t>
  </si>
  <si>
    <t>8g*14本</t>
  </si>
  <si>
    <t>無添加かつおだし</t>
  </si>
  <si>
    <t>5g*6</t>
  </si>
  <si>
    <t>無添加焼きあごだし</t>
  </si>
  <si>
    <t>焼あごだし袋</t>
  </si>
  <si>
    <t>8ｇ*7</t>
  </si>
  <si>
    <t>うまみの素</t>
  </si>
  <si>
    <t>ピクルスのもと</t>
  </si>
  <si>
    <t>たれぽんコク旨たまねぎ</t>
  </si>
  <si>
    <t>たれぽんあっさり柑橘</t>
  </si>
  <si>
    <t>ゆずディップ</t>
  </si>
  <si>
    <t>ごまディップ</t>
  </si>
  <si>
    <t>アヒージョの素</t>
  </si>
  <si>
    <t>16G</t>
  </si>
  <si>
    <t>ｲﾀﾘｱﾝﾐｸｽ　鶏肉のﾊｰﾌﾞｿﾃｰ</t>
  </si>
  <si>
    <t>ｲﾀﾘｱﾝﾐｸｽ　豚肉のｶﾞｰﾘｯｸｿﾃ</t>
  </si>
  <si>
    <t>ドレダイエットガーリック醤油</t>
  </si>
  <si>
    <t>１８５ＭＬ</t>
  </si>
  <si>
    <t>ｵｲﾘｵ</t>
  </si>
  <si>
    <t>ドレダイエットプレミアム３柑橘</t>
  </si>
  <si>
    <t>お茶碗サイズどんぶり中華丼</t>
  </si>
  <si>
    <t>お茶碗サイズどんぶり親子丼</t>
  </si>
  <si>
    <t>わさびからしセット</t>
  </si>
  <si>
    <t>ﾊｳｽ</t>
  </si>
  <si>
    <t>ｺｸﾏﾛｶﾚｰﾏｲﾙﾄﾞｱﾏｸﾁ</t>
  </si>
  <si>
    <t>シチューミクス　ビーフ</t>
  </si>
  <si>
    <t>シチューミクス　スイートコー</t>
  </si>
  <si>
    <t>こくまろ中辛ワンピース企画品</t>
  </si>
  <si>
    <t>143g</t>
  </si>
  <si>
    <t>特撰初茜</t>
  </si>
  <si>
    <t>ﾁｷﾝ南蛮のたれ</t>
  </si>
  <si>
    <t>260ｍｌ</t>
  </si>
  <si>
    <t>焼とりの素梅酢味</t>
  </si>
  <si>
    <t>ﾊﾟｽﾀｿｰｽｼﾞｭﾉﾍﾞｰｾﾞ</t>
  </si>
  <si>
    <t>150ＭＬ</t>
  </si>
  <si>
    <t>ゆふいんの森ドレッシング和風味</t>
  </si>
  <si>
    <t>ゆふいんの森ドレッシングクリーミ</t>
  </si>
  <si>
    <t>ゆふいんの森ドレッシングスパイシ</t>
  </si>
  <si>
    <t>アラ　スタンドパック</t>
  </si>
  <si>
    <t>142ｇ</t>
  </si>
  <si>
    <t>しいアラ</t>
  </si>
  <si>
    <t>133ｇ</t>
  </si>
  <si>
    <t>アラ！っこミニ瓶</t>
  </si>
  <si>
    <t>72ｇ</t>
  </si>
  <si>
    <t>とろみだし</t>
  </si>
  <si>
    <t>4Ｐ</t>
  </si>
  <si>
    <t>うなぎてり焼きたれ</t>
  </si>
  <si>
    <t>赤しそノンオイルドレッシング</t>
  </si>
  <si>
    <t>ﾌﾞﾙﾄﾞｯｸしょうが焼き</t>
  </si>
  <si>
    <t>オリーブオイル食べ比べセット</t>
  </si>
  <si>
    <t>70ｇ*2</t>
  </si>
  <si>
    <t>天草カルパッチョドレッシング</t>
  </si>
  <si>
    <t>ﾌﾝﾄﾞｰﾀﾞｲらっきょう酢</t>
  </si>
  <si>
    <t>ﾌﾝﾄﾞ-ﾀﾞｲ酢のもの酢</t>
  </si>
  <si>
    <t>ソース　カレンダー</t>
  </si>
  <si>
    <t>2.8ｍｌ*10</t>
  </si>
  <si>
    <t>ﾊﾁ唐がらし(中荒)</t>
  </si>
  <si>
    <t>たっぷりクリームシチュー</t>
  </si>
  <si>
    <t>２２０ｇ</t>
  </si>
  <si>
    <t>カレ－うどんの素関西風味</t>
  </si>
  <si>
    <t>ハチ食品　チーズドリア</t>
  </si>
  <si>
    <t>男の絶品　旨辛カレー</t>
  </si>
  <si>
    <t>ちょいクック　回鍋肉の素</t>
  </si>
  <si>
    <t>10.5ｇ*3</t>
  </si>
  <si>
    <t>ヒーリングっどプリキュアプチカレ</t>
  </si>
  <si>
    <t>ﾏｽﾔﾕｽﾞｺﾞｼｮｳﾓﾛﾐ</t>
  </si>
  <si>
    <t>ﾏｽﾔｱﾏｸﾁﾓﾛﾐﾐｿ</t>
  </si>
  <si>
    <t>ﾏｽﾔﾋﾁﾐﾓﾛﾐﾐｿ</t>
  </si>
  <si>
    <t>ﾏｽﾔｵﾃｶﾞﾙﾕｽﾞｲﾘｶﾅﾔﾏﾐｿ</t>
  </si>
  <si>
    <t>ﾏｽﾔｵﾃｶﾞﾙｼｮｳﾕｶｯﾌﾟ</t>
  </si>
  <si>
    <t>桃屋つゆ小徳利2</t>
  </si>
  <si>
    <t>五目釜飯の素</t>
  </si>
  <si>
    <t>ﾃｰﾌﾞﾙL</t>
  </si>
  <si>
    <t>山菜釜飯の素</t>
  </si>
  <si>
    <t>きのこ釜飯の素</t>
  </si>
  <si>
    <t>具だくさん台湾ラ－ユ</t>
  </si>
  <si>
    <t>ｸﾞﾚｰﾌﾟｼｰﾄﾞｵｲﾙﾄﾞﾚｯｼﾝｸ</t>
  </si>
  <si>
    <t>ｵﾘｰﾌﾞｵｲﾙﾄﾞﾚｯｼﾝｸﾞ</t>
  </si>
  <si>
    <t>ｾｻﾐｵｲﾙﾄﾞﾚｯｼﾝｸﾞ</t>
  </si>
  <si>
    <t>味一番花かつお</t>
  </si>
  <si>
    <t>2.5GX10</t>
  </si>
  <si>
    <t>4ｇ*12</t>
  </si>
  <si>
    <t>4ｇ*14</t>
  </si>
  <si>
    <t>味わいこくだし</t>
  </si>
  <si>
    <t>贅沢合わせだし</t>
  </si>
  <si>
    <t>だしパック　いりこ</t>
  </si>
  <si>
    <t>9ｇ*6</t>
  </si>
  <si>
    <t>更科堀井そばつゆ甘</t>
  </si>
  <si>
    <t>ストレートめんつゆ</t>
  </si>
  <si>
    <t>yamaki</t>
  </si>
  <si>
    <t>パン屋さんが作ったジャムストロベリー</t>
  </si>
  <si>
    <t>パン屋さんが作ったジャムマーマレード</t>
  </si>
  <si>
    <t>パン屋さんが作ったジャムブルーベリー</t>
  </si>
  <si>
    <t>ﾉﾝｵｲﾙﾍﾟｯﾊﾟｰ醤油</t>
  </si>
  <si>
    <t>セレクティ青じそ香るみぞれおろし</t>
  </si>
  <si>
    <t>セレクション黒酢100%玉ねぎ</t>
  </si>
  <si>
    <t>リケンのノンオイルドレッシング青</t>
  </si>
  <si>
    <t>ぶどう酢入り　玉ねぎソース</t>
  </si>
  <si>
    <t>いちごジャム瓶</t>
  </si>
  <si>
    <t>880ｇ</t>
  </si>
  <si>
    <t>オレンジマーマレード瓶</t>
  </si>
  <si>
    <t>ブルーベリージャム瓶</t>
  </si>
  <si>
    <t>天長　えごま油</t>
  </si>
  <si>
    <t>185G</t>
  </si>
  <si>
    <t>たまご焼きの素(ﾁｰｽﾞ)ｶﾚﾝﾀﾞｰ</t>
  </si>
  <si>
    <t>香味玉ねぎドレッシング</t>
  </si>
  <si>
    <t>ﾄｸｼﾏ</t>
  </si>
  <si>
    <t>胡麻ドレッシング</t>
  </si>
  <si>
    <t>シーザーサラダドレッシング</t>
  </si>
  <si>
    <t>マヨネ－ズ</t>
  </si>
  <si>
    <t>ﾏﾖﾈｰｽﾞ</t>
  </si>
  <si>
    <t>わたしだけのＭＡＭＭＭＡ</t>
  </si>
  <si>
    <t>しょうがの具マヨ</t>
  </si>
  <si>
    <t>わさびの具マヨ</t>
  </si>
  <si>
    <t>SSKマヨネーズ</t>
  </si>
  <si>
    <t>SSKﾌｰｽﾞ</t>
  </si>
  <si>
    <t>Ｓ－ＬＩＮＥドレッシングごま</t>
  </si>
  <si>
    <t>Ｓ－ＬＩＮＥドレッシング和風</t>
  </si>
  <si>
    <t>ﾀｺｽｻﾗﾀﾞﾄﾞﾚｯｼﾝｸﾞ</t>
  </si>
  <si>
    <t>チーズチゲドレッシング</t>
  </si>
  <si>
    <t>チーズみそバター風味ドレッシ</t>
  </si>
  <si>
    <t>チーズ味噌ドレッシング</t>
  </si>
  <si>
    <t>あかでみトマト</t>
  </si>
  <si>
    <t>チーズ明太子ドレッシング</t>
  </si>
  <si>
    <t>深煎りごまドレッシング</t>
  </si>
  <si>
    <t>野菜でサラダパスタドレッシン</t>
  </si>
  <si>
    <t>ごま山椒ドレッシング</t>
  </si>
  <si>
    <t>１６０ｍｌ</t>
  </si>
  <si>
    <t>金ごま香るドレッシング</t>
  </si>
  <si>
    <t>壷造り黒酢のコクと旨みドレッシン</t>
  </si>
  <si>
    <t>青じそノンオイル</t>
  </si>
  <si>
    <t>和ドレッシング</t>
  </si>
  <si>
    <t>ｲﾀﾘｱﾝﾄﾞﾚｯｼﾝｸﾞ</t>
  </si>
  <si>
    <t>ごまドレッシング</t>
  </si>
  <si>
    <t>うましおドレッシング</t>
  </si>
  <si>
    <t>朝漬けの素</t>
  </si>
  <si>
    <t>醸源一般用</t>
  </si>
  <si>
    <t>醸源醸造用味噌200ｇ</t>
  </si>
  <si>
    <t>生にんじんドレッシング</t>
  </si>
  <si>
    <t>米サラダオイル</t>
  </si>
  <si>
    <t>福岡製油</t>
  </si>
  <si>
    <t>ﾌｸｵｶｾｲﾕ</t>
  </si>
  <si>
    <t>醤油麹</t>
  </si>
  <si>
    <t>ｷﾉｺｾﾝﾀｰ</t>
  </si>
  <si>
    <t>水あめ</t>
  </si>
  <si>
    <t>純粋はちみつホワイトラベルポリ</t>
  </si>
  <si>
    <t>ﾏﾙｷからし300g袋</t>
  </si>
  <si>
    <t>木村ガーデンセンター</t>
  </si>
  <si>
    <t>赤しそ酢漬け</t>
  </si>
  <si>
    <t>からし漬の素</t>
  </si>
  <si>
    <t>あごだし入り白だし</t>
  </si>
  <si>
    <t>くばらあごだし入り　白だし</t>
  </si>
  <si>
    <t>AKASCO</t>
  </si>
  <si>
    <t>焼き飯ソ－ス</t>
  </si>
  <si>
    <t>煮物だし</t>
  </si>
  <si>
    <t>美濃特選本造り米酢3</t>
  </si>
  <si>
    <t>クリスタル梅大</t>
  </si>
  <si>
    <t>１ｋｇｘ10</t>
  </si>
  <si>
    <t>島原の田舎みそ</t>
  </si>
  <si>
    <t>ｺﾓﾘ</t>
  </si>
  <si>
    <t>川崎　たべるいりこ　長崎産</t>
  </si>
  <si>
    <t>ｱｵｼﾞﾙｷﾅｺ</t>
  </si>
  <si>
    <t>サクラ田舎味噌</t>
  </si>
  <si>
    <t>1Ｋｇ</t>
  </si>
  <si>
    <t>黒糖柿ピー</t>
  </si>
  <si>
    <t>甘露1.8L</t>
  </si>
  <si>
    <t>うまくち1.8L</t>
  </si>
  <si>
    <t>うすくち竹1.8L</t>
  </si>
  <si>
    <t>醤油化粧箱</t>
  </si>
  <si>
    <t>ＥＸバージンオリーブオイル</t>
  </si>
  <si>
    <t>ｸﾚﾓﾆｰﾆ</t>
  </si>
  <si>
    <t>アイゼンひまわり油</t>
  </si>
  <si>
    <t>小容量～40ｇ固形</t>
  </si>
  <si>
    <t>チキンコンソメ</t>
  </si>
  <si>
    <t>アジコンソメ</t>
  </si>
  <si>
    <t>コンソメ固形7個入り</t>
  </si>
  <si>
    <t>7P</t>
  </si>
  <si>
    <t>コンソメ顆粒</t>
  </si>
  <si>
    <t>5.3g×5P</t>
  </si>
  <si>
    <t>無添加コンソメチキン</t>
  </si>
  <si>
    <t>無添加のコンソメ野菜</t>
  </si>
  <si>
    <t>4.5g×8P</t>
  </si>
  <si>
    <t>小容量～40ｇ粉体</t>
  </si>
  <si>
    <t>味の素KKコンソメ固形30個入パウチ</t>
  </si>
  <si>
    <t>159g</t>
  </si>
  <si>
    <t>無添加コンソメ顆粒</t>
  </si>
  <si>
    <t>無添加チキンコンソメ顆粒</t>
  </si>
  <si>
    <t>化学調味料無添加コンソメ</t>
  </si>
  <si>
    <t>マギー無添加コンソメ4.5g×8</t>
  </si>
  <si>
    <t>無添加コンソメ野菜</t>
  </si>
  <si>
    <t>4.5g×8本入</t>
  </si>
  <si>
    <t>マギーコンソメ無添加野菜</t>
  </si>
  <si>
    <t>コンソメ無添加</t>
  </si>
  <si>
    <t>8本</t>
  </si>
  <si>
    <t>コンソメスティックタイプ</t>
  </si>
  <si>
    <t>6g×5本</t>
  </si>
  <si>
    <t>中容量41～100ｇ固形</t>
  </si>
  <si>
    <t>5箱セット</t>
  </si>
  <si>
    <t>コンソメ塩分ひかえめ固形</t>
  </si>
  <si>
    <t>5.3g×15P</t>
  </si>
  <si>
    <t>マギーコンソメ顆粒</t>
  </si>
  <si>
    <t>万能洋食コンソメ</t>
  </si>
  <si>
    <t>中容量41～100ｇ粉体</t>
  </si>
  <si>
    <t>コンソメ顆粒容器</t>
  </si>
  <si>
    <t>コンソメ顆粒袋</t>
  </si>
  <si>
    <t>洋風だし一番　８ＧＸ１０包</t>
  </si>
  <si>
    <t>無添加コンソメ</t>
  </si>
  <si>
    <t>18本入+2本入</t>
  </si>
  <si>
    <t>コンソメ減塩タイプ</t>
  </si>
  <si>
    <t>大容量101g～固形</t>
  </si>
  <si>
    <t>コンソメ固形21個入箱111.3g3個セット</t>
  </si>
  <si>
    <t>コンソメ固形</t>
  </si>
  <si>
    <t>111.3g</t>
  </si>
  <si>
    <t>コンソメパウチ３０個</t>
  </si>
  <si>
    <t>5.3g×30</t>
  </si>
  <si>
    <t>コンソメチキン</t>
  </si>
  <si>
    <t>5.3g×21P</t>
  </si>
  <si>
    <t>大容量101g～粉体</t>
  </si>
  <si>
    <t>コンソメ_徳用</t>
  </si>
  <si>
    <t>顆粒コンソメ</t>
  </si>
  <si>
    <t>コンソメふりだしタイプ</t>
  </si>
  <si>
    <t>クノールコンソメ</t>
  </si>
  <si>
    <t>クノールチキンコンソメ　箱</t>
  </si>
  <si>
    <t>さらっと溶けるスープの素コンソメ</t>
  </si>
  <si>
    <t>徳用さらっと溶けるスープの素コンソメ</t>
  </si>
  <si>
    <t>ブイヨン</t>
  </si>
  <si>
    <t>ﾏｷﾞ-_ﾌﾞｲﾖﾝ10粒ﾌﾞﾘｽﾀ-ﾊﾟｯｸ_4G*10</t>
  </si>
  <si>
    <t>マギーハーブブイヨン</t>
  </si>
  <si>
    <t>2g×5</t>
  </si>
  <si>
    <t>無添加のブイヨン</t>
  </si>
  <si>
    <t>7p</t>
  </si>
  <si>
    <t>ﾏｷﾞｰ_ﾌﾞｲﾖﾝ　袋</t>
  </si>
  <si>
    <t>無添加ブイヨン</t>
  </si>
  <si>
    <t>4g×7</t>
  </si>
  <si>
    <t>マギーブイヨンスティック７Ｐ</t>
  </si>
  <si>
    <t>４ｇ＊７</t>
  </si>
  <si>
    <t>ﾏｷﾞ-</t>
  </si>
  <si>
    <t>アレルゲン27品目不使用ブイヨン</t>
  </si>
  <si>
    <t>4g×7P</t>
  </si>
  <si>
    <t>マギー_ブイヨン袋入り</t>
  </si>
  <si>
    <t>クノール　フォンドボー</t>
  </si>
  <si>
    <t>優れだし洋風ブイヨン</t>
  </si>
  <si>
    <t>5g×9ﾎﾝ</t>
  </si>
  <si>
    <t>アレルゲン対応無添加ブイヨン</t>
  </si>
  <si>
    <t>マギーブイヨン無添加アレルギー28品目不使用</t>
  </si>
  <si>
    <t>マギーコンソメ無添加</t>
  </si>
  <si>
    <t>国産野菜のブイヨン</t>
  </si>
  <si>
    <t>4g×6P</t>
  </si>
  <si>
    <t>四季彩々　欧風だし</t>
  </si>
  <si>
    <t>ブイヨン　２０コイリ</t>
  </si>
  <si>
    <t>ブイヨン袋</t>
  </si>
  <si>
    <t>20個入</t>
  </si>
  <si>
    <t>ブイヨン袋3個増量</t>
  </si>
  <si>
    <t>4g×20+3P</t>
  </si>
  <si>
    <t>マギーブイヨン</t>
  </si>
  <si>
    <t>野菜ブイヨン</t>
  </si>
  <si>
    <t>ブイヨンキューブ</t>
  </si>
  <si>
    <t>4g×100P</t>
  </si>
  <si>
    <t>4g×50P</t>
  </si>
  <si>
    <t>50P</t>
  </si>
  <si>
    <t>韓国</t>
  </si>
  <si>
    <t>中容量41～100ｇ</t>
  </si>
  <si>
    <t>韓ダシ　牛肉ダシの素</t>
  </si>
  <si>
    <t>韓ダシ　いりこダシの素</t>
  </si>
  <si>
    <t>化学調味料無添加の韓国だし（袋）</t>
  </si>
  <si>
    <t>大容量101g～</t>
  </si>
  <si>
    <t>牛肉ダシダ</t>
  </si>
  <si>
    <t>韓国だし</t>
  </si>
  <si>
    <t>牛ダシダ</t>
  </si>
  <si>
    <t>うどんスープ・おでん</t>
  </si>
  <si>
    <t>うどんスープ</t>
  </si>
  <si>
    <t>小容量～40ｇ</t>
  </si>
  <si>
    <t>釜玉うどんの素焼あごだし風味3袋入</t>
  </si>
  <si>
    <t>釜玉うどんの素和風カレー味3袋入</t>
  </si>
  <si>
    <t>うどんスープカレンダー</t>
  </si>
  <si>
    <t>8g×3P</t>
  </si>
  <si>
    <t>カレーうどんスープ</t>
  </si>
  <si>
    <t>粉末うどんスープ</t>
  </si>
  <si>
    <t>博多うどんスープ</t>
  </si>
  <si>
    <t>中容量41～80ｇ</t>
  </si>
  <si>
    <t>6個×5</t>
  </si>
  <si>
    <t>うまいうどん</t>
  </si>
  <si>
    <t>カレーおでんの素</t>
  </si>
  <si>
    <t>みそ煮込みうどんスープ</t>
  </si>
  <si>
    <t>いりこうどんだし</t>
  </si>
  <si>
    <t>焼きあごうどんだし</t>
  </si>
  <si>
    <t>9g×6</t>
  </si>
  <si>
    <t>讃岐風うどんだし</t>
  </si>
  <si>
    <t>9g×6P</t>
  </si>
  <si>
    <t>だしを味わうそばつゆ本枯節と宗田節</t>
  </si>
  <si>
    <t>うどんスープの素</t>
  </si>
  <si>
    <t>ミツカン　だしリッチ　うどんつゆ　袋５４ｇ</t>
  </si>
  <si>
    <t>うどんだし</t>
  </si>
  <si>
    <t>徳用うどんスープ</t>
  </si>
  <si>
    <t>8g×8袋入</t>
  </si>
  <si>
    <t>減塩うどんスープ</t>
  </si>
  <si>
    <t>8g×6P</t>
  </si>
  <si>
    <t>博多うどんそばスープ</t>
  </si>
  <si>
    <t>15g×5P</t>
  </si>
  <si>
    <t>長崎ちゃんぽんスープ</t>
  </si>
  <si>
    <t>13g×5P</t>
  </si>
  <si>
    <t>13g×4P</t>
  </si>
  <si>
    <t>長崎ちゃんぽんスープ　袋１３ｇ×５</t>
  </si>
  <si>
    <t>13g×5</t>
  </si>
  <si>
    <t>割烹白だし仕立てうどんのだし</t>
  </si>
  <si>
    <t>割烹白だし仕立て減塩うどんだし</t>
  </si>
  <si>
    <t>うどんのだし</t>
  </si>
  <si>
    <t>大容量81g～</t>
  </si>
  <si>
    <t>なっとくのカレーうどんの素　中辛</t>
  </si>
  <si>
    <t>うどんスープの素12P東</t>
  </si>
  <si>
    <t>111.6g</t>
  </si>
  <si>
    <t>うどんスープの素12P（西）</t>
  </si>
  <si>
    <t>吉田のうどんだしMAX</t>
  </si>
  <si>
    <t>8gX18ﾌｸﾛ</t>
  </si>
  <si>
    <t>うどんスープ20食箱</t>
  </si>
  <si>
    <t>割烹白だし仕立てうどんだし</t>
  </si>
  <si>
    <t>8g×20P</t>
  </si>
  <si>
    <t>うどんつゆの素</t>
  </si>
  <si>
    <t>そばスープ</t>
  </si>
  <si>
    <t>そばのおだし</t>
  </si>
  <si>
    <t>そばスープボックス4袋ディスプレイ60箱</t>
  </si>
  <si>
    <t>おでんの素</t>
  </si>
  <si>
    <t>おでんの素6個セット</t>
  </si>
  <si>
    <t>おでん横丁お徳用袋入り5個セット</t>
  </si>
  <si>
    <t>おでんの素3個セット</t>
  </si>
  <si>
    <t>おでんの素5個セット</t>
  </si>
  <si>
    <t>おでんのもと</t>
  </si>
  <si>
    <t>袋入りおでんの素</t>
  </si>
  <si>
    <t>みそおでんの素</t>
  </si>
  <si>
    <t>77.2g</t>
  </si>
  <si>
    <t>オデンノモト</t>
  </si>
  <si>
    <t>おでん和風だし</t>
  </si>
  <si>
    <t>おでんセット</t>
  </si>
  <si>
    <t>その他麺スープ</t>
  </si>
  <si>
    <t>ちゃんぽんうどんスープ</t>
  </si>
  <si>
    <t>つけ麺うどんスープ</t>
  </si>
  <si>
    <t>16g×2P</t>
  </si>
  <si>
    <t>タンメンスープ</t>
  </si>
  <si>
    <t>ちゃんぽんスープ</t>
  </si>
  <si>
    <t>粉末ちゃんぽんスープ</t>
  </si>
  <si>
    <t>関西風やきそばソース</t>
  </si>
  <si>
    <t>カレーうどんの素</t>
  </si>
  <si>
    <t>だしカレーうどんの素</t>
  </si>
  <si>
    <t>焼うどんの素</t>
  </si>
  <si>
    <t>25g×3P</t>
  </si>
  <si>
    <t>ラーメンスープ</t>
  </si>
  <si>
    <t>9g×8袋入</t>
  </si>
  <si>
    <t>ラーメンスープ華味正油味</t>
  </si>
  <si>
    <t>ラーメンスープ華味塩味</t>
  </si>
  <si>
    <t>チャンポンスープ</t>
  </si>
  <si>
    <t>おでんの素ﾃﾞｨｽﾌﾟﾚｲ付特荷</t>
  </si>
  <si>
    <t>9.4kg</t>
  </si>
  <si>
    <t>おでんの素現物付特荷10.7K</t>
  </si>
  <si>
    <t>10.7kg</t>
  </si>
  <si>
    <t>ﾌﾟﾁｯとｳﾄﾞﾝの素魚介豚骨醤油</t>
  </si>
  <si>
    <t>22G*4</t>
  </si>
  <si>
    <t>エバラプチッとうどんカレー</t>
  </si>
  <si>
    <t>43g×3</t>
  </si>
  <si>
    <t>8gX6</t>
  </si>
  <si>
    <t>ﾋｶﾞｼﾏﾙ_ﾗｰﾒﾝｽｰﾌﾟ_6食</t>
  </si>
  <si>
    <t>ラーメンスープ華味味噌味</t>
  </si>
  <si>
    <t>万能だし</t>
  </si>
  <si>
    <t>和風カレー仕立てのうどんスープ</t>
  </si>
  <si>
    <t>RC</t>
  </si>
  <si>
    <t>一風堂秘伝のとんこつダシ</t>
  </si>
  <si>
    <t>だしパック</t>
  </si>
  <si>
    <t>小容量～10袋</t>
  </si>
  <si>
    <t>万能博多あご入りふりだし</t>
  </si>
  <si>
    <t>和光</t>
  </si>
  <si>
    <t>ﾜｺｳ</t>
  </si>
  <si>
    <t>焼きあご天然だしぱっく</t>
  </si>
  <si>
    <t>5g×10P</t>
  </si>
  <si>
    <t>乾味百撰あごだしパック</t>
  </si>
  <si>
    <t>10g×8P</t>
  </si>
  <si>
    <t>乾味百撰かつおだしパック</t>
  </si>
  <si>
    <t>乾味百撰あわせだしパック</t>
  </si>
  <si>
    <t>乾味百撰にぼしだしパック</t>
  </si>
  <si>
    <t>あごだしパック</t>
  </si>
  <si>
    <t>10g×10</t>
  </si>
  <si>
    <t>アゴダシパック６Ｐ</t>
  </si>
  <si>
    <t>あごだしティーバッグ</t>
  </si>
  <si>
    <t>アゴだし</t>
  </si>
  <si>
    <t>金の飛魚だし</t>
  </si>
  <si>
    <t>長崎海産</t>
  </si>
  <si>
    <t>ｻｶﾞｻｷｶｲｻﾝ</t>
  </si>
  <si>
    <t>ﾅｶﾞｻｷｶｲｻﾝ</t>
  </si>
  <si>
    <t>焼あじだしパック</t>
  </si>
  <si>
    <t>和風だし千代の一番</t>
  </si>
  <si>
    <t>鰹ふりだし</t>
  </si>
  <si>
    <t>8.8g×10P</t>
  </si>
  <si>
    <t>あご入り鰹ふりだし</t>
  </si>
  <si>
    <t>無添加博多あご入りふりだし</t>
  </si>
  <si>
    <t>7包</t>
  </si>
  <si>
    <t>減塩無添加博多あご入りふりだし</t>
  </si>
  <si>
    <t>ほんだし濃厚だしパウチ</t>
  </si>
  <si>
    <t>名島屋一番だし</t>
  </si>
  <si>
    <t>博多名島屋一番だし10袋詰</t>
  </si>
  <si>
    <t>6g×10袋</t>
  </si>
  <si>
    <t>黄金だしパック</t>
  </si>
  <si>
    <t>天然だしの素パック</t>
  </si>
  <si>
    <t>かつお節と煮干しの旨味だしパック</t>
  </si>
  <si>
    <t>だしてんねん</t>
  </si>
  <si>
    <t>ふりだし</t>
  </si>
  <si>
    <t>無添加だしパック合わせ味</t>
  </si>
  <si>
    <t>鰹節屋のだしパック</t>
  </si>
  <si>
    <t>9g×8P</t>
  </si>
  <si>
    <t>おいしい味噌汁のためのおだしパック</t>
  </si>
  <si>
    <t>おいしいうどんのためのおだしパック</t>
  </si>
  <si>
    <t>天然素材だしパック合わせ８Ｐ</t>
  </si>
  <si>
    <t>だしぱっく　１０Ｐ</t>
  </si>
  <si>
    <t>大田記念病院が考えただしパック</t>
  </si>
  <si>
    <t>天然だしパック</t>
  </si>
  <si>
    <t>弥永商店</t>
  </si>
  <si>
    <t>ﾔﾅｶﾞｼｮｳﾃﾝ</t>
  </si>
  <si>
    <t>ブロスつくってあげたいみそ汁のおだし</t>
  </si>
  <si>
    <t>味の兵四郎</t>
  </si>
  <si>
    <t>ｱｼﾞﾉﾍｲｼﾛｳ</t>
  </si>
  <si>
    <t>久世福のだし</t>
  </si>
  <si>
    <t>7g×5P</t>
  </si>
  <si>
    <t>サンクゼール</t>
  </si>
  <si>
    <t>ｻﾝｸｾﾞｰﾙ</t>
  </si>
  <si>
    <t>鰹ふりだし　１０P</t>
  </si>
  <si>
    <t>８８ｇ</t>
  </si>
  <si>
    <t>野菜だし　７P</t>
  </si>
  <si>
    <t>和風だし　１０P</t>
  </si>
  <si>
    <t>中華だし　７Ｐ</t>
  </si>
  <si>
    <t>５２．５ｇ</t>
  </si>
  <si>
    <t>とくだし</t>
  </si>
  <si>
    <t>徳屋義商事</t>
  </si>
  <si>
    <t>ﾄｸﾔｷﾞｼｮｳｼﾞ</t>
  </si>
  <si>
    <t>ほめられ香りだし</t>
  </si>
  <si>
    <t>10g×10P</t>
  </si>
  <si>
    <t>鰹だしあご入り</t>
  </si>
  <si>
    <t>だし取り職人</t>
  </si>
  <si>
    <t>ﾕﾀｶﾌｰｽﾞ</t>
  </si>
  <si>
    <t>中容量11～20袋</t>
  </si>
  <si>
    <t>博多　うまかだし</t>
  </si>
  <si>
    <t>８ｇ×１６</t>
  </si>
  <si>
    <t>ﾊﾁﾈﾝｱﾝ</t>
  </si>
  <si>
    <t>八年庵博多うまかだし</t>
  </si>
  <si>
    <t>8g×16袋入</t>
  </si>
  <si>
    <t>八年庵</t>
  </si>
  <si>
    <t>名島屋新だし</t>
  </si>
  <si>
    <t>8g×15</t>
  </si>
  <si>
    <t>嶋屋治兵衛和食のだし</t>
  </si>
  <si>
    <t>8g×18P</t>
  </si>
  <si>
    <t>合わせだしパック</t>
  </si>
  <si>
    <t>マルトモ　Ａ天然だしパック</t>
  </si>
  <si>
    <t>10g×15</t>
  </si>
  <si>
    <t>味パック</t>
  </si>
  <si>
    <t>7g×15P</t>
  </si>
  <si>
    <t>国産魚介金のだしパック</t>
  </si>
  <si>
    <t>1パック</t>
  </si>
  <si>
    <t>国産魚介銀のだしパック</t>
  </si>
  <si>
    <t>天然だしパックかつお味</t>
  </si>
  <si>
    <t>和風合わせだし</t>
  </si>
  <si>
    <t>8g×12P</t>
  </si>
  <si>
    <t>大容量21袋～</t>
  </si>
  <si>
    <t>名島屋新だし8g×50袋</t>
  </si>
  <si>
    <t>自然だし</t>
  </si>
  <si>
    <t>8g×50P</t>
  </si>
  <si>
    <t>かね七天然だしの素</t>
  </si>
  <si>
    <t>8g×30P</t>
  </si>
  <si>
    <t>業務用天然だしパックＡ</t>
  </si>
  <si>
    <t>50Gﾊﾞﾂ20</t>
  </si>
  <si>
    <t>だしてんねんガゼット</t>
  </si>
  <si>
    <t>徳用だしパック合わせ味</t>
  </si>
  <si>
    <t>厳選素材無添加鰹だし</t>
  </si>
  <si>
    <t>7g×7P</t>
  </si>
  <si>
    <t>かつおだしパック（枯れ本節）</t>
  </si>
  <si>
    <t>10g×7</t>
  </si>
  <si>
    <t>かつおだしパック（荒本節）</t>
  </si>
  <si>
    <t>ポーションだしかつおこんぶ</t>
  </si>
  <si>
    <t>10ml×4</t>
  </si>
  <si>
    <t>ポーションだし鶏がらかつお</t>
  </si>
  <si>
    <t>だしパックかつお</t>
  </si>
  <si>
    <t>直火焼本かつおだしパック</t>
  </si>
  <si>
    <t>無添加だしパックかつお味</t>
  </si>
  <si>
    <t>9g×8</t>
  </si>
  <si>
    <t>天然素材だしパックかつお８Ｐ</t>
  </si>
  <si>
    <t>巾着だしパックかつお</t>
  </si>
  <si>
    <t>名島屋　新だし（かつお）</t>
  </si>
  <si>
    <t>ﾅｼﾞﾏﾔ</t>
  </si>
  <si>
    <t>だしパックかつお味20袋</t>
  </si>
  <si>
    <t>天然だしパックかつお</t>
  </si>
  <si>
    <t>9g×20</t>
  </si>
  <si>
    <t>かね七風味調味料かつおだし4g×30</t>
  </si>
  <si>
    <t>4GX30</t>
  </si>
  <si>
    <t>ジカビヤキホンガツオダシノモト</t>
  </si>
  <si>
    <t>休日だしほたて貝柱だし</t>
  </si>
  <si>
    <t>休日だしえびだし</t>
  </si>
  <si>
    <t>煮干だしパック</t>
  </si>
  <si>
    <t>静岡おでんの素</t>
  </si>
  <si>
    <t>フンドーダイ　和風白だし</t>
  </si>
  <si>
    <t>フリダシ５Ｐ</t>
  </si>
  <si>
    <t>だしパックいりこ</t>
  </si>
  <si>
    <t>焙焼煮干だしパック</t>
  </si>
  <si>
    <t>無添加だしパックいりこ味</t>
  </si>
  <si>
    <t>天然素材だしパックいりこ８Ｐ</t>
  </si>
  <si>
    <t>いりこだし　１０Ｐ</t>
  </si>
  <si>
    <t>いりこだしパック</t>
  </si>
  <si>
    <t>巾着だしパック煮干</t>
  </si>
  <si>
    <t>ほめられ香りだし鶏だし</t>
  </si>
  <si>
    <t>名島屋　一番だし（いりこ）</t>
  </si>
  <si>
    <t>10g×15P</t>
  </si>
  <si>
    <t>マルカイフーズ</t>
  </si>
  <si>
    <t>ﾏﾙｶｲﾌｰｽﾞ</t>
  </si>
  <si>
    <t>天然だしパックいりこ</t>
  </si>
  <si>
    <t>ウィルビー和風万能だしやすまる赤</t>
  </si>
  <si>
    <t>264g</t>
  </si>
  <si>
    <t>ｳｨﾙﾋﾞｰ</t>
  </si>
  <si>
    <t>ウィルビー極上海鮮だしやすまる青</t>
  </si>
  <si>
    <t>ｳｪﾙﾋﾞ</t>
  </si>
  <si>
    <t>ウィルビー贅沢ローストだしやすまる緑</t>
  </si>
  <si>
    <t>粉類</t>
  </si>
  <si>
    <t>天ぷら粉</t>
  </si>
  <si>
    <t>～４００ｇ</t>
  </si>
  <si>
    <t>楽々天</t>
  </si>
  <si>
    <t>天ぷら粉楽々天</t>
  </si>
  <si>
    <t>昭和カラッと簡単天ぷら粉</t>
  </si>
  <si>
    <t>もう揚げない焼き天ぷらの素</t>
  </si>
  <si>
    <t>げんきや監修とり天粉</t>
  </si>
  <si>
    <t>ﾆｯｼﾝｳｪﾙﾅ</t>
  </si>
  <si>
    <t>特上天ぷら粉_名店の技</t>
  </si>
  <si>
    <t>日清げんき屋監修とり天粉</t>
  </si>
  <si>
    <t>コツのいらない天ぷら粉</t>
  </si>
  <si>
    <t>沖縄塩で食べる天ぷら粉</t>
  </si>
  <si>
    <t>抹茶塩で食べる天ぷら粉</t>
  </si>
  <si>
    <t>３種の塩付　天ぷら粉</t>
  </si>
  <si>
    <t>油少なめがうれしいまかせて粉</t>
  </si>
  <si>
    <t>油少なめ天ぷら粉</t>
  </si>
  <si>
    <t>日本の天ぷら粉</t>
  </si>
  <si>
    <t>華さくり天ぷら粉</t>
  </si>
  <si>
    <t>はなさくり天ぷら粉</t>
  </si>
  <si>
    <t>天ぷら粉　吟天</t>
  </si>
  <si>
    <t>グルテンフリー天ぷら粉</t>
  </si>
  <si>
    <t>熊本製粉</t>
  </si>
  <si>
    <t>ｸﾏﾓﾄｾｲﾌﾝ</t>
  </si>
  <si>
    <t>てんから粉</t>
  </si>
  <si>
    <t>三倉産業　片栗粉　２２０ｇ</t>
  </si>
  <si>
    <t>三倉産業</t>
  </si>
  <si>
    <t>ﾐﾂｸﾗｻﾝｷﾞｮｳ</t>
  </si>
  <si>
    <t>４０１ｇ～</t>
  </si>
  <si>
    <t>300g+30g</t>
  </si>
  <si>
    <t>普段使う徳用パン粉</t>
  </si>
  <si>
    <t>ｴｺ-ﾌ-ｽﾞ</t>
  </si>
  <si>
    <t>天ぷら粉黄金</t>
  </si>
  <si>
    <t>MOCHIccoホットケーキミックス</t>
  </si>
  <si>
    <t>黄金天ぷら粉</t>
  </si>
  <si>
    <t>天ぷら粉チャック付</t>
  </si>
  <si>
    <t>ﾁﾁﾞﾐｺ</t>
  </si>
  <si>
    <t>テンプラコアゲジョウズ</t>
  </si>
  <si>
    <t>天ぷら粉_活菜上手</t>
  </si>
  <si>
    <t>天ぷら王</t>
  </si>
  <si>
    <t>こつのいらない天ぷら粉</t>
  </si>
  <si>
    <t>揚げなくていいから揚げ粉</t>
  </si>
  <si>
    <t>日本製粉日本の小麦</t>
  </si>
  <si>
    <t>天ぷらさくさくまかせて粉</t>
  </si>
  <si>
    <t>竜田揚げ粉しょうが風味</t>
  </si>
  <si>
    <t>ｵ-ﾏｲ</t>
  </si>
  <si>
    <t>極さくり　天ぷら粉</t>
  </si>
  <si>
    <t>もちもちすいとん</t>
  </si>
  <si>
    <t>天ぷら粉2</t>
  </si>
  <si>
    <t>天ぷら粉2kg__輝</t>
  </si>
  <si>
    <t>ﾘｹﾝﾉｳｻﾝ</t>
  </si>
  <si>
    <t>強力粉2kg鮎</t>
  </si>
  <si>
    <t>天ぷら粉業務用1kg</t>
  </si>
  <si>
    <t>ｸﾗｳﾝﾊﾟﾝ粉食ﾊﾟﾝ20</t>
  </si>
  <si>
    <t>ｸﾗｳﾝﾊﾟﾝ粉250g袋</t>
  </si>
  <si>
    <t>CFﾊﾟﾝ粉</t>
  </si>
  <si>
    <t>ｸﾗｳﾝ</t>
  </si>
  <si>
    <t>熊本製粉小麦の王様</t>
  </si>
  <si>
    <t>白熊中力粉</t>
  </si>
  <si>
    <t>てんぷら粉</t>
  </si>
  <si>
    <t>もっと野菜がおいしくなる天ぷ</t>
  </si>
  <si>
    <t>熊本ちょぼ焼粉</t>
  </si>
  <si>
    <t>120ｇ×2</t>
  </si>
  <si>
    <t>ｸﾏｺ</t>
  </si>
  <si>
    <t>米粉入もちもちお好み焼粉</t>
  </si>
  <si>
    <t>専用ミックス</t>
  </si>
  <si>
    <t>マッシュポテト</t>
  </si>
  <si>
    <t>三木食品</t>
  </si>
  <si>
    <t>ﾐｷｼｮｸﾋﾝ</t>
  </si>
  <si>
    <t>じゃがマッシュ</t>
  </si>
  <si>
    <t>カルビーポテト</t>
  </si>
  <si>
    <t>ｶﾙﾋﾞ-ﾎﾟﾃﾄ</t>
  </si>
  <si>
    <t>カルビー_マッシュポテト</t>
  </si>
  <si>
    <t>ｶﾜﾐﾂｼｮｳｼﾞ</t>
  </si>
  <si>
    <t>じゃがマッシュプレーン</t>
  </si>
  <si>
    <t>ｶﾙﾋﾞｰﾎﾟﾃﾄ</t>
  </si>
  <si>
    <t>北海道じゃがマッシュほんのりバター</t>
  </si>
  <si>
    <t>北海道じゃがマッシュプレーン</t>
  </si>
  <si>
    <t>お湯だけマッシュポテトプレーン</t>
  </si>
  <si>
    <t>ｶﾙﾋﾞｰ</t>
  </si>
  <si>
    <t>中村製粉</t>
  </si>
  <si>
    <t>ﾅｶﾑﾗｾｲﾌﾝ</t>
  </si>
  <si>
    <t>カレカレ料理の素</t>
  </si>
  <si>
    <t>ﾏﾏｼﾀｽ</t>
  </si>
  <si>
    <t>トシーノ料理の素</t>
  </si>
  <si>
    <t>アドボ料理の素</t>
  </si>
  <si>
    <t>カルデレタ料理の素</t>
  </si>
  <si>
    <t>バーベキューミックスの素</t>
  </si>
  <si>
    <t>メヌード料理の素</t>
  </si>
  <si>
    <t>タマリンドシーズニングホット</t>
  </si>
  <si>
    <t>九州パンケーキ</t>
  </si>
  <si>
    <t>九州テーブル</t>
  </si>
  <si>
    <t>ｷｭｳｼｭｳﾃｰﾌﾞ</t>
  </si>
  <si>
    <t>九州パンケーキバターミルク</t>
  </si>
  <si>
    <t>濃酵仕立_パルメザンチーズ</t>
  </si>
  <si>
    <t>ブレインズジャパン</t>
  </si>
  <si>
    <t>ﾌﾞﾚｲﾝｽﾞｼﾞｬ</t>
  </si>
  <si>
    <t>パンケーキミックス</t>
  </si>
  <si>
    <t>明石焼の素</t>
  </si>
  <si>
    <t>シニガンスープの素タマリンド風味</t>
  </si>
  <si>
    <t>フライドチキンミックスオリジナル</t>
  </si>
  <si>
    <t>AJINOMOTO</t>
  </si>
  <si>
    <t>GINISA_MIX_炒め料理の素</t>
  </si>
  <si>
    <t>エコパック麦茶24袋</t>
  </si>
  <si>
    <t>5ｇｘ24Ｐ</t>
  </si>
  <si>
    <t>小谷穀粉</t>
  </si>
  <si>
    <t>OSK</t>
  </si>
  <si>
    <t>マドレーヌミックス粉</t>
  </si>
  <si>
    <t>クレープミックス粉</t>
  </si>
  <si>
    <t>徳用クッキーミックス</t>
  </si>
  <si>
    <t>ショコラクッキーミックス粉</t>
  </si>
  <si>
    <t>そば粉</t>
  </si>
  <si>
    <t>フレンド</t>
  </si>
  <si>
    <t>フレンド粉</t>
  </si>
  <si>
    <t>焼きたてメロンパン</t>
  </si>
  <si>
    <t>もちもちドーナツミックス</t>
  </si>
  <si>
    <t>かんたんナンです</t>
  </si>
  <si>
    <t>かんたんピザです</t>
  </si>
  <si>
    <t>フライパンでつくれるピッツァミックス</t>
  </si>
  <si>
    <t>もう包まない混ぜ餃子の素</t>
  </si>
  <si>
    <t>しあわせの生食パンミックス</t>
  </si>
  <si>
    <t>王将の杜愛知県産きな粉</t>
  </si>
  <si>
    <t>味風情十勝産きな粉</t>
  </si>
  <si>
    <t>バイオレット</t>
  </si>
  <si>
    <t>日清フーズ手打ちうどん用粉</t>
  </si>
  <si>
    <t>ぜんりょうふんぱん</t>
  </si>
  <si>
    <t>ﾎｰﾑﾍﾞｰｶﾘｰ用_ふんわり仕上がるﾊﾟﾝﾐｯｸｽ_580</t>
  </si>
  <si>
    <t>ドーナツミックス極もっちり</t>
  </si>
  <si>
    <t>ドーナツミックス極ふわサク</t>
  </si>
  <si>
    <t>たけ粉</t>
  </si>
  <si>
    <t>まかせて粉</t>
  </si>
  <si>
    <t>コレデイイコ　ワフウショウユアジ</t>
  </si>
  <si>
    <t>これでいい粉　フライドチキン</t>
  </si>
  <si>
    <t>ニッ　油少なめまかせて粉</t>
  </si>
  <si>
    <t>ｵｰﾏｲﾌﾟﾗｽ乳酸菌入ﾎｯﾄｹｰｷM</t>
  </si>
  <si>
    <t>ザンギミックスうま塩味</t>
  </si>
  <si>
    <t>ザンギミックスまぶし</t>
  </si>
  <si>
    <t>アリスの森カスタードクリーム</t>
  </si>
  <si>
    <t>江戸麦茶</t>
  </si>
  <si>
    <t>常陸屋本舗</t>
  </si>
  <si>
    <t>ﾋﾀﾁﾔ</t>
  </si>
  <si>
    <t>ねぎニラ焼き</t>
  </si>
  <si>
    <t>2枚</t>
  </si>
  <si>
    <t>お徳用月島もんじゃ焼き</t>
  </si>
  <si>
    <t>4人前</t>
  </si>
  <si>
    <t>ブル　もんじゃ焼き２個パック</t>
  </si>
  <si>
    <t>すいとん粉</t>
  </si>
  <si>
    <t>きりたんぽ３本入り</t>
  </si>
  <si>
    <t>ホットケーキミックス業務用1kg</t>
  </si>
  <si>
    <t>チキン南蛮作り</t>
  </si>
  <si>
    <t>油淋鶏作り</t>
  </si>
  <si>
    <t>山芋鉄板焼きの素</t>
  </si>
  <si>
    <t>とり天粉</t>
  </si>
  <si>
    <t>だいこん餅</t>
  </si>
  <si>
    <t>日の影きなこ</t>
  </si>
  <si>
    <t>工藤豆腐</t>
  </si>
  <si>
    <t>ｸﾄﾞｳ</t>
  </si>
  <si>
    <t>ﾎﾟﾃﾄｻﾗﾀﾞﾒﾝﾀｲ</t>
  </si>
  <si>
    <t>ﾔﾏｲﾓﾃﾂﾊﾟﾝｷﾂﾄ</t>
  </si>
  <si>
    <t>北の風土すいとん粉袋</t>
  </si>
  <si>
    <t>ﾎｯﾄｹｰｷﾐｯｸｽ</t>
  </si>
  <si>
    <t>プチホームケーキ</t>
  </si>
  <si>
    <t>熊本県産米の粉</t>
  </si>
  <si>
    <t>ナンの素</t>
  </si>
  <si>
    <t>おいしいすいとん　袋</t>
  </si>
  <si>
    <t>日穀製粉</t>
  </si>
  <si>
    <t>ﾆﾂｺｸ</t>
  </si>
  <si>
    <t>日穀製粉おいしいすいとん</t>
  </si>
  <si>
    <t>ﾆｯｺｸｾｲﾌﾝ</t>
  </si>
  <si>
    <t>ﾋｶﾞｼﾌ-ｽﾞ</t>
  </si>
  <si>
    <t>ﾋｶﾞｼﾌｰｽﾞ</t>
  </si>
  <si>
    <t>迫田食品</t>
  </si>
  <si>
    <t>ｻｺﾀﾞ</t>
  </si>
  <si>
    <t>小麦粉</t>
  </si>
  <si>
    <t>強力粉</t>
  </si>
  <si>
    <t>～７５０ｇ</t>
  </si>
  <si>
    <t>ホームベーカリー専用　ブリオッシュミックス</t>
  </si>
  <si>
    <t>ｷｮｳﾘﾂ</t>
  </si>
  <si>
    <t>強力小麦粉クオリテ</t>
  </si>
  <si>
    <t>カメリヤチャック付</t>
  </si>
  <si>
    <t>ナチュラートパンピッツァ用</t>
  </si>
  <si>
    <t>ふっくらﾊﾟﾝ強力小麦粉</t>
  </si>
  <si>
    <t>ふっくらパン強力小麦粉スリムパック</t>
  </si>
  <si>
    <t>強力小麦粉</t>
  </si>
  <si>
    <t>強力粉九州のめぐみ袋</t>
  </si>
  <si>
    <t>７５１ｇ～</t>
  </si>
  <si>
    <t>薄力粉</t>
  </si>
  <si>
    <t>葵フーズ</t>
  </si>
  <si>
    <t>ｻﾝﾐｰﾙ</t>
  </si>
  <si>
    <t>光生強力粉</t>
  </si>
  <si>
    <t>カメリア</t>
  </si>
  <si>
    <t>パン専用小麦粉</t>
  </si>
  <si>
    <t>カメリアチャック付</t>
  </si>
  <si>
    <t>カメリヤスペシャルチャック付</t>
  </si>
  <si>
    <t>イーグル　小麦粉</t>
  </si>
  <si>
    <t>ゴールデンヨット</t>
  </si>
  <si>
    <t>ふっくらパン</t>
  </si>
  <si>
    <t>ふっくらパン強力粉</t>
  </si>
  <si>
    <t>ふっくらパンプレミアムヨット強力小麦粉</t>
  </si>
  <si>
    <t>強力小麦粉ゆめちからブレンド</t>
  </si>
  <si>
    <t>ぐりむ食品研究社</t>
  </si>
  <si>
    <t>ｸﾞﾘﾑ</t>
  </si>
  <si>
    <t>クラウン強力粉</t>
  </si>
  <si>
    <t>南部の強力粉</t>
  </si>
  <si>
    <t>中力粉</t>
  </si>
  <si>
    <t>雪</t>
  </si>
  <si>
    <t>18春日清国内麦小麦粉和麦</t>
  </si>
  <si>
    <t>雪チャック付</t>
  </si>
  <si>
    <t>いつもの小麦中力粉</t>
  </si>
  <si>
    <t>中力小麦粉1kg3個セット</t>
  </si>
  <si>
    <t>1kg*3</t>
  </si>
  <si>
    <t>中力小麦粉　1kg_5個ｾｯﾄ</t>
  </si>
  <si>
    <t>1000g*5</t>
  </si>
  <si>
    <t>手打ちうどん粉チャック付</t>
  </si>
  <si>
    <t>緑ダイヤ中力粉</t>
  </si>
  <si>
    <t>中力小麦粉</t>
  </si>
  <si>
    <t>上州地粉</t>
  </si>
  <si>
    <t>星野物産</t>
  </si>
  <si>
    <t>ﾎｼﾉ</t>
  </si>
  <si>
    <t>信州地粉中力粉</t>
  </si>
  <si>
    <t>柄木田製粉</t>
  </si>
  <si>
    <t>ｶﾗｷﾀｾｲﾌﾝ</t>
  </si>
  <si>
    <t>府金こなやさんのすいとんこ</t>
  </si>
  <si>
    <t>府金製粉</t>
  </si>
  <si>
    <t>ﾌｶﾞﾈｾｲﾌﾝ</t>
  </si>
  <si>
    <t>南部小麦粉</t>
  </si>
  <si>
    <t>さーたーあんだぎーミックス</t>
  </si>
  <si>
    <t>ﾅﾝﾎﾟｰ</t>
  </si>
  <si>
    <t>国内産小麦ソフトパン粉</t>
  </si>
  <si>
    <t>ｱｻﾋｼｮｸﾋﾝｺｳ</t>
  </si>
  <si>
    <t>薄力粉フレンド</t>
  </si>
  <si>
    <t>北海道小麦粉</t>
  </si>
  <si>
    <t>お菓子の小麦粉</t>
  </si>
  <si>
    <t>フラワー500g</t>
  </si>
  <si>
    <t>ﾆｯｼﾝﾌ-ｽﾞ</t>
  </si>
  <si>
    <t>小麦粉全粒粉料理用</t>
  </si>
  <si>
    <t>クッキングフラワー</t>
  </si>
  <si>
    <t>クッキングフラワー詰替</t>
  </si>
  <si>
    <t>全粒粉お菓子・料理用_チャック付</t>
  </si>
  <si>
    <t>クッキングフラワーチャック付</t>
  </si>
  <si>
    <t>フラワーチャック付</t>
  </si>
  <si>
    <t>ナチュラートお菓子用</t>
  </si>
  <si>
    <t>パンの小麦粉</t>
  </si>
  <si>
    <t>びっくり顆粒小麦粉</t>
  </si>
  <si>
    <t>国内産小麦粉チャック付</t>
  </si>
  <si>
    <t>国内麦小麦粉と米粉のから揚げ粉</t>
  </si>
  <si>
    <t>お好み焼粉セット</t>
  </si>
  <si>
    <t>三種の重ねだし仕立てのお好み</t>
  </si>
  <si>
    <t>ﾆｯｼﾝｾｲﾌﾝ</t>
  </si>
  <si>
    <t>ハート小麦粉</t>
  </si>
  <si>
    <t>こんな小麦粉欲しかった</t>
  </si>
  <si>
    <t>日本の小麦粉</t>
  </si>
  <si>
    <t>超さらさらハート</t>
  </si>
  <si>
    <t>ハートスティックタイプ薄力小麦粉</t>
  </si>
  <si>
    <t>ハートミニパック薄力小麦粉</t>
  </si>
  <si>
    <t>ハート薄力小麦粉</t>
  </si>
  <si>
    <t>たいまつ　米粉１００％薄力粉タイプ</t>
  </si>
  <si>
    <t>ﾌﾟﾙｺﾞｷ風ﾁｬｰﾊﾝの素分包</t>
  </si>
  <si>
    <t>炭火焼鳥風ﾁｬｰﾊﾝの素分包</t>
  </si>
  <si>
    <t>ﾎｯﾄｹｰｷﾐｯｸｽﾖｳｶｲｳｫｯﾁ</t>
  </si>
  <si>
    <t>155ｇ</t>
  </si>
  <si>
    <t>ﾁｮｺﾛｰﾄｹｰｷｷｯﾄﾖｳｶｲｳｵｯﾁ</t>
  </si>
  <si>
    <t>138ｇ</t>
  </si>
  <si>
    <t>味付きな粉</t>
  </si>
  <si>
    <t>13G*5</t>
  </si>
  <si>
    <t>九州産薄力小麦粉</t>
  </si>
  <si>
    <t>佐賀産こむぎ子ソフト</t>
  </si>
  <si>
    <t>レトルトカレーが更にオイシク</t>
  </si>
  <si>
    <t>三和薄力粉</t>
  </si>
  <si>
    <t>三和綜合食品</t>
  </si>
  <si>
    <t>ｻﾝﾜｿｳｺﾞｳ</t>
  </si>
  <si>
    <t>くまもんの薄力粉</t>
  </si>
  <si>
    <t>ｸﾏﾌﾝ</t>
  </si>
  <si>
    <t>くまもんの強力粉</t>
  </si>
  <si>
    <t>もちはるこ</t>
  </si>
  <si>
    <t>熊本県産薄力小麦粉</t>
  </si>
  <si>
    <t>里心</t>
  </si>
  <si>
    <t>新米粉</t>
  </si>
  <si>
    <t>片栗粉</t>
  </si>
  <si>
    <t>薄力粉3個セット</t>
  </si>
  <si>
    <t>フラワー3個セット</t>
  </si>
  <si>
    <t>薄力小麦粉×5個セット</t>
  </si>
  <si>
    <t>フラワーチャック付　1kg_2個ｾｯﾄ</t>
  </si>
  <si>
    <t>1000gx2</t>
  </si>
  <si>
    <t>光生薄力粉</t>
  </si>
  <si>
    <t>950g</t>
  </si>
  <si>
    <t>フラワー</t>
  </si>
  <si>
    <t>バイオレットチャック付</t>
  </si>
  <si>
    <t>国内産薄力粉</t>
  </si>
  <si>
    <t>うちの小麦粉</t>
  </si>
  <si>
    <t>理研　九州薄力小麦粉</t>
  </si>
  <si>
    <t>佐藤食品</t>
  </si>
  <si>
    <t>地粉小麦粉</t>
  </si>
  <si>
    <t>四井製麺工場</t>
  </si>
  <si>
    <t>ﾖﾂｲｾｲﾒﾝ</t>
  </si>
  <si>
    <t>あやひかり小麦粉</t>
  </si>
  <si>
    <t>カネスエ製麺所</t>
  </si>
  <si>
    <t>ｶﾈｽｴｾｲﾒﾝ</t>
  </si>
  <si>
    <t>熊本県産薄力粉</t>
  </si>
  <si>
    <t>南部の薄力粉</t>
  </si>
  <si>
    <t>雑穀・パン関連品</t>
  </si>
  <si>
    <t>コーンスターチ</t>
  </si>
  <si>
    <t>細川製餡</t>
  </si>
  <si>
    <t>ﾎｿｶﾜ</t>
  </si>
  <si>
    <t>日の本キング</t>
  </si>
  <si>
    <t>ﾋﾉﾓﾄｷﾝｸﾞ</t>
  </si>
  <si>
    <t>上万糧食製粉所</t>
  </si>
  <si>
    <t>ｳｴﾏﾝ</t>
  </si>
  <si>
    <t>コーンスターチチャック</t>
  </si>
  <si>
    <t>パン用資材</t>
  </si>
  <si>
    <t>共立食品　ホームベーカリー専用パンミックス　１ｋｇ</t>
  </si>
  <si>
    <t>おうちでのパン作りにグルテンパウダー</t>
  </si>
  <si>
    <t>まるめてもちもちパンミックス</t>
  </si>
  <si>
    <t>ホームベーカリー用パンミックス</t>
  </si>
  <si>
    <t>ムシパンミックス</t>
  </si>
  <si>
    <t>ふっくらパンドライイースト</t>
  </si>
  <si>
    <t>ふっくらパンショートニング</t>
  </si>
  <si>
    <t>ふっくらパンドライイースト分包</t>
  </si>
  <si>
    <t>3g×6P</t>
  </si>
  <si>
    <t>ふっくらパンベーキングパウダー</t>
  </si>
  <si>
    <t>10g×3P</t>
  </si>
  <si>
    <t>ふっくらショートニング</t>
  </si>
  <si>
    <t>ソフトパン粉</t>
  </si>
  <si>
    <t>フライスター</t>
  </si>
  <si>
    <t>ﾌﾗｲｽﾀ-</t>
  </si>
  <si>
    <t>ベーキングパウダー</t>
  </si>
  <si>
    <t>白鳥印_ベーキングパウダー</t>
  </si>
  <si>
    <t>米粉等</t>
  </si>
  <si>
    <t>米粉屋米粉</t>
  </si>
  <si>
    <t>米粉屋</t>
  </si>
  <si>
    <t>ｺﾒｺﾔ</t>
  </si>
  <si>
    <t>レンジでつくる国産米粉の蒸しパンミックスプレーン味</t>
  </si>
  <si>
    <t>カラープラス</t>
  </si>
  <si>
    <t>ﾌﾙｰﾂﾃﾞｻﾞｲﾝ</t>
  </si>
  <si>
    <t>レンジでつくる国産米粉の蒸しパンミックス黒ゴマ味</t>
  </si>
  <si>
    <t>レンジでつくる国産米粉の蒸しパンミックス紅茶味</t>
  </si>
  <si>
    <t>レンジでつくる国産米粉の蒸しパンミックス黒糖味</t>
  </si>
  <si>
    <t>レンジでつくる国産米粉の蒸しパンミックスかぼちゃ味</t>
  </si>
  <si>
    <t>富山県産米粉</t>
  </si>
  <si>
    <t>ＳＳ製粉</t>
  </si>
  <si>
    <t>生活派_国産米_米粉ﾊﾟｳﾀﾞｰ_300G</t>
  </si>
  <si>
    <t>ｻﾗﾀﾞにかけるﾊﾟﾘﾊﾟﾘﾌﾚｰｸ</t>
  </si>
  <si>
    <t>日清シスコ</t>
  </si>
  <si>
    <t>ｵｰﾏｲ_米粉入りﾊﾟﾝﾐｯｸｽ</t>
  </si>
  <si>
    <t>米粉ブレンド薄力小麦粉</t>
  </si>
  <si>
    <t>地粉</t>
  </si>
  <si>
    <t>ﾎｼﾉﾌﾞｯｻﾝ</t>
  </si>
  <si>
    <t>米粉パン用ミックス</t>
  </si>
  <si>
    <t>米粉揚げ物用ミックス</t>
  </si>
  <si>
    <t>たいまつ米粉100%</t>
  </si>
  <si>
    <t>彩のかがやき　米粉パウダー</t>
  </si>
  <si>
    <t>ﾐﾀｹ</t>
  </si>
  <si>
    <t>国産米粉</t>
  </si>
  <si>
    <t>もっちり仕上がるお米の粉</t>
  </si>
  <si>
    <t>波里</t>
  </si>
  <si>
    <t>ﾅﾐｻﾄ</t>
  </si>
  <si>
    <t>お米の粉お料理自慢の薄力粉</t>
  </si>
  <si>
    <t>サクッと仕上がるお米の粉</t>
  </si>
  <si>
    <t>お米の粉手作りパンの薄力粉</t>
  </si>
  <si>
    <t>しあわせ米粉</t>
  </si>
  <si>
    <t>米粉</t>
  </si>
  <si>
    <t>ふんわり米粉</t>
  </si>
  <si>
    <t>青きな粉</t>
  </si>
  <si>
    <t>きな粉</t>
  </si>
  <si>
    <t>全粒粉パン用チャック付</t>
  </si>
  <si>
    <t>竹粉</t>
  </si>
  <si>
    <t>米の粉</t>
  </si>
  <si>
    <t>マルキン食品</t>
  </si>
  <si>
    <t>こしひかりのパン粉</t>
  </si>
  <si>
    <t>北海道産ミニパックきな粉</t>
  </si>
  <si>
    <t>片栗粉1kg</t>
  </si>
  <si>
    <t>ﾐﾂｸﾗ</t>
  </si>
  <si>
    <t>マッシュポテト　チャック付き</t>
  </si>
  <si>
    <t>ﾋﾉｸﾆｼｮｳｼﾞ</t>
  </si>
  <si>
    <t>パン粉</t>
  </si>
  <si>
    <t>乾燥パン粉</t>
  </si>
  <si>
    <t>～２９９ｇ</t>
  </si>
  <si>
    <t>パン粉_3個ｾｯﾄ</t>
  </si>
  <si>
    <t>250g*3</t>
  </si>
  <si>
    <t>ｽﾀｰﾌｰｽﾞ</t>
  </si>
  <si>
    <t>オーガニックパンコ</t>
  </si>
  <si>
    <t>ｶｾﾞﾄﾋｶﾘ</t>
  </si>
  <si>
    <t>大川食品　カラットオレンジ　２００ｇ</t>
  </si>
  <si>
    <t>カラット米粉で作ったソフトパン粉</t>
  </si>
  <si>
    <t>米粉の入ったおいしいパン粉</t>
  </si>
  <si>
    <t>大川食品　カラットソフトパン粉270ｇ</t>
  </si>
  <si>
    <t>生活派_ﾊﾟﾝ粉_230G</t>
  </si>
  <si>
    <t>米粉入りパン粉</t>
  </si>
  <si>
    <t>細目パン粉</t>
  </si>
  <si>
    <t>無添加パン粉米粉入り</t>
  </si>
  <si>
    <t>有機栽培小麦＆国内産小麦パン粉</t>
  </si>
  <si>
    <t>ｿｳｹﾝｼﾔ</t>
  </si>
  <si>
    <t>有機栽培小麦国産小麦粉パン粉</t>
  </si>
  <si>
    <t>パン粉づけが楽になるカツ揚げ</t>
  </si>
  <si>
    <t>昭和　レンジでチンして豚こまとんカツ</t>
  </si>
  <si>
    <t>ホワイトスター細め</t>
  </si>
  <si>
    <t>スターフーズ</t>
  </si>
  <si>
    <t>フライ名人全豆乳入りパン粉</t>
  </si>
  <si>
    <t>焙焼式ソフトパン粉</t>
  </si>
  <si>
    <t>無添加パン粉</t>
  </si>
  <si>
    <t>無添加ソフトパン粉</t>
  </si>
  <si>
    <t>ソフトパン粉細目</t>
  </si>
  <si>
    <t>おいしいパン粉</t>
  </si>
  <si>
    <t>ラク揚げパン粉</t>
  </si>
  <si>
    <t>小麦粉卵いらずのラク揚げパン粉</t>
  </si>
  <si>
    <t>直付けパン粉</t>
  </si>
  <si>
    <t>国内産小麦使用パン粉</t>
  </si>
  <si>
    <t>ﾌﾗｲｽﾀｰ</t>
  </si>
  <si>
    <t>7ゴールド</t>
  </si>
  <si>
    <t>フライスター　セブン</t>
  </si>
  <si>
    <t>北海道産小麦粉で作ったパン粉</t>
  </si>
  <si>
    <t>フライスタ　ザソフトパンコ　２７０ｇ</t>
  </si>
  <si>
    <t>サクサクパン粉</t>
  </si>
  <si>
    <t>おいしさ際立つ極上ソフトパン粉</t>
  </si>
  <si>
    <t>パン粉小袋</t>
  </si>
  <si>
    <t>ｸｨﾝｽﾞｼｪﾌ</t>
  </si>
  <si>
    <t>チャック付ほそめパン粉</t>
  </si>
  <si>
    <t>ローストパン粉</t>
  </si>
  <si>
    <t>コーンパン粉</t>
  </si>
  <si>
    <t>クインズシェフ　ソフトパン粉</t>
  </si>
  <si>
    <t>ﾐｷｼﾖｸﾋﾝ</t>
  </si>
  <si>
    <t>材料3つの無添加パン粉</t>
  </si>
  <si>
    <t>吸油の少ないパン粉</t>
  </si>
  <si>
    <t>冷めてもおいしいパン粉</t>
  </si>
  <si>
    <t>雪和食品</t>
  </si>
  <si>
    <t>ﾕｷﾜ</t>
  </si>
  <si>
    <t>ﾕｷﾜｼｮｸﾋﾝ</t>
  </si>
  <si>
    <t>新ゴールドパン粉</t>
  </si>
  <si>
    <t>横山食品</t>
  </si>
  <si>
    <t>ﾖｺﾔﾏｼｮｳﾃﾝ</t>
  </si>
  <si>
    <t>お肉のチーズパン粉焼きの素</t>
  </si>
  <si>
    <t>トリイパン粉パン粉</t>
  </si>
  <si>
    <t>トリイパン粉</t>
  </si>
  <si>
    <t>ﾄﾘｲﾊﾟﾝｺ</t>
  </si>
  <si>
    <t>パン粉細目</t>
  </si>
  <si>
    <t>３００ｇ～</t>
  </si>
  <si>
    <t>パン粉　５個セット</t>
  </si>
  <si>
    <t>５個セット</t>
  </si>
  <si>
    <t>パン粉3個セット</t>
  </si>
  <si>
    <t>ソフトパン粉_３００ｇ</t>
  </si>
  <si>
    <t>エコノミーパン粉</t>
  </si>
  <si>
    <t>グリーンパン粉</t>
  </si>
  <si>
    <t>ふんわりパンの粉</t>
  </si>
  <si>
    <t>パン粉オレンジ</t>
  </si>
  <si>
    <t>ﾄﾘｲ</t>
  </si>
  <si>
    <t>ハートフル畑　北海道産　細目パン粉</t>
  </si>
  <si>
    <t>ハートフル畑　生パン粉</t>
  </si>
  <si>
    <t>新潟産コシヒカリ米パン粉</t>
  </si>
  <si>
    <t>ﾀｲﾅｲ</t>
  </si>
  <si>
    <t>選んでe普段使うパン粉極細</t>
  </si>
  <si>
    <t>普段使う無添加生パン粉</t>
  </si>
  <si>
    <t>カラット生パン粉</t>
  </si>
  <si>
    <t>ｵｵｶﾜｼﾖｸﾋﾝ</t>
  </si>
  <si>
    <t>ｱｻﾋﾄﾗﾌﾄﾌｰｽ</t>
  </si>
  <si>
    <t>純生パン粉やわらか</t>
  </si>
  <si>
    <t>吸油cut生パン粉</t>
  </si>
  <si>
    <t>おいしい生パン粉</t>
  </si>
  <si>
    <t>食パン生パン粉</t>
  </si>
  <si>
    <t>専門店仕様の生パン粉</t>
  </si>
  <si>
    <t>北海道小麦粉低吸油生パン粉</t>
  </si>
  <si>
    <t>生パン粉ころも美人</t>
  </si>
  <si>
    <t>うさぎ　生パン粉</t>
  </si>
  <si>
    <t>エヌアイエスフーズサービス</t>
  </si>
  <si>
    <t>ﾌﾟﾗｲｽｱﾙﾌｧ</t>
  </si>
  <si>
    <t>miwabi</t>
  </si>
  <si>
    <t>みわび生パン粉</t>
  </si>
  <si>
    <t>ﾆﾎﾝｱｸｾｽ</t>
  </si>
  <si>
    <t>から揚げ粉</t>
  </si>
  <si>
    <t>ノンフライ</t>
  </si>
  <si>
    <t>もう揚げない焼きからあげの素</t>
  </si>
  <si>
    <t>ｼﾖｳﾜｻﾝｷﾞﾖｳ</t>
  </si>
  <si>
    <t>レンジでチンするから揚げ粉</t>
  </si>
  <si>
    <t>レンジでチンするから揚げ粉（黒こしょうガーリック風味）</t>
  </si>
  <si>
    <t>レンジでチンするから揚げ粉しょうが醤油味</t>
  </si>
  <si>
    <t>から揚げ粉　揚げない調理タイプ</t>
  </si>
  <si>
    <t>レンジでから揚げ粉</t>
  </si>
  <si>
    <t>レンジでから揚げ粉フライドチキン</t>
  </si>
  <si>
    <t>まぶして焼くだけ唐揚げ粉</t>
  </si>
  <si>
    <t>焼くだけから揚げ粉　レモン味</t>
  </si>
  <si>
    <t>手羽焼調味料</t>
  </si>
  <si>
    <t>揚げずにとんかつ調味料</t>
  </si>
  <si>
    <t>揚げずにからあげ粉</t>
  </si>
  <si>
    <t>カラアゲノモト　ショウユ</t>
  </si>
  <si>
    <t>まぶし</t>
  </si>
  <si>
    <t>アウト　揚乃助　カレー味</t>
  </si>
  <si>
    <t>サンセール</t>
  </si>
  <si>
    <t>ｱｳﾄﾌｨｯﾄ</t>
  </si>
  <si>
    <t>アウト　揚乃助　青のり味</t>
  </si>
  <si>
    <t>アウト　揚乃助　ハーブ味</t>
  </si>
  <si>
    <t>ユウキカラアゲコ</t>
  </si>
  <si>
    <t>ドライおから</t>
  </si>
  <si>
    <t>転生</t>
  </si>
  <si>
    <t>ﾃﾝｾｲ</t>
  </si>
  <si>
    <t>お肉やわらかの素袋</t>
  </si>
  <si>
    <t>お肉やわらかから揚げ粉</t>
  </si>
  <si>
    <t>カラット揚がるから揚げ粉</t>
  </si>
  <si>
    <t>お肉をやわらかくするから揚げ粉</t>
  </si>
  <si>
    <t>ハッピーターン味から揚げ粉</t>
  </si>
  <si>
    <t>袋でフリフリ焼くだけから揚げ粉にんにく醤油味</t>
  </si>
  <si>
    <t>焼きチキ</t>
  </si>
  <si>
    <t>ﾆｯｼﾝｾｲﾌﾝｳｪ</t>
  </si>
  <si>
    <t>からあげグランプリから揚げ粉塩味コク旨仕上げ</t>
  </si>
  <si>
    <t>から揚げ粉減塩タイプ</t>
  </si>
  <si>
    <t>たつ田揚げ粉まぶしタイプ</t>
  </si>
  <si>
    <t>マジサクット油で揚げないから揚げ粉しょうゆ味</t>
  </si>
  <si>
    <t>からあげグランプリゆず胡椒味</t>
  </si>
  <si>
    <t>からあげグランプリ最高金賞店監修からあげセットしょうゆ味</t>
  </si>
  <si>
    <t>いろいろ作れる味付け用ミックス</t>
  </si>
  <si>
    <t>18春日清から揚げ粉減塩タイプ</t>
  </si>
  <si>
    <t>水溶きいらずのとろみ上手</t>
  </si>
  <si>
    <t>ごちそうになるから揚げ粉</t>
  </si>
  <si>
    <t>からあげ用漬け込みたれ</t>
  </si>
  <si>
    <t>日清からあげグランプリ塩味</t>
  </si>
  <si>
    <t>たつ田揚げ粉</t>
  </si>
  <si>
    <t>いろいろ作れるから揚げ粉</t>
  </si>
  <si>
    <t>ｲﾛｲﾛ作れるから揚げ粉</t>
  </si>
  <si>
    <t>いろいろ作れるからあげ粉</t>
  </si>
  <si>
    <t>日清からあげ粉1kg</t>
  </si>
  <si>
    <t>日清業務用から揚げ粉</t>
  </si>
  <si>
    <t>から揚げ粉お肉がソフトになるタイプ</t>
  </si>
  <si>
    <t>から揚げ粉まぶしタイプ</t>
  </si>
  <si>
    <t>極からり　から揚げ粉</t>
  </si>
  <si>
    <t>フライドチキンミックス</t>
  </si>
  <si>
    <t>ｶﾞﾘ豚焼きの素</t>
  </si>
  <si>
    <t>塩ﾁｷ焼きの素</t>
  </si>
  <si>
    <t>辛ﾁｷ焼きの素</t>
  </si>
  <si>
    <t>塩から揚げの素</t>
  </si>
  <si>
    <t>豚からの素</t>
  </si>
  <si>
    <t>顆粒片栗粉とろみちゃん</t>
  </si>
  <si>
    <t>丸三美田実郎商店</t>
  </si>
  <si>
    <t>ﾏﾙｻﾝﾐﾀｼﾞﾂﾛ</t>
  </si>
  <si>
    <t>博多華味鳥唐揚げの素</t>
  </si>
  <si>
    <t>やわらかジューシーお肉漬け込みの素</t>
  </si>
  <si>
    <t>味覇から揚げ粉</t>
  </si>
  <si>
    <t>唐揚げの素</t>
  </si>
  <si>
    <t>とり天の素</t>
  </si>
  <si>
    <t>から揚げの素</t>
  </si>
  <si>
    <t>旨塩から揚げの素</t>
  </si>
  <si>
    <t>手羽元フライドチキンの素</t>
  </si>
  <si>
    <t>お肉屋さんのから揚げ粉</t>
  </si>
  <si>
    <t>お肉屋さんの竜田揚げ粉</t>
  </si>
  <si>
    <t>から揚げの素香味醤油味</t>
  </si>
  <si>
    <t>から揚げの素旨だし塩味</t>
  </si>
  <si>
    <t>とろみちゃん</t>
  </si>
  <si>
    <t>悪魔の衣</t>
  </si>
  <si>
    <t>一榮食品</t>
  </si>
  <si>
    <t>ｲﾁｴｲｼｮｸﾋﾝ</t>
  </si>
  <si>
    <t>水溶き</t>
  </si>
  <si>
    <t>衣カリカリから揚げ粉</t>
  </si>
  <si>
    <t>はやわざから揚げ粉</t>
  </si>
  <si>
    <t>カラッとジューシーに揚がる唐揚げ粉</t>
  </si>
  <si>
    <t>フライパンでカツ揚げ粉</t>
  </si>
  <si>
    <t>パリジュ~から揚げ粉</t>
  </si>
  <si>
    <t>からあげ粉</t>
  </si>
  <si>
    <t>から揚げ粉ふり・から</t>
  </si>
  <si>
    <t>台湾風から揚げ粉</t>
  </si>
  <si>
    <t>からあげグランプから揚げ粉香ばししょうゆ味</t>
  </si>
  <si>
    <t>からあげグランプリから揚げ粉香ばししょうゆガーリック風味</t>
  </si>
  <si>
    <t>中華街の唐揚げ粉</t>
  </si>
  <si>
    <t>聖地中津からあげセット　しょうゆだれ</t>
  </si>
  <si>
    <t>中華街のから揚げ粉</t>
  </si>
  <si>
    <t>味わいしみ込むから揚げ粉</t>
  </si>
  <si>
    <t>からあげグランプリ香ばししょうゆ味</t>
  </si>
  <si>
    <t>からあげグランプリ香ばししょうゆガーリック風味</t>
  </si>
  <si>
    <t>唐揚粉甘辛醤油ｽﾊﾟｲｼｰ仕上げ</t>
  </si>
  <si>
    <t>から揚げ粉　ガーリック味</t>
  </si>
  <si>
    <t>から揚げ粉　ハーブ＆ソルト味</t>
  </si>
  <si>
    <t>唐揚王</t>
  </si>
  <si>
    <t>中華街から揚げ粉ピリ辛</t>
  </si>
  <si>
    <t>聖地中津からあげ</t>
  </si>
  <si>
    <t>中華街のから揚げ粉香味しょうゆ味</t>
  </si>
  <si>
    <t>たれで仕上げるから揚げ粉</t>
  </si>
  <si>
    <t>これでい粉_竜田味</t>
  </si>
  <si>
    <t>から揚げこれでい粉しょうゆ</t>
  </si>
  <si>
    <t>から揚げこれでい粉フライド</t>
  </si>
  <si>
    <t>から揚げ粉和風醤油味</t>
  </si>
  <si>
    <t>伝説のから揚げ粉</t>
  </si>
  <si>
    <t>伝説のから揚げ粉にんにく風味</t>
  </si>
  <si>
    <t>伝説のから揚げ粉　生姜</t>
  </si>
  <si>
    <t>オーマイザンギミックス</t>
  </si>
  <si>
    <t>伝説のから揚げ粉うま塩味</t>
  </si>
  <si>
    <t>むねチキ！から揚げ粉</t>
  </si>
  <si>
    <t>むねチキから揚げ粉</t>
  </si>
  <si>
    <t>伝説のから揚げ粉濃旨しょうゆ味</t>
  </si>
  <si>
    <t>伝説のから揚げ粉コク深にんにく味</t>
  </si>
  <si>
    <t>プラス糀塩糀から揚げ粉</t>
  </si>
  <si>
    <t>から揚げ粉FR-100</t>
  </si>
  <si>
    <t>から揚げ作り</t>
  </si>
  <si>
    <t>から揚げで作るチキン南蛮セット</t>
  </si>
  <si>
    <t>から揚げで作る鶏チリセット</t>
  </si>
  <si>
    <t>から揚げで作る油淋鶏セット</t>
  </si>
  <si>
    <t>から揚げの素R</t>
  </si>
  <si>
    <t>チキンフィンガーの素</t>
  </si>
  <si>
    <t>から揚げの漬け込みたれしょうゆ味</t>
  </si>
  <si>
    <t>お好焼類</t>
  </si>
  <si>
    <t>お好焼関連品</t>
  </si>
  <si>
    <t>ソース</t>
  </si>
  <si>
    <t>銀だこソース</t>
  </si>
  <si>
    <t>ホットランド</t>
  </si>
  <si>
    <t>チヂミのたれ</t>
  </si>
  <si>
    <t>1歳からのお好みソース</t>
  </si>
  <si>
    <t>天かす3個セット</t>
  </si>
  <si>
    <t>ネギ入てんかす</t>
  </si>
  <si>
    <t>キョーワ</t>
  </si>
  <si>
    <t>エビ入てんかす</t>
  </si>
  <si>
    <t>天かす一番青のり入</t>
  </si>
  <si>
    <t>ナカガワ</t>
  </si>
  <si>
    <t>ﾅｶｶﾞﾜ</t>
  </si>
  <si>
    <t>あげ玉一番辛味</t>
  </si>
  <si>
    <t>干しえび</t>
  </si>
  <si>
    <t>紅しょうが</t>
  </si>
  <si>
    <t>15g×2P</t>
  </si>
  <si>
    <t>お好み自慢紅しょうが</t>
  </si>
  <si>
    <t>きざみするめ粉</t>
  </si>
  <si>
    <t>ミニパック紅しょうが</t>
  </si>
  <si>
    <t>天かす　青のり入</t>
  </si>
  <si>
    <t>やまいも粉</t>
  </si>
  <si>
    <t>ふんわりお好み焼名人</t>
  </si>
  <si>
    <t>切りいか</t>
  </si>
  <si>
    <t>桜えびカレンダ－</t>
  </si>
  <si>
    <t>5g.</t>
  </si>
  <si>
    <t>お好み焼きの具</t>
  </si>
  <si>
    <t>あげだま</t>
  </si>
  <si>
    <t>素干しえび</t>
  </si>
  <si>
    <t>小えび無着色</t>
  </si>
  <si>
    <t>かつお粉</t>
  </si>
  <si>
    <t>青のり</t>
  </si>
  <si>
    <t>ﾔﾏｷ_無添加あげ玉_60G</t>
  </si>
  <si>
    <t>無添加あげ玉</t>
  </si>
  <si>
    <t>すこやか素干しえび</t>
  </si>
  <si>
    <t>ナカニシ</t>
  </si>
  <si>
    <t>ﾋｬｸｱｼﾞｾﾝ</t>
  </si>
  <si>
    <t>イカ玉てんかす</t>
  </si>
  <si>
    <t>いか粒入り天かす</t>
  </si>
  <si>
    <t>天かすレギュラー</t>
  </si>
  <si>
    <t>イカ入り天かす</t>
  </si>
  <si>
    <t>えび入り天かす</t>
  </si>
  <si>
    <t>特製いか天入り天かす</t>
  </si>
  <si>
    <t>ｵｺﾉﾐﾌｰｽﾞ</t>
  </si>
  <si>
    <t>牛すじコンニャク煮　８０ｇ</t>
  </si>
  <si>
    <t>山芋パウダー</t>
  </si>
  <si>
    <t>8.5g×2P</t>
  </si>
  <si>
    <t>特製えび天入り天かす天華</t>
  </si>
  <si>
    <t>天かす_天華</t>
  </si>
  <si>
    <t>天かす天華</t>
  </si>
  <si>
    <t>きりいか</t>
  </si>
  <si>
    <t>オタフク専門店の味台湾産桜えび</t>
  </si>
  <si>
    <t>オタフク専門店の味青のり</t>
  </si>
  <si>
    <t>ｵﾉｺﾐﾌｰｽﾞ</t>
  </si>
  <si>
    <t>オタフクだしとうまみのサクサク天かす</t>
  </si>
  <si>
    <t>特製いか天入り天かす天華</t>
  </si>
  <si>
    <t>特製えび天入天かす天華</t>
  </si>
  <si>
    <t>使いきり紅しょうが５ｇ＊５</t>
  </si>
  <si>
    <t>ｻﾅﾀﾞ</t>
  </si>
  <si>
    <t>えび入りあげ玉</t>
  </si>
  <si>
    <t>いか入り天かす</t>
  </si>
  <si>
    <t>ﾏﾙｶｼｮｸﾋﾝ</t>
  </si>
  <si>
    <t>キャベツ焼こだわりセット2枚分</t>
  </si>
  <si>
    <t>えび天入り天かす</t>
  </si>
  <si>
    <t>福六</t>
  </si>
  <si>
    <t>ﾌｸﾛｸ</t>
  </si>
  <si>
    <t>信光</t>
  </si>
  <si>
    <t>築地銀だこ紅しょうが</t>
  </si>
  <si>
    <t>旭食品天かす90g</t>
  </si>
  <si>
    <t>旭食品えび入り天かす80g</t>
  </si>
  <si>
    <t>12g×3P</t>
  </si>
  <si>
    <t>12g×2P</t>
  </si>
  <si>
    <t>日清カップでお好み焼セット</t>
  </si>
  <si>
    <t>カップでお好み焼セット</t>
  </si>
  <si>
    <t>一平ちゃん夜店のモダン焼き風セット</t>
  </si>
  <si>
    <t>141g</t>
  </si>
  <si>
    <t>一平ちゃん夜店のモダン焼き風セットケース</t>
  </si>
  <si>
    <t>141g×12P</t>
  </si>
  <si>
    <t>オタフク乾燥紅しょうが</t>
  </si>
  <si>
    <t>専門店の味牛すじコンニャク煮</t>
  </si>
  <si>
    <t>オタフクお好み焼にこれふとふり</t>
  </si>
  <si>
    <t>お好焼粉</t>
  </si>
  <si>
    <t>～３００ｇ</t>
  </si>
  <si>
    <t>昭和_お好み焼粉</t>
  </si>
  <si>
    <t>お好み焼粉</t>
  </si>
  <si>
    <t>夢重力食感お好み焼粉</t>
  </si>
  <si>
    <t>具材を活かすお好み焼粉</t>
  </si>
  <si>
    <t>ﾆﾂｼﾝ</t>
  </si>
  <si>
    <t>お好み焼粉本ふわっ国内麦小麦粉100%</t>
  </si>
  <si>
    <t>糖質50％オフ_お好み焼粉</t>
  </si>
  <si>
    <t>日清千切りカットキャベツで美味しいお好み焼粉</t>
  </si>
  <si>
    <t>たっぷり具入りのお好み焼粉</t>
  </si>
  <si>
    <t>鰹だし香るお好み焼粉</t>
  </si>
  <si>
    <t>お好み焼き五目ミックス</t>
  </si>
  <si>
    <t>おからでふっくらお好み焼き</t>
  </si>
  <si>
    <t>もちもちねぎチヂミの素</t>
  </si>
  <si>
    <t>北海道限定お好み焼セット２枚分ソース付</t>
  </si>
  <si>
    <t>222.8g</t>
  </si>
  <si>
    <t>お好み焼きミックス</t>
  </si>
  <si>
    <t>旭製粉</t>
  </si>
  <si>
    <t>ｱｻﾋｾｲﾌﾝ</t>
  </si>
  <si>
    <t>奥本製粉</t>
  </si>
  <si>
    <t>ｵｸﾓﾄｾｲﾌﾝ</t>
  </si>
  <si>
    <t>グルテンフリー　お好み焼き粉</t>
  </si>
  <si>
    <t>１ｋｇ～</t>
  </si>
  <si>
    <t>お好み焼粉山芋入り　業務用</t>
  </si>
  <si>
    <t>お好み焼ミックス</t>
  </si>
  <si>
    <t>お好み焼粉業務用1kg</t>
  </si>
  <si>
    <t>業務用お好み焼き</t>
  </si>
  <si>
    <t>鳥越製粉</t>
  </si>
  <si>
    <t>ﾄﾘｺﾞｴｾｲﾌﾝ</t>
  </si>
  <si>
    <t>３０１ｇ～９９９ｇ</t>
  </si>
  <si>
    <t>山芋たっぷりのお好み焼粉2個セット</t>
  </si>
  <si>
    <t>宮殿お好み焼き粉</t>
  </si>
  <si>
    <t>五星コーポレーション</t>
  </si>
  <si>
    <t>ｺﾞｾｲCorp</t>
  </si>
  <si>
    <t>お好み焼き粉浪花</t>
  </si>
  <si>
    <t>仕上がりふっくらお好み焼粉</t>
  </si>
  <si>
    <t>おいしく焼ける魔法のお好み焼き粉</t>
  </si>
  <si>
    <t>北海道お好み焼粉</t>
  </si>
  <si>
    <t>昭和産業お好み焼粉袋450g</t>
  </si>
  <si>
    <t>450G</t>
  </si>
  <si>
    <t>山いもたっぷりのお好み焼粉</t>
  </si>
  <si>
    <t>素材を活かすお好み焼粉</t>
  </si>
  <si>
    <t>日清　お好み焼粉</t>
  </si>
  <si>
    <t>お好み焼き粉いろいろ具入り</t>
  </si>
  <si>
    <t>お好焼粉やまいも入り</t>
  </si>
  <si>
    <t>山芋入りお好み焼粉</t>
  </si>
  <si>
    <t>大阪きじ本店監修お好み焼粉</t>
  </si>
  <si>
    <t>大阪吉本お好み焼き粉</t>
  </si>
  <si>
    <t>いろいろ具入りのお好み焼粉</t>
  </si>
  <si>
    <t>昆布だし香るたこ焼粉</t>
  </si>
  <si>
    <t>だしを極めたお好み焼粉かつお</t>
  </si>
  <si>
    <t>だしを極めたお好み焼粉えび</t>
  </si>
  <si>
    <t>韓国風お好み焼き粉</t>
  </si>
  <si>
    <t>だしお好み焼粉かつお</t>
  </si>
  <si>
    <t>だしお好み焼粉えび</t>
  </si>
  <si>
    <t>ニッ　ふわ仕上お好み焼</t>
  </si>
  <si>
    <t>本場大阪お好み焼粉</t>
  </si>
  <si>
    <t>極ふわりお好焼粉</t>
  </si>
  <si>
    <t>こんなお好み焼粉ほしかった</t>
  </si>
  <si>
    <t>お好み焼革命</t>
  </si>
  <si>
    <t>お好み焼粉チャック付</t>
  </si>
  <si>
    <t>ふわっととろっお好み焼粉</t>
  </si>
  <si>
    <t>大阪ねぎ焼</t>
  </si>
  <si>
    <t>焼あご入りお好み焼き粉</t>
  </si>
  <si>
    <t>ふんわりお好み焼き粉</t>
  </si>
  <si>
    <t>ｵｶﾓﾄｾｲﾌﾝ</t>
  </si>
  <si>
    <t>だしの旨みがきいたお好み焼粉</t>
  </si>
  <si>
    <t>日東富士製粉お好み焼き粉</t>
  </si>
  <si>
    <t>日東富士製粉</t>
  </si>
  <si>
    <t>ﾆｯﾄｳｾｲﾌﾝ</t>
  </si>
  <si>
    <t>バインセオ粉</t>
  </si>
  <si>
    <t>ﾋﾞｯﾁ</t>
  </si>
  <si>
    <t>ねぎ焼やまもと監修　ねぎ焼セット　</t>
  </si>
  <si>
    <t>お好み焼きふんわりセット</t>
  </si>
  <si>
    <t>だしで作るお好み焼きセット</t>
  </si>
  <si>
    <t>238.4g</t>
  </si>
  <si>
    <t>お好み焼こだわりセット4人前</t>
  </si>
  <si>
    <t>お好み焼こだわりセット2人前</t>
  </si>
  <si>
    <t>131g</t>
  </si>
  <si>
    <t>お好み焼こだわりセット</t>
  </si>
  <si>
    <t>お好み焼きこだわりセット</t>
  </si>
  <si>
    <t>お好み焼セット</t>
  </si>
  <si>
    <t>ねぎおここだわりセット2枚分</t>
  </si>
  <si>
    <t>いか焼こだわりセット2枚分</t>
  </si>
  <si>
    <t>とんぺい焼こだわりセット2枚分</t>
  </si>
  <si>
    <t>とんぺい焼こだわりセット　２枚分</t>
  </si>
  <si>
    <t>キャベツ焼こだわりセット　２枚分</t>
  </si>
  <si>
    <t>１０１ｇ</t>
  </si>
  <si>
    <t>4ﾆﾝﾏｴ</t>
  </si>
  <si>
    <t>たこ焼粉</t>
  </si>
  <si>
    <t>たこ焼き粉</t>
  </si>
  <si>
    <t>たこ焼きソースこいくちタイプ</t>
  </si>
  <si>
    <t>築地銀だこぜったいうまいたこ焼の素</t>
  </si>
  <si>
    <t>昭和_たこ焼き粉250</t>
  </si>
  <si>
    <t>具材をたのしむたこ焼粉</t>
  </si>
  <si>
    <t>たこ焼粉本とろっ国内麦小麦粉100%</t>
  </si>
  <si>
    <t>たっぷり具入りのたこ焼粉</t>
  </si>
  <si>
    <t>具入りがうれしいたこ焼き粉</t>
  </si>
  <si>
    <t>本場大阪たこ焼き</t>
  </si>
  <si>
    <t>231g</t>
  </si>
  <si>
    <t>オウチデ本格たこ焼</t>
  </si>
  <si>
    <t>236g</t>
  </si>
  <si>
    <t>たこ焼き粉　業務用</t>
  </si>
  <si>
    <t>タコ焼ミックス</t>
  </si>
  <si>
    <t>業務用たこ焼き</t>
  </si>
  <si>
    <t>築地銀だこ絶対うまいヒミツのたこ焼粉</t>
  </si>
  <si>
    <t>おいしく焼ける魔法のたこ焼粉</t>
  </si>
  <si>
    <t>北海道たこ焼粉</t>
  </si>
  <si>
    <t>昭和産業たこ焼粉袋450g</t>
  </si>
  <si>
    <t>たこやき粉</t>
  </si>
  <si>
    <t>大阪うまい屋監修たこ焼粉</t>
  </si>
  <si>
    <t>本場大阪たこ焼き粉</t>
  </si>
  <si>
    <t>だしをきかせてたこ焼粉</t>
  </si>
  <si>
    <t>極とろりたこ焼粉</t>
  </si>
  <si>
    <t>たこ焼革命</t>
  </si>
  <si>
    <t>たこ焼粉チャック付</t>
  </si>
  <si>
    <t>本場大阪たこ焼粉</t>
  </si>
  <si>
    <t>小麦たこ焼粉</t>
  </si>
  <si>
    <t>だしの旨みがきいたたこ焼粉</t>
  </si>
  <si>
    <t>広島お好み焼材料セット</t>
  </si>
  <si>
    <t>145.3g</t>
  </si>
  <si>
    <t>たこ焼こだわりセット4人前</t>
  </si>
  <si>
    <t>たこ焼きこだわりセット</t>
  </si>
  <si>
    <t>6人前</t>
  </si>
  <si>
    <t>チヂミ粉</t>
  </si>
  <si>
    <t>宋家秘伝チヂミ粉</t>
  </si>
  <si>
    <t>王将の杜　小粋ちゃんのチヂミ材料セット　２５０ｇ</t>
  </si>
  <si>
    <t>王将の杜小粋ちゃんのチヂミ材料セット増量</t>
  </si>
  <si>
    <t>王将の杜　チヂミ材料セット</t>
  </si>
  <si>
    <t>ｵｳｼｮｳﾉﾓﾘ</t>
  </si>
  <si>
    <t>20秋カップでチヂミセット</t>
  </si>
  <si>
    <t>チヂミセット2人前</t>
  </si>
  <si>
    <t>チヂミ　たれ付きセット</t>
  </si>
  <si>
    <t>日清_ﾁﾁﾞﾐ粉_200g</t>
  </si>
  <si>
    <t>ニラ豚チジミセット</t>
  </si>
  <si>
    <t>チヂミの粉</t>
  </si>
  <si>
    <t>ねぎチヂミの素</t>
  </si>
  <si>
    <t>チヂミこだわりセット2人前</t>
  </si>
  <si>
    <t>ちぢみこだわりセット</t>
  </si>
  <si>
    <t>チヂミのもと</t>
  </si>
  <si>
    <t>165g×2</t>
  </si>
  <si>
    <t>ﾁｮｳｱｲ</t>
  </si>
  <si>
    <t>もっちもちチヂミ粉</t>
  </si>
  <si>
    <t>ﾋﾄｼﾅ</t>
  </si>
  <si>
    <t>もんじゃ焼粉</t>
  </si>
  <si>
    <t>浅草もんじゃ焼　しょうゆ味</t>
  </si>
  <si>
    <t>ｵｳｼﾖｳ</t>
  </si>
  <si>
    <t>浅草もんじゃ焼セットソース味</t>
  </si>
  <si>
    <t>王将の杜浅草もんじゃ焼醤油味ヘラ付</t>
  </si>
  <si>
    <t>王将の杜　浅草もんじゃ焼Ｓだし入りしょうゆ味</t>
  </si>
  <si>
    <t>浅草もんじゃ焼セット特性ソース味</t>
  </si>
  <si>
    <t>月島もんじゃ焼</t>
  </si>
  <si>
    <t>月島もんじゃキムチ</t>
  </si>
  <si>
    <t>月島もち明太子もんじゃ焼き</t>
  </si>
  <si>
    <t>月島もんじゃ焼き２個パック</t>
  </si>
  <si>
    <t>山芋焼こだわりセット2枚分</t>
  </si>
  <si>
    <t>月島もんじゃ焼　塩味</t>
  </si>
  <si>
    <t>71.3g</t>
  </si>
  <si>
    <t>月島もんじゃ焼きソース味</t>
  </si>
  <si>
    <t>81.3g</t>
  </si>
  <si>
    <t>ﾌﾞﾙﾄﾞｯｸｿ-ｽ</t>
  </si>
  <si>
    <t>月島コーン入もんじゃ焼き</t>
  </si>
  <si>
    <t>月島もんじゃ焼　カレー味</t>
  </si>
  <si>
    <t>85.3g</t>
  </si>
  <si>
    <t>もんじゃ焼きセット</t>
  </si>
  <si>
    <t>全型海苔</t>
  </si>
  <si>
    <t>焼全型レギュラー</t>
  </si>
  <si>
    <t>国産</t>
  </si>
  <si>
    <t>ヤキノリ</t>
  </si>
  <si>
    <t>風和商事</t>
  </si>
  <si>
    <t>ﾌｳﾜ</t>
  </si>
  <si>
    <t>焼き海苔　全型　　　　１２枚</t>
  </si>
  <si>
    <t>焼き海苔　全形</t>
  </si>
  <si>
    <t>焼のり磯全形１０枚</t>
  </si>
  <si>
    <t>磯のり</t>
  </si>
  <si>
    <t>九州じまん焼のり</t>
  </si>
  <si>
    <t>きず焼き海苔全形５枚</t>
  </si>
  <si>
    <t>全形５枚</t>
  </si>
  <si>
    <t>きずのり焼折</t>
  </si>
  <si>
    <t>8枚入</t>
  </si>
  <si>
    <t>新のり巻きのり丸目</t>
  </si>
  <si>
    <t>板のり10枚</t>
  </si>
  <si>
    <t>きずのり焼全形</t>
  </si>
  <si>
    <t>6枚</t>
  </si>
  <si>
    <t>焼きのり曲げ</t>
  </si>
  <si>
    <t>焼きのりすしはね</t>
  </si>
  <si>
    <t>全形8枚入</t>
  </si>
  <si>
    <t>焼のり寿司はね全形</t>
  </si>
  <si>
    <t>全型7枚入</t>
  </si>
  <si>
    <t>焼きのり寿司はね</t>
  </si>
  <si>
    <t>大森屋_寿司はね１０枚</t>
  </si>
  <si>
    <t>お寿司屋さん赤</t>
  </si>
  <si>
    <t>はねだし焼のり</t>
  </si>
  <si>
    <t>全型10枚入</t>
  </si>
  <si>
    <t>焼海苔瀬戸内海産全形</t>
  </si>
  <si>
    <t>焼海苔瀬戸内海産板のり</t>
  </si>
  <si>
    <t>7枚</t>
  </si>
  <si>
    <t>焼海苔有明海産板のり</t>
  </si>
  <si>
    <t>焼のりすしはね</t>
  </si>
  <si>
    <t>有明産_焼のり_15枚*5枚</t>
  </si>
  <si>
    <t>15枚×5</t>
  </si>
  <si>
    <t>有明海熊本網田漁協青混ぜ焼のり</t>
  </si>
  <si>
    <t>焼のりアルミ袋入り</t>
  </si>
  <si>
    <t>姿焼のり_紺</t>
  </si>
  <si>
    <t>白子姿焼き海苔緑７枚</t>
  </si>
  <si>
    <t>白子姿焼き海苔青５枚</t>
  </si>
  <si>
    <t>白子のりチャック付きはねだし焼海苔</t>
  </si>
  <si>
    <t>全形10枚入</t>
  </si>
  <si>
    <t>チャック付姿やきのり黒7枚</t>
  </si>
  <si>
    <t>白子　兵庫県産焼のり　全形　袋１０枚</t>
  </si>
  <si>
    <t>白子_有明産はねだし_全形10枚</t>
  </si>
  <si>
    <t>白子　姿やきのり　黒　全形　１０枚</t>
  </si>
  <si>
    <t>有明産焼のり_おにぎり用_全形</t>
  </si>
  <si>
    <t>佐賀焼紫印</t>
  </si>
  <si>
    <t>10ﾏｲ</t>
  </si>
  <si>
    <t>国産焼のり全形7枚</t>
  </si>
  <si>
    <t>焼のり</t>
  </si>
  <si>
    <t>焼すしはね一番</t>
  </si>
  <si>
    <t>焼のりすしはね2番</t>
  </si>
  <si>
    <t>ﾆｺﾆｺ</t>
  </si>
  <si>
    <t>焼きずのり</t>
  </si>
  <si>
    <t>ニコニコのり焼きはねだし</t>
  </si>
  <si>
    <t>焼のりはねだし</t>
  </si>
  <si>
    <t>熊本県有明海産焼すしはね1番8枚</t>
  </si>
  <si>
    <t>板のり8枚</t>
  </si>
  <si>
    <t>焼海苔紫</t>
  </si>
  <si>
    <t>ニコニコのり　焼金１０枚</t>
  </si>
  <si>
    <t>全形１０枚</t>
  </si>
  <si>
    <t>ﾆｺﾆｺのり_焼のり_金_10枚</t>
  </si>
  <si>
    <t>全形10枚</t>
  </si>
  <si>
    <t>焼のり_網５帖</t>
  </si>
  <si>
    <t>10枚×5</t>
  </si>
  <si>
    <t>はねだし赤2帖</t>
  </si>
  <si>
    <t>全型10枚入×2P</t>
  </si>
  <si>
    <t>のり丸くん焼のり</t>
  </si>
  <si>
    <t>焼きのり紫７枚</t>
  </si>
  <si>
    <t>焼のり太陽　３帖</t>
  </si>
  <si>
    <t>10枚×3</t>
  </si>
  <si>
    <t>すしはね</t>
  </si>
  <si>
    <t>全型12枚入</t>
  </si>
  <si>
    <t>ホッカン味わい焼のり7枚</t>
  </si>
  <si>
    <t>国産焼きのり</t>
  </si>
  <si>
    <t>12枚入</t>
  </si>
  <si>
    <t>有明海産海苔</t>
  </si>
  <si>
    <t>国内産焼のり</t>
  </si>
  <si>
    <t>おいしいすしはね</t>
  </si>
  <si>
    <t>15枚</t>
  </si>
  <si>
    <t>おいしい海苔有明産</t>
  </si>
  <si>
    <t>焼のり潮乃膳</t>
  </si>
  <si>
    <t>焼のり７枚富士印</t>
  </si>
  <si>
    <t>焼のり10枚華印</t>
  </si>
  <si>
    <t>焼のり華印</t>
  </si>
  <si>
    <t>焼のり波印</t>
  </si>
  <si>
    <t>かみきれ-る焼のり</t>
  </si>
  <si>
    <t>焼き海苔潮の膳</t>
  </si>
  <si>
    <t>焼き海苔富士印</t>
  </si>
  <si>
    <t>焼のり　有明産</t>
  </si>
  <si>
    <t>きず焼のり</t>
  </si>
  <si>
    <t>広島海苔</t>
  </si>
  <si>
    <t>ﾋﾛｼﾏﾉﾘ</t>
  </si>
  <si>
    <t>焼海苔さくら</t>
  </si>
  <si>
    <t>全形8枚</t>
  </si>
  <si>
    <t>寿司はね</t>
  </si>
  <si>
    <t>全型20枚入</t>
  </si>
  <si>
    <t>渡辺海苔店</t>
  </si>
  <si>
    <t>ﾜﾀﾅﾍﾞﾉﾘﾃﾝ</t>
  </si>
  <si>
    <t>寿しはね　全型３０枚</t>
  </si>
  <si>
    <t>ﾜﾀﾅﾍﾞ</t>
  </si>
  <si>
    <t>オクマツシマ</t>
  </si>
  <si>
    <t>焼海苔　青</t>
  </si>
  <si>
    <t>焼海苔緑</t>
  </si>
  <si>
    <t>きずのり</t>
  </si>
  <si>
    <t>焼き海苔</t>
  </si>
  <si>
    <t>野村産業</t>
  </si>
  <si>
    <t>ﾉﾑﾗｻﾝｷﾞｮｳ</t>
  </si>
  <si>
    <t>焼のり潮の華全型</t>
  </si>
  <si>
    <t>全形８枚</t>
  </si>
  <si>
    <t>焼海苔自然乃香</t>
  </si>
  <si>
    <t>５枚</t>
  </si>
  <si>
    <t>焼のり全型30枚</t>
  </si>
  <si>
    <t>30枚</t>
  </si>
  <si>
    <t>永井海苔</t>
  </si>
  <si>
    <t>ﾅｶﾞｲﾉﾘ</t>
  </si>
  <si>
    <t>焼のり紫瀬戸内海産</t>
  </si>
  <si>
    <t>ﾅｶﾞｲ</t>
  </si>
  <si>
    <t>永井海苔　海苔膳焼のり　全型　袋５枚</t>
  </si>
  <si>
    <t>全形5枚</t>
  </si>
  <si>
    <t>永井海苔　焼のり紺Ｓ７枚　７枚</t>
  </si>
  <si>
    <t>板のり7枚</t>
  </si>
  <si>
    <t>永井　焼のり　７枚</t>
  </si>
  <si>
    <t>7ﾏｲ</t>
  </si>
  <si>
    <t>三河産焼のり</t>
  </si>
  <si>
    <t>８枚</t>
  </si>
  <si>
    <t>焼き海苔7枚×3P</t>
  </si>
  <si>
    <t>全型21枚入</t>
  </si>
  <si>
    <t>有明海産焼のり18枚</t>
  </si>
  <si>
    <t>18枚</t>
  </si>
  <si>
    <t>永井海苔　焼のり名人　１０枚</t>
  </si>
  <si>
    <t>有明産焼海苔</t>
  </si>
  <si>
    <t>乾のり</t>
  </si>
  <si>
    <t>すしのはね</t>
  </si>
  <si>
    <t>７枚</t>
  </si>
  <si>
    <t>焼のりお買得</t>
  </si>
  <si>
    <t>全型40枚入</t>
  </si>
  <si>
    <t>焼のりすしはね瀬戸内産</t>
  </si>
  <si>
    <t>やきのりサクッと使い切り（韓国産）</t>
  </si>
  <si>
    <t>有明海の焼のり</t>
  </si>
  <si>
    <t>全形10枚入×2P</t>
  </si>
  <si>
    <t>ご飯においしい焼のり</t>
  </si>
  <si>
    <t>全形7枚</t>
  </si>
  <si>
    <t>焼のり_お買得</t>
  </si>
  <si>
    <t>50枚</t>
  </si>
  <si>
    <t>焼のり特薦</t>
  </si>
  <si>
    <t>全型30枚入</t>
  </si>
  <si>
    <t>乾のり紺</t>
  </si>
  <si>
    <t>焼のり三重県産</t>
  </si>
  <si>
    <t>朝日海苔本舗</t>
  </si>
  <si>
    <t>ｱｻﾋﾉﾘﾎﾝﾎﾟ</t>
  </si>
  <si>
    <t>ウイズグローバル　焼海苔松島産全形10枚</t>
  </si>
  <si>
    <t>やまさ海苔店</t>
  </si>
  <si>
    <t>ｳｲｽﾞｸﾞﾘｰﾊﾞ</t>
  </si>
  <si>
    <t>金原海苔　国内産焼のり全型</t>
  </si>
  <si>
    <t>金原海苔店</t>
  </si>
  <si>
    <t>ｷﾝﾊﾞﾗﾉﾘ</t>
  </si>
  <si>
    <t>潮の恵焼のり</t>
  </si>
  <si>
    <t>ｷﾝﾊﾞﾗﾉﾘﾃﾝ</t>
  </si>
  <si>
    <t>焼海苔たっぷり使えるお買い得パック</t>
  </si>
  <si>
    <t>国内産焼海苔</t>
  </si>
  <si>
    <t>和興商会</t>
  </si>
  <si>
    <t>ﾜｺｳｼｮｳｶｲ</t>
  </si>
  <si>
    <t>国産焼海苔</t>
  </si>
  <si>
    <t>焼のり　紺</t>
  </si>
  <si>
    <t>千代海苔</t>
  </si>
  <si>
    <t>有明海産焼海苔</t>
  </si>
  <si>
    <t>有明産海苔全形10枚</t>
  </si>
  <si>
    <t>はばのり</t>
  </si>
  <si>
    <t>焼のり青全形</t>
  </si>
  <si>
    <t>かに印　焼きずのり5枚</t>
  </si>
  <si>
    <t>5枚×10</t>
  </si>
  <si>
    <t>ｷﾑﾗｶｲｻﾝ</t>
  </si>
  <si>
    <t>焼きのり全型１００枚　梅</t>
  </si>
  <si>
    <t>焼きのり全型50枚　竹</t>
  </si>
  <si>
    <t>ｶﾆ印_あなとろ焼のり_全形_10枚</t>
  </si>
  <si>
    <t>ｶﾆｼﾞﾙｼ</t>
  </si>
  <si>
    <t>くまもん焼のり　全形１０枚</t>
  </si>
  <si>
    <t>有明海産焼のり</t>
  </si>
  <si>
    <t>全形30枚入</t>
  </si>
  <si>
    <t>焼のりキズ</t>
  </si>
  <si>
    <t>4ﾏｲ</t>
  </si>
  <si>
    <t>全形25枚入</t>
  </si>
  <si>
    <t>お徳用乾のりきずのり</t>
  </si>
  <si>
    <t>西川園</t>
  </si>
  <si>
    <t>ﾆｼｶﾜｴﾝ</t>
  </si>
  <si>
    <t>お徳用焼きずのり</t>
  </si>
  <si>
    <t>焼のりおいしいですよ</t>
  </si>
  <si>
    <t>寿司のはねだし朱印</t>
  </si>
  <si>
    <t>焼のり白金</t>
  </si>
  <si>
    <t>焼のり黒金</t>
  </si>
  <si>
    <t>焼のり金</t>
  </si>
  <si>
    <t>すしのり</t>
  </si>
  <si>
    <t>業務用焼海苔半切五十枚</t>
  </si>
  <si>
    <t>焼海苔お買い得</t>
  </si>
  <si>
    <t>20ﾏｲ</t>
  </si>
  <si>
    <t>国産焼海苔ひとつ星</t>
  </si>
  <si>
    <t>焼のりムラサキ</t>
  </si>
  <si>
    <t>板のりスイショウキン</t>
  </si>
  <si>
    <t>桃太郎海苔</t>
  </si>
  <si>
    <t>ﾓﾓﾀﾛｳﾉﾘ</t>
  </si>
  <si>
    <t>巻きのり</t>
  </si>
  <si>
    <t>ヤキノリコン</t>
  </si>
  <si>
    <t>焼のり特撰</t>
  </si>
  <si>
    <t>有明のり焼のり金</t>
  </si>
  <si>
    <t>巻きのり全形</t>
  </si>
  <si>
    <t>焼きのり　少々キズ</t>
  </si>
  <si>
    <t>巻寿司のり</t>
  </si>
  <si>
    <t>全型5枚入</t>
  </si>
  <si>
    <t>巻海苔</t>
  </si>
  <si>
    <t>兵庫県産焼海苔</t>
  </si>
  <si>
    <t>松谷海苔</t>
  </si>
  <si>
    <t>ﾏﾂﾀﾆﾉﾘ</t>
  </si>
  <si>
    <t>焼のり緑</t>
  </si>
  <si>
    <t>守屋</t>
  </si>
  <si>
    <t>ﾓﾘﾔ</t>
  </si>
  <si>
    <t>浅草焼海苔</t>
  </si>
  <si>
    <t>丸木屋</t>
  </si>
  <si>
    <t>ﾏﾙｷﾔ</t>
  </si>
  <si>
    <t>一松青のり</t>
  </si>
  <si>
    <t>20枚</t>
  </si>
  <si>
    <t>鈴木海苔</t>
  </si>
  <si>
    <t>ｽｽﾞｷﾉﾘ</t>
  </si>
  <si>
    <t>海外産</t>
  </si>
  <si>
    <t>韓国産全型焼海苔_磯の舞_10個ｾｯﾄ</t>
  </si>
  <si>
    <t>全型6枚*10</t>
  </si>
  <si>
    <t>中国産焼のり</t>
  </si>
  <si>
    <t>ご飯においしい焼のり韓国産</t>
  </si>
  <si>
    <t>焼のり寿司はね黒金韓国産</t>
  </si>
  <si>
    <t>やきのりサクッと使い切り韓国産</t>
  </si>
  <si>
    <t>焼きのりお徳用</t>
  </si>
  <si>
    <t>焼のり特薦中国産</t>
  </si>
  <si>
    <t>韓国産全型焼海苔磯の舞</t>
  </si>
  <si>
    <t>磯の舞焼のり</t>
  </si>
  <si>
    <t>ｷﾝﾊﾞﾗ</t>
  </si>
  <si>
    <t>全型6枚入</t>
  </si>
  <si>
    <t>焼きのり板のり</t>
  </si>
  <si>
    <t>焼全型こだわり</t>
  </si>
  <si>
    <t>有明産初摘み海苔セット</t>
  </si>
  <si>
    <t>全形_20枚×2</t>
  </si>
  <si>
    <t>一等級有明海産佐賀のり焼のり</t>
  </si>
  <si>
    <t>佐賀海苔</t>
  </si>
  <si>
    <t>ｻｶﾞﾉﾘ</t>
  </si>
  <si>
    <t>おいしい海苔</t>
  </si>
  <si>
    <t>新海苔乾しのり丸目</t>
  </si>
  <si>
    <t>ぱりうま全形焼のり</t>
  </si>
  <si>
    <t>ぱりうま焼のり</t>
  </si>
  <si>
    <t>お寿司屋さん　銀</t>
  </si>
  <si>
    <t>焼海苔有明海産全形</t>
  </si>
  <si>
    <t>姿焼のり金</t>
  </si>
  <si>
    <t>姿やきのり</t>
  </si>
  <si>
    <t>てごたえ金全型</t>
  </si>
  <si>
    <t>15枚入</t>
  </si>
  <si>
    <t>焼き佐賀のり金</t>
  </si>
  <si>
    <t>焼佐賀のり金</t>
  </si>
  <si>
    <t>有明海産新のり未選別</t>
  </si>
  <si>
    <t>寒流のり全形</t>
  </si>
  <si>
    <t>瀬戸内海産すしはね焼のり</t>
  </si>
  <si>
    <t>ニコニコ焼海苔金</t>
  </si>
  <si>
    <t>重等級原料使用焼のり</t>
  </si>
  <si>
    <t>全型8枚入</t>
  </si>
  <si>
    <t>焼海苔極</t>
  </si>
  <si>
    <t>有明海産焼極</t>
  </si>
  <si>
    <t>有明海産　焼金　５枚</t>
  </si>
  <si>
    <t>焼のり有明産重等級</t>
  </si>
  <si>
    <t>有明海産まる等級原料使用焼のり</t>
  </si>
  <si>
    <t>寿司のり紺</t>
  </si>
  <si>
    <t>寿司のり紺袋全形</t>
  </si>
  <si>
    <t>焼のりくろピカ</t>
  </si>
  <si>
    <t>佐賀県南川副産初摘み焼きのり</t>
  </si>
  <si>
    <t>焼のり千葉県産　１０枚</t>
  </si>
  <si>
    <t>焼のり　千葉産</t>
  </si>
  <si>
    <t>焼のり　兵庫産</t>
  </si>
  <si>
    <t>焼のり有明産</t>
  </si>
  <si>
    <t>焼のり少量優品</t>
  </si>
  <si>
    <t>全形5枚入</t>
  </si>
  <si>
    <t>三國屋</t>
  </si>
  <si>
    <t>ﾐｸﾆﾔ</t>
  </si>
  <si>
    <t>江戸前やきのり</t>
  </si>
  <si>
    <t>三河産焼のり全型</t>
  </si>
  <si>
    <t>永井　愛知県産　新のり　１０枚</t>
  </si>
  <si>
    <t>若摘一番焼のり</t>
  </si>
  <si>
    <t>有明産焼のり紫菜</t>
  </si>
  <si>
    <t>希少焼板磯のり</t>
  </si>
  <si>
    <t>千葉県産焼のり全形</t>
  </si>
  <si>
    <t>瀬戸内海産焼のり</t>
  </si>
  <si>
    <t>有明海産焼のり紫</t>
  </si>
  <si>
    <t>有明海産焼のり赤</t>
  </si>
  <si>
    <t>焼海苔有明海産</t>
  </si>
  <si>
    <t>のりっこ全形</t>
  </si>
  <si>
    <t>焼きのり全型50枚　松</t>
  </si>
  <si>
    <t>あなとろ焼のり</t>
  </si>
  <si>
    <t>佐賀県産金の焼のり</t>
  </si>
  <si>
    <t>焼のりはねだし金</t>
  </si>
  <si>
    <t>八代目儀兵衛有明初積み焼のり</t>
  </si>
  <si>
    <t>5ﾏｲ</t>
  </si>
  <si>
    <t>焼のり特選5枚</t>
  </si>
  <si>
    <t>有明の華初摘み焼のり</t>
  </si>
  <si>
    <t>浅草焼のり全型</t>
  </si>
  <si>
    <t>房州産はばのり</t>
  </si>
  <si>
    <t>房州産はば海苔</t>
  </si>
  <si>
    <t>2ﾏｲ</t>
  </si>
  <si>
    <t>味全型レギュラー</t>
  </si>
  <si>
    <t>きず味付海苔全形５枚</t>
  </si>
  <si>
    <t>きずのり味付折</t>
  </si>
  <si>
    <t>きずのり味全形</t>
  </si>
  <si>
    <t>味のり曲げ</t>
  </si>
  <si>
    <t>韓国味のりおにぎらず５枚</t>
  </si>
  <si>
    <t>瀬戸内海産おにぎらず塩のり</t>
  </si>
  <si>
    <t>瀬戸内海産　にぎらずし酢のり　７枚</t>
  </si>
  <si>
    <t>焼のり_味３帖</t>
  </si>
  <si>
    <t>オムスビノリ</t>
  </si>
  <si>
    <t>味のりキズ</t>
  </si>
  <si>
    <t>おにぎらず_韓国塩のり</t>
  </si>
  <si>
    <t>サンエイ海苔</t>
  </si>
  <si>
    <t>味付のりキズ</t>
  </si>
  <si>
    <t>名家全型</t>
  </si>
  <si>
    <t>ｻﾝｴｲﾉﾘ</t>
  </si>
  <si>
    <t>おにぎり・寿司用</t>
  </si>
  <si>
    <t>おにぎり焼(3切)</t>
  </si>
  <si>
    <t>～20枚</t>
  </si>
  <si>
    <t>有明海産佐賀のりおにぎり焼のり</t>
  </si>
  <si>
    <t>3切20枚入</t>
  </si>
  <si>
    <t>大森屋おにぎり　焼</t>
  </si>
  <si>
    <t>３切４枚</t>
  </si>
  <si>
    <t>白子のり　だし塩のり　３キレ１０マイ</t>
  </si>
  <si>
    <t>3切10枚</t>
  </si>
  <si>
    <t>おにぎり焼のり</t>
  </si>
  <si>
    <t>おにぎりのり焼1/4</t>
  </si>
  <si>
    <t>ﾆｺﾆｺのり_韓国のり焼_3切20枚</t>
  </si>
  <si>
    <t>かみきれーる焼おむすびのり</t>
  </si>
  <si>
    <t>かみきれ-るおむすびのり焼</t>
  </si>
  <si>
    <t>7枚入</t>
  </si>
  <si>
    <t>おにぎりのり</t>
  </si>
  <si>
    <t>焼のりおにぎり用</t>
  </si>
  <si>
    <t>味付のりおにぎり小町</t>
  </si>
  <si>
    <t>マル一大野海苔</t>
  </si>
  <si>
    <t>ｵｵﾉ</t>
  </si>
  <si>
    <t>焼のり奥松島三ツ切</t>
  </si>
  <si>
    <t>おむすびのり焼き</t>
  </si>
  <si>
    <t>3切10枚入</t>
  </si>
  <si>
    <t>永井海苔　つぶ塩おにぎりのり　３切　１５枚</t>
  </si>
  <si>
    <t>3切15枚</t>
  </si>
  <si>
    <t>焼のり_おにぎり用</t>
  </si>
  <si>
    <t>焼のり_おむすび用_韓国産</t>
  </si>
  <si>
    <t>3切12枚</t>
  </si>
  <si>
    <t>ﾀﾞｲﾎｸｶﾝﾌﾞﾂ</t>
  </si>
  <si>
    <t>焼のりおむすび用韓国産</t>
  </si>
  <si>
    <t>3切10枚入(板のり3.33枚入）</t>
  </si>
  <si>
    <t>焼きのりおにぎり用国産</t>
  </si>
  <si>
    <t>3切15枚入</t>
  </si>
  <si>
    <t>味のりおにぎり処</t>
  </si>
  <si>
    <t>4ｷﾚ40ﾏｲ</t>
  </si>
  <si>
    <t>かね岩海苔</t>
  </si>
  <si>
    <t>ｶﾈｲﾜﾉﾘ</t>
  </si>
  <si>
    <t>焼のりおにぎり処</t>
  </si>
  <si>
    <t>九州有明海産味おにぎり</t>
  </si>
  <si>
    <t>3ｷﾚ20ﾏｲ</t>
  </si>
  <si>
    <t>九州有明海産焼おにぎり</t>
  </si>
  <si>
    <t>焼のりおもちおむすびお徳用</t>
  </si>
  <si>
    <t>おもちおむすび焼のり</t>
  </si>
  <si>
    <t>3切7枚入</t>
  </si>
  <si>
    <t>3切50枚</t>
  </si>
  <si>
    <t>国太楼</t>
  </si>
  <si>
    <t>ｸﾆﾀﾛｳ</t>
  </si>
  <si>
    <t>おむすび</t>
  </si>
  <si>
    <t>焼おにぎりのり</t>
  </si>
  <si>
    <t>贅沢おむすび焼のり</t>
  </si>
  <si>
    <t>21枚～</t>
  </si>
  <si>
    <t>焼のり_磯</t>
  </si>
  <si>
    <t>ｲｿﾉﾘ</t>
  </si>
  <si>
    <t>焼のり磯</t>
  </si>
  <si>
    <t>焼おにぎり3切50枚</t>
  </si>
  <si>
    <t>徳用焼のり　</t>
  </si>
  <si>
    <t>40枚</t>
  </si>
  <si>
    <t>3切×30枚入り</t>
  </si>
  <si>
    <t>焼おにぎり３切３０枚</t>
  </si>
  <si>
    <t>焼のりおにぎり</t>
  </si>
  <si>
    <t>3切24枚入</t>
  </si>
  <si>
    <t>焼のりおにぎり3切40枚</t>
  </si>
  <si>
    <t>3切40枚入</t>
  </si>
  <si>
    <t>焼きのり3つ切</t>
  </si>
  <si>
    <t>21枚</t>
  </si>
  <si>
    <t>27枚</t>
  </si>
  <si>
    <t>焼のり3切50枚</t>
  </si>
  <si>
    <t>瀬戸内産焼のり３切５０枚</t>
  </si>
  <si>
    <t>焼おむすび</t>
  </si>
  <si>
    <t>ニコニコ焼きおむすび</t>
  </si>
  <si>
    <t>瀬戸内海産焼のり３切３０枚</t>
  </si>
  <si>
    <t>3切30枚</t>
  </si>
  <si>
    <t>３切５０枚</t>
  </si>
  <si>
    <t>3切焼のり</t>
  </si>
  <si>
    <t>3切30枚入</t>
  </si>
  <si>
    <t>おにぎりのり直巻用３切３０枚</t>
  </si>
  <si>
    <t>仙台湾おにぎり用3つ切</t>
  </si>
  <si>
    <t>おむすびのり</t>
  </si>
  <si>
    <t>おにぎり焼きのり</t>
  </si>
  <si>
    <t>38枚</t>
  </si>
  <si>
    <t>3切33枚入</t>
  </si>
  <si>
    <t>3切27枚入</t>
  </si>
  <si>
    <t>焼のりおむすび</t>
  </si>
  <si>
    <t>焼きのり･おもち･おむすび</t>
  </si>
  <si>
    <t>有明海産おむすび焼海苔</t>
  </si>
  <si>
    <t>3切50枚入</t>
  </si>
  <si>
    <t>焼きのり</t>
  </si>
  <si>
    <t>3切35枚入</t>
  </si>
  <si>
    <t>おにぎり･おもち焼のり</t>
  </si>
  <si>
    <t>36枚</t>
  </si>
  <si>
    <t>磯美人　徳用焼のりおにぎり用　３ツ切　袋５０枚</t>
  </si>
  <si>
    <t>焼のり3切40枚</t>
  </si>
  <si>
    <t>焼おむすび大好き</t>
  </si>
  <si>
    <t>おにぎり味(3切)</t>
  </si>
  <si>
    <t>有明海産佐賀のりおにぎり塩のり</t>
  </si>
  <si>
    <t>大森屋おにぎり　味</t>
  </si>
  <si>
    <t>大森屋　おかずおにぎり味のり</t>
  </si>
  <si>
    <t>おかずおにぎり味のり3切</t>
  </si>
  <si>
    <t>16枚入</t>
  </si>
  <si>
    <t>おにぎりには､塩のり</t>
  </si>
  <si>
    <t>3切16枚入</t>
  </si>
  <si>
    <t>おにぎり味のり</t>
  </si>
  <si>
    <t>おにぎりのり味1/4</t>
  </si>
  <si>
    <t>塩のり1/3</t>
  </si>
  <si>
    <t>味おむすび</t>
  </si>
  <si>
    <t>3切5枚入</t>
  </si>
  <si>
    <t>味おむすびのり</t>
  </si>
  <si>
    <t>瀬戸内海産塩のり</t>
  </si>
  <si>
    <t>3切18枚</t>
  </si>
  <si>
    <t>おにぎらず塩のり2切</t>
  </si>
  <si>
    <t>かみきれーるおむすびのり</t>
  </si>
  <si>
    <t>20枚入</t>
  </si>
  <si>
    <t>かみきれ-るおむすびのり味付</t>
  </si>
  <si>
    <t>塩付おにぎりのり</t>
  </si>
  <si>
    <t>浜乙女塩付おにぎりのり3切</t>
  </si>
  <si>
    <t>14ﾏｲ</t>
  </si>
  <si>
    <t>やま磯_ゆかり味のりおにぎり_15枚</t>
  </si>
  <si>
    <t>ゆかり味のりおにぎり</t>
  </si>
  <si>
    <t>3切12枚入</t>
  </si>
  <si>
    <t>宮島かきの醤油のりおにぎり</t>
  </si>
  <si>
    <t>紀州南高梅味のりおにぎり</t>
  </si>
  <si>
    <t>おむすびのり味付</t>
  </si>
  <si>
    <t>徳用おにぎり味のり</t>
  </si>
  <si>
    <t>おもちおむすび味のり</t>
  </si>
  <si>
    <t>3切6枚入</t>
  </si>
  <si>
    <t>かに印おにぎりのり</t>
  </si>
  <si>
    <t>7切×5枚</t>
  </si>
  <si>
    <t>おにぎり無添加塩</t>
  </si>
  <si>
    <t>関口のり店</t>
  </si>
  <si>
    <t>ｾｷｸﾞﾁﾉﾘﾃﾝ</t>
  </si>
  <si>
    <t>味おにぎりのり</t>
  </si>
  <si>
    <t>贅沢おむすび味のり</t>
  </si>
  <si>
    <t>味付むすびのり</t>
  </si>
  <si>
    <t>ごちそうおむすび</t>
  </si>
  <si>
    <t>味のり_磯</t>
  </si>
  <si>
    <t>味のり磯</t>
  </si>
  <si>
    <t>プチおにぎりのり</t>
  </si>
  <si>
    <t>味おにぎり</t>
  </si>
  <si>
    <t>減塩味付のり3切</t>
  </si>
  <si>
    <t>３０枚</t>
  </si>
  <si>
    <t>有明海産味のり</t>
  </si>
  <si>
    <t>国内産おにぎり焼のり</t>
  </si>
  <si>
    <t>味おにぎり３切３０枚</t>
  </si>
  <si>
    <t>味のりおにぎり</t>
  </si>
  <si>
    <t>味のり3切50枚</t>
  </si>
  <si>
    <t>味のり_3切30枚</t>
  </si>
  <si>
    <t>有明海産味のり３切５０枚</t>
  </si>
  <si>
    <t>有明産塩のり</t>
  </si>
  <si>
    <t>有明海産塩のり</t>
  </si>
  <si>
    <t>3ｷﾚ24ﾏｲ</t>
  </si>
  <si>
    <t>瀬戸内海産味のり</t>
  </si>
  <si>
    <t>おにぎりおかず焼きのり</t>
  </si>
  <si>
    <t>味のり</t>
  </si>
  <si>
    <t>7切×5枚×10袋</t>
  </si>
  <si>
    <t>無添加　おにぎり塩　３切</t>
  </si>
  <si>
    <t>22枚</t>
  </si>
  <si>
    <t>ｾｷｸﾞﾁﾉﾘ</t>
  </si>
  <si>
    <t>味のり　3切30枚</t>
  </si>
  <si>
    <t>味付のり無添加</t>
  </si>
  <si>
    <t>3切21枚</t>
  </si>
  <si>
    <t>味おむすび大好き</t>
  </si>
  <si>
    <t>手巻き(2切)</t>
  </si>
  <si>
    <t>手巻のり</t>
  </si>
  <si>
    <t>2切10枚入</t>
  </si>
  <si>
    <t>手巻のり２０枚</t>
  </si>
  <si>
    <t>手巻のり2切</t>
  </si>
  <si>
    <t>手巻き家族</t>
  </si>
  <si>
    <t>国内産手巻き焼のり</t>
  </si>
  <si>
    <t>2切16枚入</t>
  </si>
  <si>
    <t>一口手巻き華２０枚</t>
  </si>
  <si>
    <t>４切２０枚</t>
  </si>
  <si>
    <t>白子　おにぎり用　焼のり　２切　１０枚入</t>
  </si>
  <si>
    <t>2切10枚</t>
  </si>
  <si>
    <t>白子パリパリおにぎり2切</t>
  </si>
  <si>
    <t>白子　しっとりおにぎり　２切　１０枚</t>
  </si>
  <si>
    <t>2ｷﾚ15ﾏｲ</t>
  </si>
  <si>
    <t>16ﾏｲ</t>
  </si>
  <si>
    <t>手巻やさん16枚</t>
  </si>
  <si>
    <t>有明海産極手巻のり</t>
  </si>
  <si>
    <t>手巻やさん_2切20枚</t>
  </si>
  <si>
    <t>2切20枚</t>
  </si>
  <si>
    <t>手巻き屋さん</t>
  </si>
  <si>
    <t>やわらか手巻き</t>
  </si>
  <si>
    <t>半切り20枚</t>
  </si>
  <si>
    <t>ﾎﾂｶﾝ</t>
  </si>
  <si>
    <t>手巻きのりファミリーパック</t>
  </si>
  <si>
    <t>やわらか手巻</t>
  </si>
  <si>
    <t>半切14枚</t>
  </si>
  <si>
    <t>かみきれーる手巻のり</t>
  </si>
  <si>
    <t>2切15枚入</t>
  </si>
  <si>
    <t>手巻きのり</t>
  </si>
  <si>
    <t>浜乙女　酢付手巻のり　２切　袋１６枚</t>
  </si>
  <si>
    <t>2切16枚</t>
  </si>
  <si>
    <t>愛知県産手巻海苔2切</t>
  </si>
  <si>
    <t>有明手巻海苔</t>
  </si>
  <si>
    <t>手巻のり徳用2切</t>
  </si>
  <si>
    <t>ｵｵﾉﾉﾘ</t>
  </si>
  <si>
    <t>おにぎりニューラップのり</t>
  </si>
  <si>
    <t>2切8枚入</t>
  </si>
  <si>
    <t>2切6枚入</t>
  </si>
  <si>
    <t>通宝手巻のり紫菜</t>
  </si>
  <si>
    <t>2切20枚入</t>
  </si>
  <si>
    <t>焼のり_手巻用</t>
  </si>
  <si>
    <t>焼のり手巻用</t>
  </si>
  <si>
    <t>焼のり手巻用中国産</t>
  </si>
  <si>
    <t>2切7枚入</t>
  </si>
  <si>
    <t>大乾</t>
  </si>
  <si>
    <t>ﾀﾞｲｶﾝ</t>
  </si>
  <si>
    <t>手巻海苔</t>
  </si>
  <si>
    <t>有明産手巻半切</t>
  </si>
  <si>
    <t>手巻き２切２０枚</t>
  </si>
  <si>
    <t>ｶﾆ印_手巻ﾌｧｲﾌﾞ_半切5枚</t>
  </si>
  <si>
    <t>半切5枚</t>
  </si>
  <si>
    <t>塩付おにぎりフィルム</t>
  </si>
  <si>
    <t>有明海産手巻きのり</t>
  </si>
  <si>
    <t>勝手に手巻</t>
  </si>
  <si>
    <t>2切14枚</t>
  </si>
  <si>
    <t>らくらく手巻のり</t>
  </si>
  <si>
    <t>むすび手巻き焼のり</t>
  </si>
  <si>
    <t>おむすび君フィルム入り</t>
  </si>
  <si>
    <t>焼おむすびフィルム縦割</t>
  </si>
  <si>
    <t>手巻き焼のり少々キズ</t>
  </si>
  <si>
    <t>焼のり手巻き徳用</t>
  </si>
  <si>
    <t>2切50枚</t>
  </si>
  <si>
    <t>有明の華初摘み手巻き焼のり</t>
  </si>
  <si>
    <t>おむすび手巻き焼のり</t>
  </si>
  <si>
    <t>大森屋　手巻家族３０枚</t>
  </si>
  <si>
    <t>2切×30枚入り</t>
  </si>
  <si>
    <t>手巻やさん</t>
  </si>
  <si>
    <t>2切24枚入</t>
  </si>
  <si>
    <t>有明海産手巻パーティ</t>
  </si>
  <si>
    <t>手巻パーティ</t>
  </si>
  <si>
    <t>手巻やさん_焼のり_2切X30枚</t>
  </si>
  <si>
    <t>2切30枚</t>
  </si>
  <si>
    <t>有明産手巻パーティー３０枚</t>
  </si>
  <si>
    <t>有明手巻</t>
  </si>
  <si>
    <t>2切26枚入</t>
  </si>
  <si>
    <t>40枚入</t>
  </si>
  <si>
    <t>2切35枚入</t>
  </si>
  <si>
    <t>手巻焼きのり</t>
  </si>
  <si>
    <t>2切30枚入</t>
  </si>
  <si>
    <t>手巻き焼のり少々キズあり</t>
  </si>
  <si>
    <t>徳用焼のり手巻</t>
  </si>
  <si>
    <t>2切40枚入</t>
  </si>
  <si>
    <t>手巻き(3切以上)</t>
  </si>
  <si>
    <t>新手巻のり一口サイズ</t>
  </si>
  <si>
    <t>4切30枚入</t>
  </si>
  <si>
    <t>くるっと_３０枚</t>
  </si>
  <si>
    <t>3ｷﾚ30ﾏｲ</t>
  </si>
  <si>
    <t>くるっと18</t>
  </si>
  <si>
    <t>くるっと</t>
  </si>
  <si>
    <t>今日はすし気分国産焼海苔</t>
  </si>
  <si>
    <t>塩付おにぎり</t>
  </si>
  <si>
    <t>3切20枚</t>
  </si>
  <si>
    <t>白子　焼のり手巻きのり_１０枚入</t>
  </si>
  <si>
    <t>塩のり1/4</t>
  </si>
  <si>
    <t>手巻やさんハンディ</t>
  </si>
  <si>
    <t>4切32枚</t>
  </si>
  <si>
    <t>有明産手巻き4切32枚</t>
  </si>
  <si>
    <t>手巻き屋さんハンディ24枚</t>
  </si>
  <si>
    <t>3切24枚</t>
  </si>
  <si>
    <t>酢付手巻のり</t>
  </si>
  <si>
    <t>4切20枚入</t>
  </si>
  <si>
    <t>おにぎりのり味付</t>
  </si>
  <si>
    <t>3切5枚</t>
  </si>
  <si>
    <t>ﾓﾓﾀﾛｳ</t>
  </si>
  <si>
    <t>おかず用</t>
  </si>
  <si>
    <t>卓上</t>
  </si>
  <si>
    <t>味付卓上のり100枚2個セット</t>
  </si>
  <si>
    <t>卓上あごだし味付けのり2個セット</t>
  </si>
  <si>
    <t>大森屋　味付_卓上100　5個セット</t>
  </si>
  <si>
    <t>12切100枚*5個</t>
  </si>
  <si>
    <t>味のり磯１０切１００枚卓上</t>
  </si>
  <si>
    <t>味磯_卓上１０切８０枚</t>
  </si>
  <si>
    <t>80枚</t>
  </si>
  <si>
    <t>宮城県産海苔使用パリっと味のり</t>
  </si>
  <si>
    <t>10ｷﾘ80枚</t>
  </si>
  <si>
    <t>くまもん味付けのり</t>
  </si>
  <si>
    <t>10切80枚入</t>
  </si>
  <si>
    <t>サクサク職人</t>
  </si>
  <si>
    <t>モーニングパック</t>
  </si>
  <si>
    <t>減塩味付のり卓上</t>
  </si>
  <si>
    <t>５５枚</t>
  </si>
  <si>
    <t>味付け卓上１２０枚</t>
  </si>
  <si>
    <t>120枚</t>
  </si>
  <si>
    <t>韓国産味付卓上</t>
  </si>
  <si>
    <t>12切80枚</t>
  </si>
  <si>
    <t>韓国産味付卓上100</t>
  </si>
  <si>
    <t>12切100枚</t>
  </si>
  <si>
    <t>味付卓上100</t>
  </si>
  <si>
    <t>12切100枚入</t>
  </si>
  <si>
    <t>味付卓上80</t>
  </si>
  <si>
    <t>味付卓上70</t>
  </si>
  <si>
    <t>12切70枚</t>
  </si>
  <si>
    <t>バリバリ職人</t>
  </si>
  <si>
    <t>30枚入</t>
  </si>
  <si>
    <t>バリバリ職人80枚旨口しょうゆ味</t>
  </si>
  <si>
    <t>バリバリ職人男梅味</t>
  </si>
  <si>
    <t>バリバリ職人80枚男梅味</t>
  </si>
  <si>
    <t>バリバリ職人やみつき昆布味</t>
  </si>
  <si>
    <t>バリバリ職人和風だし味</t>
  </si>
  <si>
    <t>バリバリ職人焼きいも風味</t>
  </si>
  <si>
    <t>バリバリ職人ペヤング激辛やきそば味</t>
  </si>
  <si>
    <t>バリバリ職人スパイシーカレー味</t>
  </si>
  <si>
    <t>30ﾏｲ</t>
  </si>
  <si>
    <t>生活派_産地限定味のり_10切60枚</t>
  </si>
  <si>
    <t>10切60枚</t>
  </si>
  <si>
    <t>生活派　ごはんのり</t>
  </si>
  <si>
    <t>有明海産味のり卓上タイプ</t>
  </si>
  <si>
    <t>80枚入</t>
  </si>
  <si>
    <t>10切250枚入</t>
  </si>
  <si>
    <t>卓上韓国のり</t>
  </si>
  <si>
    <t>10切40枚入</t>
  </si>
  <si>
    <t>宗田鰹だし使用有明海産味のり</t>
  </si>
  <si>
    <t>250枚</t>
  </si>
  <si>
    <t>国産卓上味のり</t>
  </si>
  <si>
    <t>10切105枚</t>
  </si>
  <si>
    <t>卓上味のり</t>
  </si>
  <si>
    <t>10切80枚</t>
  </si>
  <si>
    <t>卓上甘から味のり</t>
  </si>
  <si>
    <t>10切40枚</t>
  </si>
  <si>
    <t>味卓上朝食　華</t>
  </si>
  <si>
    <t>味卓上朝食_華</t>
  </si>
  <si>
    <t>8切44枚</t>
  </si>
  <si>
    <t>卓上味付のり</t>
  </si>
  <si>
    <t>卓上朝食のり味のり華</t>
  </si>
  <si>
    <t>テーブルパック味朝食</t>
  </si>
  <si>
    <t>56枚</t>
  </si>
  <si>
    <t>卓上小さな塩のり10切50枚</t>
  </si>
  <si>
    <t>味のり卓上</t>
  </si>
  <si>
    <t>佐賀産塩のり8切</t>
  </si>
  <si>
    <t>56枚入</t>
  </si>
  <si>
    <t>味付のり５０束　ポリ容器　Ｋ</t>
  </si>
  <si>
    <t>おかずのり</t>
  </si>
  <si>
    <t>ポット佐渡の深海塩塩のり60枚</t>
  </si>
  <si>
    <t>60枚</t>
  </si>
  <si>
    <t>ポット濃い味のり60枚</t>
  </si>
  <si>
    <t>朝ご飯に味付のり_卓上ﾀｲﾌﾟ</t>
  </si>
  <si>
    <t>味付のり卓上</t>
  </si>
  <si>
    <t>10切100枚</t>
  </si>
  <si>
    <t>味極卓上</t>
  </si>
  <si>
    <t>10切60枚入</t>
  </si>
  <si>
    <t>味極　８切　卓上用</t>
  </si>
  <si>
    <t>8切48枚</t>
  </si>
  <si>
    <t>ニコニコのり　極旨味のり卓上　１０キレ１００枚</t>
  </si>
  <si>
    <t>国産味のり卓上</t>
  </si>
  <si>
    <t>まる等級原料使用味のり卓上</t>
  </si>
  <si>
    <t>70枚</t>
  </si>
  <si>
    <t>味卓上のり丸くん</t>
  </si>
  <si>
    <t>8切48枚入</t>
  </si>
  <si>
    <t>味付のり１２０枚潮乃膳</t>
  </si>
  <si>
    <t>120p</t>
  </si>
  <si>
    <t>味付のり　朝からのりのり　ペット１００枚</t>
  </si>
  <si>
    <t>味付のり潮乃膳</t>
  </si>
  <si>
    <t>浜乙女味のりてりやき10切70枚</t>
  </si>
  <si>
    <t>70ﾏｲ</t>
  </si>
  <si>
    <t>浜乙女遠赤焙焼焼のり10切</t>
  </si>
  <si>
    <t>国産味のり卓上濃い味仕立て12切</t>
  </si>
  <si>
    <t>味付のりポリ瓶</t>
  </si>
  <si>
    <t>卓上のり</t>
  </si>
  <si>
    <t>48枚</t>
  </si>
  <si>
    <t>マル一大野海苔卓上のり化粧箱入2本</t>
  </si>
  <si>
    <t>2ﾎﾝ</t>
  </si>
  <si>
    <t>卓上のり3本詰化粧箱入</t>
  </si>
  <si>
    <t>3ホン</t>
  </si>
  <si>
    <t>かき醤油味付海苔　卓上</t>
  </si>
  <si>
    <t>朝めし海苔カップ</t>
  </si>
  <si>
    <t>8ｷﾚ40ﾏｲ</t>
  </si>
  <si>
    <t>ゆかり味付けのり</t>
  </si>
  <si>
    <t>ゆかり味カップ</t>
  </si>
  <si>
    <t>朝めし海苔味カップ</t>
  </si>
  <si>
    <t>26枚</t>
  </si>
  <si>
    <t>減塩朝めし海苔味カップG</t>
  </si>
  <si>
    <t>ゆかり味のりカップ</t>
  </si>
  <si>
    <t>朝めし海苔</t>
  </si>
  <si>
    <t>8切32枚入</t>
  </si>
  <si>
    <t>減塩朝めし海苔味</t>
  </si>
  <si>
    <t>32枚入</t>
  </si>
  <si>
    <t>ゆかり味のり</t>
  </si>
  <si>
    <t>紀州南高梅味のり</t>
  </si>
  <si>
    <t>卓上味付海苔波80枚</t>
  </si>
  <si>
    <t>10切×80</t>
  </si>
  <si>
    <t>永井海苔　朝のり生活　１０切５０枚</t>
  </si>
  <si>
    <t>詰め替え用味付のり</t>
  </si>
  <si>
    <t>10切55枚入</t>
  </si>
  <si>
    <t>すこやかのり10切40枚</t>
  </si>
  <si>
    <t>永井海苔味付のりニューおかず卓上10切80枚</t>
  </si>
  <si>
    <t>80ﾏｲ</t>
  </si>
  <si>
    <t>有明海産卓上味付のり</t>
  </si>
  <si>
    <t>有明海産卓上味付けのり</t>
  </si>
  <si>
    <t>10ｷﾚ100ﾏｲ</t>
  </si>
  <si>
    <t>のりすけおいしい味付のり</t>
  </si>
  <si>
    <t>10切100枚入</t>
  </si>
  <si>
    <t>ご飯においしい味付のりのりのすけ</t>
  </si>
  <si>
    <t>減塩有明海産味のり80枚</t>
  </si>
  <si>
    <t>10ｷﾚ80ﾏｲ</t>
  </si>
  <si>
    <t>有明海産若摘み味付のり</t>
  </si>
  <si>
    <t>味付のり</t>
  </si>
  <si>
    <t>100枚入</t>
  </si>
  <si>
    <t>卓上あごだし味付のり</t>
  </si>
  <si>
    <t>大洋食品</t>
  </si>
  <si>
    <t>無添加味付けのり卓上ボトル</t>
  </si>
  <si>
    <t>丸暉商店</t>
  </si>
  <si>
    <t>ﾀﾏﾅｶｲﾊﾂ</t>
  </si>
  <si>
    <t>国内産味付のり10切</t>
  </si>
  <si>
    <t>卓上有明海産味付のり10切30枚</t>
  </si>
  <si>
    <t>10切30枚</t>
  </si>
  <si>
    <t>国産味付け海苔ポット</t>
  </si>
  <si>
    <t>50p</t>
  </si>
  <si>
    <t>国産味付海苔徳用</t>
  </si>
  <si>
    <t>一番摘み味付のり有明海産ボトル</t>
  </si>
  <si>
    <t>8切れ64枚入</t>
  </si>
  <si>
    <t>一番摘み塩のり有明海産ボトル</t>
  </si>
  <si>
    <t>１２束入り卓上のり</t>
  </si>
  <si>
    <t>12束</t>
  </si>
  <si>
    <t>須河内商店</t>
  </si>
  <si>
    <t>ｽｺﾞｳﾁ</t>
  </si>
  <si>
    <t>80マイ</t>
  </si>
  <si>
    <t>ｲﾜｻｷﾉﾘ</t>
  </si>
  <si>
    <t>味のり　ブルーパック</t>
  </si>
  <si>
    <t>10ｷﾘ100ﾏｲ</t>
  </si>
  <si>
    <t>ｲﾜｻｷｼｮｸﾋﾝ</t>
  </si>
  <si>
    <t>有明海産味のり卓上10切</t>
  </si>
  <si>
    <t>さぬきの薫り卓上味のり</t>
  </si>
  <si>
    <t>50ﾏｲ</t>
  </si>
  <si>
    <t>岩崎有明産手巻のり半切DX14枚</t>
  </si>
  <si>
    <t>１００束袋（銀)</t>
  </si>
  <si>
    <t>かに印_有明海産卓上_70枚</t>
  </si>
  <si>
    <t>かに印有明産味彩10切</t>
  </si>
  <si>
    <t>ハナショウブ</t>
  </si>
  <si>
    <t>10切90枚入</t>
  </si>
  <si>
    <t>得だね</t>
  </si>
  <si>
    <t>40束入</t>
  </si>
  <si>
    <t>10切72枚</t>
  </si>
  <si>
    <t>パリッ子卓上海苔</t>
  </si>
  <si>
    <t>10切×40枚</t>
  </si>
  <si>
    <t>北畑海苔店</t>
  </si>
  <si>
    <t>ｷﾀﾊﾞﾀｹﾉﾘﾃﾝ</t>
  </si>
  <si>
    <t>関口海苔有明産卓上味付け海苔１０切８０枚</t>
  </si>
  <si>
    <t>しじみしょう油味付け海苔</t>
  </si>
  <si>
    <t>毎日のり</t>
  </si>
  <si>
    <t>ﾀｶﾗﾂﾞﾁ</t>
  </si>
  <si>
    <t>味付のり8切100枚</t>
  </si>
  <si>
    <t>炙りのり卓上</t>
  </si>
  <si>
    <t>10切64枚</t>
  </si>
  <si>
    <t>前田屋</t>
  </si>
  <si>
    <t>ﾏｴﾀﾞﾔ</t>
  </si>
  <si>
    <t>パリパリ海苔</t>
  </si>
  <si>
    <t>前田屋パリパリ卓上</t>
  </si>
  <si>
    <t>味付のり卓上無添加</t>
  </si>
  <si>
    <t>8切56枚入</t>
  </si>
  <si>
    <t>味のり大好きいただきます</t>
  </si>
  <si>
    <t>ライスのり６切４０枚</t>
  </si>
  <si>
    <t>6切40枚</t>
  </si>
  <si>
    <t>有明産味のり卓上</t>
  </si>
  <si>
    <t>12切120枚入</t>
  </si>
  <si>
    <t>味のり彩</t>
  </si>
  <si>
    <t>８切６０枚</t>
  </si>
  <si>
    <t>ｷﾞﾖﾚﾝ</t>
  </si>
  <si>
    <t>わが家の海苔卓上味付け</t>
  </si>
  <si>
    <t>有明海道　味付のり卓上１０切７５枚</t>
  </si>
  <si>
    <t>10切75枚</t>
  </si>
  <si>
    <t>50枚入</t>
  </si>
  <si>
    <t>ぱりうま卓上　味付のり</t>
  </si>
  <si>
    <t>ぱりうま卓上焼のり</t>
  </si>
  <si>
    <t>生活派有明卓上味のり</t>
  </si>
  <si>
    <t>有明海産厳選味のり</t>
  </si>
  <si>
    <t>10切50枚入</t>
  </si>
  <si>
    <t>卓上キムチ味のり</t>
  </si>
  <si>
    <t>10切66枚入</t>
  </si>
  <si>
    <t>塩のり１０切</t>
  </si>
  <si>
    <t>10ｷﾚ75ﾏｲ</t>
  </si>
  <si>
    <t>佐賀産_塩のり_8切64枚</t>
  </si>
  <si>
    <t>8切64枚</t>
  </si>
  <si>
    <t>有明海産九州しょうゆ味　７５枚</t>
  </si>
  <si>
    <t>てりやきのり卓上</t>
  </si>
  <si>
    <t>64枚</t>
  </si>
  <si>
    <t>有明海産焼のり卓上</t>
  </si>
  <si>
    <t>重等級原料使用味のり卓上</t>
  </si>
  <si>
    <t>重等級原料使用味卓上</t>
  </si>
  <si>
    <t>有明海産減塩味付のり</t>
  </si>
  <si>
    <t>有明海わさび風味極卓上</t>
  </si>
  <si>
    <t>焼のり卓上</t>
  </si>
  <si>
    <t>10切70枚</t>
  </si>
  <si>
    <t>減塩味のり卓上</t>
  </si>
  <si>
    <t>遠赤焙焼味のりてりやき</t>
  </si>
  <si>
    <t>遠赤焙焼焼のり10切</t>
  </si>
  <si>
    <t>かき醤油味付け海苔</t>
  </si>
  <si>
    <t>8切60枚</t>
  </si>
  <si>
    <t>かき醤油味付のり</t>
  </si>
  <si>
    <t>8切54枚入</t>
  </si>
  <si>
    <t>かき醤油味付のり角</t>
  </si>
  <si>
    <t>8切40枚</t>
  </si>
  <si>
    <t>てりやきのり卓上10切</t>
  </si>
  <si>
    <t>72枚入</t>
  </si>
  <si>
    <t>10切72枚入</t>
  </si>
  <si>
    <t>エコスタイル味のり</t>
  </si>
  <si>
    <t>のりすけ味付のり金</t>
  </si>
  <si>
    <t>有明海産産地限定味のり</t>
  </si>
  <si>
    <t>一番摘み明石味のり</t>
  </si>
  <si>
    <t>8切56枚</t>
  </si>
  <si>
    <t>鍵庄</t>
  </si>
  <si>
    <t>ｶｷﾞｼｮｳ</t>
  </si>
  <si>
    <t>一番摘明石のりフォーキッズ</t>
  </si>
  <si>
    <t>８切５６枚</t>
  </si>
  <si>
    <t>明石の風味のり</t>
  </si>
  <si>
    <t>一番摘み明石のりforkids</t>
  </si>
  <si>
    <t>明石味のり</t>
  </si>
  <si>
    <t>8切54枚</t>
  </si>
  <si>
    <t>かに印_くまﾓﾝの味のり_10切_10</t>
  </si>
  <si>
    <t>かに印金の味のり卓上10切</t>
  </si>
  <si>
    <t>くまモンの味のり</t>
  </si>
  <si>
    <t>金の味のり卓上</t>
  </si>
  <si>
    <t>かに印金の焼のり卓上4切</t>
  </si>
  <si>
    <t>有明海産一番摘み味付のり</t>
  </si>
  <si>
    <t>70枚入</t>
  </si>
  <si>
    <t>無添加味付のり</t>
  </si>
  <si>
    <t>300枚入</t>
  </si>
  <si>
    <t>潮の舞塩味のり卓上</t>
  </si>
  <si>
    <t>卓上味付のりくまモン</t>
  </si>
  <si>
    <t>袋</t>
  </si>
  <si>
    <t>おかずのり_有明</t>
  </si>
  <si>
    <t>ミトフーズ</t>
  </si>
  <si>
    <t>ﾐﾄﾌｰｽﾞ</t>
  </si>
  <si>
    <t>おかず海苔5個セット</t>
  </si>
  <si>
    <t>味磯おにぎりのり</t>
  </si>
  <si>
    <t>8枚×8</t>
  </si>
  <si>
    <t>味付け三味　味くらべ</t>
  </si>
  <si>
    <t>8切16枚×3</t>
  </si>
  <si>
    <t>博多めんたい海苔</t>
  </si>
  <si>
    <t>おかず海苔　６切　袋６枚×８</t>
  </si>
  <si>
    <t>6切6枚×8</t>
  </si>
  <si>
    <t>6切5枚入8P</t>
  </si>
  <si>
    <t>浦島のり　おかず海苔6切6枚6袋</t>
  </si>
  <si>
    <t>6切6枚</t>
  </si>
  <si>
    <t>舞姫のり</t>
  </si>
  <si>
    <t>8袋入り</t>
  </si>
  <si>
    <t>浦島　こだわりの味付のり</t>
  </si>
  <si>
    <t>日本の朝　味のり</t>
  </si>
  <si>
    <t>有明そだち味のり</t>
  </si>
  <si>
    <t>大森屋_おむすびのり８切３Ｐ</t>
  </si>
  <si>
    <t>おむすびのり3Pサクッと</t>
  </si>
  <si>
    <t>おむすびのり8袋サクッと仕上</t>
  </si>
  <si>
    <t>8切8枚8袋</t>
  </si>
  <si>
    <t>おかずのりサクッと仕上</t>
  </si>
  <si>
    <t>8切6枚入3P</t>
  </si>
  <si>
    <t>おかずのり6袋サクッと仕上</t>
  </si>
  <si>
    <t>8切×6×6</t>
  </si>
  <si>
    <t>8切6枚入8P</t>
  </si>
  <si>
    <t>生活派　味付おかずのり</t>
  </si>
  <si>
    <t>8切8枚×8</t>
  </si>
  <si>
    <t>朝食のり　焼（カオリ）</t>
  </si>
  <si>
    <t>味朝食香</t>
  </si>
  <si>
    <t>8切8枚×4</t>
  </si>
  <si>
    <t>白子味のり天</t>
  </si>
  <si>
    <t>白子焼朝食香</t>
  </si>
  <si>
    <t>味朝食香4P</t>
  </si>
  <si>
    <t>味おかずのり</t>
  </si>
  <si>
    <t>味付のり香</t>
  </si>
  <si>
    <t>無添加味のり</t>
  </si>
  <si>
    <t>白子　味のり　化学調味料無添加　６Ｐ</t>
  </si>
  <si>
    <t>季節の焼のり　３切１６枚　２Ｐ</t>
  </si>
  <si>
    <t>季節の塩のり　３切１６枚　２Ｐ</t>
  </si>
  <si>
    <t>佐賀県産味のり　３０束</t>
  </si>
  <si>
    <t>オチャヅケサラサラヤサイ</t>
  </si>
  <si>
    <t>佐賀産おかずのり（無添加）　５個詰</t>
  </si>
  <si>
    <t>8ｷﾚ8ﾏｲ×5ﾌｸﾛ</t>
  </si>
  <si>
    <t>おかずのり8個詰</t>
  </si>
  <si>
    <t>8切6枚入5P</t>
  </si>
  <si>
    <t>ｻﾝ</t>
  </si>
  <si>
    <t>おかず海苔８Ｐ有明産</t>
  </si>
  <si>
    <t>梅味のり</t>
  </si>
  <si>
    <t>お買い得おかずのり</t>
  </si>
  <si>
    <t>高岡屋</t>
  </si>
  <si>
    <t>ﾀｶｵｶﾔ</t>
  </si>
  <si>
    <t>有明海産おかずのり</t>
  </si>
  <si>
    <t>朝食家族_味のり</t>
  </si>
  <si>
    <t>朝食家族焼のり</t>
  </si>
  <si>
    <t>味極6袋</t>
  </si>
  <si>
    <t>8切8枚6袋</t>
  </si>
  <si>
    <t>味極</t>
  </si>
  <si>
    <t>8切6枚入6P</t>
  </si>
  <si>
    <t>味付おかず海苔</t>
  </si>
  <si>
    <t>味のり銀_8袋詰</t>
  </si>
  <si>
    <t>味おかずのり_のり丸くん</t>
  </si>
  <si>
    <t>味付おかずのりみどり印</t>
  </si>
  <si>
    <t>味付のり大判６袋</t>
  </si>
  <si>
    <t>味付のり８袋浜優印</t>
  </si>
  <si>
    <t>味付おかずのり　華印　４袋</t>
  </si>
  <si>
    <t>かみきれーる味付おかずのり</t>
  </si>
  <si>
    <t>8切6枚入8袋</t>
  </si>
  <si>
    <t>かみきれ～る味付おかずのり８Ｐ</t>
  </si>
  <si>
    <t>味付のり詰替ゴールド印</t>
  </si>
  <si>
    <t>30袋入</t>
  </si>
  <si>
    <t>味付けのり_はまゆう</t>
  </si>
  <si>
    <t>味付け海苔大判６袋</t>
  </si>
  <si>
    <t>マイアルオカズノリ８ｐ</t>
  </si>
  <si>
    <t>味付けおかずのり（ミドリ）</t>
  </si>
  <si>
    <t>味付おかずのり華印</t>
  </si>
  <si>
    <t>8切8枚入6P</t>
  </si>
  <si>
    <t>美味健食味のり8切8枚</t>
  </si>
  <si>
    <t>6ﾌｸﾛ</t>
  </si>
  <si>
    <t>浜乙女味のりパリパリ90枚</t>
  </si>
  <si>
    <t>90ﾏｲ</t>
  </si>
  <si>
    <t>おかずのり3P8切</t>
  </si>
  <si>
    <t>ぱりぱり10切</t>
  </si>
  <si>
    <t>朝めし海苔64番</t>
  </si>
  <si>
    <t>朝めし海苔240番</t>
  </si>
  <si>
    <t>24袋入</t>
  </si>
  <si>
    <t>朝食のり１０束</t>
  </si>
  <si>
    <t>ニューおかずのり</t>
  </si>
  <si>
    <t>有明海産おかず海苔</t>
  </si>
  <si>
    <t>通宝おかず海苔6切5枚6袋</t>
  </si>
  <si>
    <t>6切6枚入6袋</t>
  </si>
  <si>
    <t>味付おかずのり</t>
  </si>
  <si>
    <t>宮城のり</t>
  </si>
  <si>
    <t>ﾐﾔｷﾞﾉﾘ</t>
  </si>
  <si>
    <t>あごだし味付のり</t>
  </si>
  <si>
    <t>6束入</t>
  </si>
  <si>
    <t>国産味付けおかずのり</t>
  </si>
  <si>
    <t>8切8枚入8P</t>
  </si>
  <si>
    <t>8切8枚入3袋</t>
  </si>
  <si>
    <t>かに印_おかず_10P</t>
  </si>
  <si>
    <t>7切7枚×10</t>
  </si>
  <si>
    <t>金の味のり</t>
  </si>
  <si>
    <t>7切6枚入6袋</t>
  </si>
  <si>
    <t>１００束袋（梅)</t>
  </si>
  <si>
    <t>パリッ子</t>
  </si>
  <si>
    <t>110枚</t>
  </si>
  <si>
    <t>10切×100枚</t>
  </si>
  <si>
    <t>小善　はばのり　２枚</t>
  </si>
  <si>
    <t>ｺｾﾞﾝ</t>
  </si>
  <si>
    <t>8ﾌｸﾛ</t>
  </si>
  <si>
    <t>おかずのり_４Ｐ</t>
  </si>
  <si>
    <t>しじみのり　8袋</t>
  </si>
  <si>
    <t>おかずのり紫</t>
  </si>
  <si>
    <t>わさびのり</t>
  </si>
  <si>
    <t>8切8枚入4P</t>
  </si>
  <si>
    <t>しじみ海苔</t>
  </si>
  <si>
    <t>おかずのり紺</t>
  </si>
  <si>
    <t>味付けおかずのり</t>
  </si>
  <si>
    <t>この味　8切8枚</t>
  </si>
  <si>
    <t>桃太郎海苔　　おかずのり</t>
  </si>
  <si>
    <t>20g×3</t>
  </si>
  <si>
    <t>味むすび徳用</t>
  </si>
  <si>
    <t>6切60枚</t>
  </si>
  <si>
    <t>味付にぎりめし</t>
  </si>
  <si>
    <t>6切6枚入4P</t>
  </si>
  <si>
    <t>味付けにぎりめし</t>
  </si>
  <si>
    <t>味付にぎりめし海苔</t>
  </si>
  <si>
    <t>6切6枚入8P</t>
  </si>
  <si>
    <t>味のり_おかわりのり１Ｐ</t>
  </si>
  <si>
    <t>4切7枚</t>
  </si>
  <si>
    <t>味にぎりのり</t>
  </si>
  <si>
    <t>6切6枚×10</t>
  </si>
  <si>
    <t>味のり１００束_徳用</t>
  </si>
  <si>
    <t>12切5枚×100</t>
  </si>
  <si>
    <t>のりおくんおにぎり</t>
  </si>
  <si>
    <t>味付海苔１０袋</t>
  </si>
  <si>
    <t>味のり彩詰替</t>
  </si>
  <si>
    <t>ﾔﾏｸﾞﾁ</t>
  </si>
  <si>
    <t>ｲｼｲｼｮｳﾃﾝ</t>
  </si>
  <si>
    <t>6切5枚8袋</t>
  </si>
  <si>
    <t>6切5枚6袋</t>
  </si>
  <si>
    <t>束</t>
  </si>
  <si>
    <t>味付けのり2個セット</t>
  </si>
  <si>
    <t>磯のり　味磯８束</t>
  </si>
  <si>
    <t>12切5枚8束</t>
  </si>
  <si>
    <t>朝の香６５束瓶</t>
  </si>
  <si>
    <t>65束</t>
  </si>
  <si>
    <t>味朝のかおり</t>
  </si>
  <si>
    <t>味付けのり５０束松印</t>
  </si>
  <si>
    <t>大森印６束</t>
  </si>
  <si>
    <t>6束</t>
  </si>
  <si>
    <t>大森印味付のり</t>
  </si>
  <si>
    <t>12切5枚入6P</t>
  </si>
  <si>
    <t>減塩味付のり</t>
  </si>
  <si>
    <t>大森印１０束</t>
  </si>
  <si>
    <t>大森印12束</t>
  </si>
  <si>
    <t>12切5枚</t>
  </si>
  <si>
    <t>白子味海苔ナンバー６</t>
  </si>
  <si>
    <t>味のり_Ｎｏ．８</t>
  </si>
  <si>
    <t>8束</t>
  </si>
  <si>
    <t>白子味海苔ナンバー１０</t>
  </si>
  <si>
    <t>有明産味付け海苔36束</t>
  </si>
  <si>
    <t>12切5枚入36束入</t>
  </si>
  <si>
    <t>味付け海苔トレー</t>
  </si>
  <si>
    <t>味付海苔</t>
  </si>
  <si>
    <t>味付海苔卓上５４束</t>
  </si>
  <si>
    <t>54束</t>
  </si>
  <si>
    <t>味磯_8束</t>
  </si>
  <si>
    <t>12切５枚８束</t>
  </si>
  <si>
    <t>味のり極</t>
  </si>
  <si>
    <t>4束入</t>
  </si>
  <si>
    <t>味銀</t>
  </si>
  <si>
    <t>12切5枚入10P</t>
  </si>
  <si>
    <t>減塩味付けのり12束</t>
  </si>
  <si>
    <t>12切5枚入12P</t>
  </si>
  <si>
    <t>有明海産減塩味付のり6束</t>
  </si>
  <si>
    <t>12切5枚入6束入詰</t>
  </si>
  <si>
    <t>減塩味のり6束</t>
  </si>
  <si>
    <t>12切5枚6束</t>
  </si>
  <si>
    <t>味付詰替浜優印</t>
  </si>
  <si>
    <t>味のりあさくさ</t>
  </si>
  <si>
    <t>12切5枚入12袋</t>
  </si>
  <si>
    <t>味のりあさくさ12切5枚</t>
  </si>
  <si>
    <t>30袋</t>
  </si>
  <si>
    <t>味のり３０袋_スタンドパック</t>
  </si>
  <si>
    <t>詰替え50束トレー</t>
  </si>
  <si>
    <t>12切5枚入50P</t>
  </si>
  <si>
    <t>味付のりトレー</t>
  </si>
  <si>
    <t>40束</t>
  </si>
  <si>
    <t>朝めし海苔6束</t>
  </si>
  <si>
    <t>12切5枚×6</t>
  </si>
  <si>
    <t>味のりトレー入</t>
  </si>
  <si>
    <t>12切5枚入24P</t>
  </si>
  <si>
    <t>ロケットのり</t>
  </si>
  <si>
    <t>味海苔</t>
  </si>
  <si>
    <t>12切5枚入8P</t>
  </si>
  <si>
    <t>ご飯においしい　味付のり</t>
  </si>
  <si>
    <t>12切5枚入42P</t>
  </si>
  <si>
    <t>味付のり36束</t>
  </si>
  <si>
    <t>36ﾀﾊﾞ</t>
  </si>
  <si>
    <t>無添加味付けのり６束</t>
  </si>
  <si>
    <t>12切5枚入40P</t>
  </si>
  <si>
    <t>味付けのり</t>
  </si>
  <si>
    <t>12切5枚入30P</t>
  </si>
  <si>
    <t>味付けのりボトル入り</t>
  </si>
  <si>
    <t>山本商店</t>
  </si>
  <si>
    <t>ﾔﾏﾓﾄｼｮｳﾃﾝ</t>
  </si>
  <si>
    <t>毎日の食卓40束</t>
  </si>
  <si>
    <t>40P</t>
  </si>
  <si>
    <t>かに印_得だね_50束</t>
  </si>
  <si>
    <t>味付のり８束</t>
  </si>
  <si>
    <t>12切5枚×8</t>
  </si>
  <si>
    <t>サンパック３０束</t>
  </si>
  <si>
    <t>12切5枚×30</t>
  </si>
  <si>
    <t>しじみしょう油味のり6束</t>
  </si>
  <si>
    <t>味付のり30束_韓国産</t>
  </si>
  <si>
    <t>12切5枚30束</t>
  </si>
  <si>
    <t>有明の月</t>
  </si>
  <si>
    <t>若新</t>
  </si>
  <si>
    <t>ﾜｶｼﾝ</t>
  </si>
  <si>
    <t>有明海産味付海苔潮風</t>
  </si>
  <si>
    <t>45枚入</t>
  </si>
  <si>
    <t>有明産味付海苔５０束容器入</t>
  </si>
  <si>
    <t>12切5枚50束</t>
  </si>
  <si>
    <t>味付のり５０束　有明の恵</t>
  </si>
  <si>
    <t>12切5枚×50</t>
  </si>
  <si>
    <t>味付海苔５０束</t>
  </si>
  <si>
    <t>磯美人　わんぱく１４０</t>
  </si>
  <si>
    <t>8切140枚</t>
  </si>
  <si>
    <t>かきのり</t>
  </si>
  <si>
    <t>24束</t>
  </si>
  <si>
    <t>味付海苔ポリ</t>
  </si>
  <si>
    <t>渦潮</t>
  </si>
  <si>
    <t>味のり１００束瓶_朝日青箱</t>
  </si>
  <si>
    <t>味のり６束</t>
  </si>
  <si>
    <t>味海苔日本の朝</t>
  </si>
  <si>
    <t>味朝ごはん</t>
  </si>
  <si>
    <t>漁連味付け海苔</t>
  </si>
  <si>
    <t>アジツケノリ</t>
  </si>
  <si>
    <t>丸中</t>
  </si>
  <si>
    <t>ﾏﾙﾅｶ</t>
  </si>
  <si>
    <t>韓国袋・パック</t>
  </si>
  <si>
    <t>韓国伝統岩のり</t>
  </si>
  <si>
    <t>IGM</t>
  </si>
  <si>
    <t>味付け韓国海苔</t>
  </si>
  <si>
    <t>竹塩韓国のり</t>
  </si>
  <si>
    <t>8切8枚×3</t>
  </si>
  <si>
    <t>韓国味付けのり2個セット</t>
  </si>
  <si>
    <t>韓国味付けのり3個セット</t>
  </si>
  <si>
    <t>韓国味付海苔12P_6個ｾｯﾄ</t>
  </si>
  <si>
    <t>8切8枚12P*6</t>
  </si>
  <si>
    <t>わさび風味韓国のり</t>
  </si>
  <si>
    <t>タケフーズ</t>
  </si>
  <si>
    <t>ﾀｹﾌｰｽﾞ</t>
  </si>
  <si>
    <t>韓国海苔６切ｘ８枚　２ｐ</t>
  </si>
  <si>
    <t>8･2</t>
  </si>
  <si>
    <t>韓国伝統味海苔</t>
  </si>
  <si>
    <t>おいしい満点のり</t>
  </si>
  <si>
    <t>8切+100</t>
  </si>
  <si>
    <t>シン・インターナショナル</t>
  </si>
  <si>
    <t>ｼﾝｲﾝﾀｰﾅｼｮﾅ</t>
  </si>
  <si>
    <t>8切9枚×3</t>
  </si>
  <si>
    <t>韓国海苔３ｐ</t>
  </si>
  <si>
    <t>韓国のり（魂）</t>
  </si>
  <si>
    <t>ﾄｳﾖｳﾌｰｽﾞ</t>
  </si>
  <si>
    <t>大山　韓国のり</t>
  </si>
  <si>
    <t>9切×9</t>
  </si>
  <si>
    <t>大山</t>
  </si>
  <si>
    <t>ｵｵﾔﾏ</t>
  </si>
  <si>
    <t>韓国海苔　3P</t>
  </si>
  <si>
    <t>オンガネジャパン</t>
  </si>
  <si>
    <t>ﾁｮｲｽ</t>
  </si>
  <si>
    <t>8切8枚×2</t>
  </si>
  <si>
    <t>味付韓国海苔</t>
  </si>
  <si>
    <t>韓国海苔青海苔入り</t>
  </si>
  <si>
    <t>8切6枚×3袋</t>
  </si>
  <si>
    <t>ｵﾝｶﾞﾈｼﾞｬﾊﾟ</t>
  </si>
  <si>
    <t>韓国光天味付のり</t>
  </si>
  <si>
    <t>韓国のりジャパン</t>
  </si>
  <si>
    <t>ｶﾝｺｸﾉﾘｼﾞｬﾊ</t>
  </si>
  <si>
    <t>オリーブ味付のり</t>
  </si>
  <si>
    <t>ｶﾝｺｸﾉﾘJP</t>
  </si>
  <si>
    <t>わさび味付のり</t>
  </si>
  <si>
    <t>キムチ味付のり</t>
  </si>
  <si>
    <t>おかず徳用味付韓国海苔</t>
  </si>
  <si>
    <t>8枚×12袋</t>
  </si>
  <si>
    <t>えごま味付けのり</t>
  </si>
  <si>
    <t>韓国名品味付海苔</t>
  </si>
  <si>
    <t>8ﾏｲX3</t>
  </si>
  <si>
    <t>ﾏﾙﾎﾌﾞｯｻﾝ</t>
  </si>
  <si>
    <t>名品味付きのり</t>
  </si>
  <si>
    <t>12袋入</t>
  </si>
  <si>
    <t>明太子味付けのり</t>
  </si>
  <si>
    <t>韓国のりジャパン名品味付海苔</t>
  </si>
  <si>
    <t>名品味付のり9切6枚</t>
  </si>
  <si>
    <t>ｶﾝｺｸﾉﾘJ</t>
  </si>
  <si>
    <t>韓国光天味付のり9切6枚</t>
  </si>
  <si>
    <t>韓国光天味付海苔</t>
  </si>
  <si>
    <t>9切6枚12袋</t>
  </si>
  <si>
    <t>韓国味付海苔</t>
  </si>
  <si>
    <t>韓国のり３Ｐ</t>
  </si>
  <si>
    <t>9切10枚</t>
  </si>
  <si>
    <t>丸富商社</t>
  </si>
  <si>
    <t>ﾒｵﾄｼｮｸﾋﾝ</t>
  </si>
  <si>
    <t>たっぷり韓国味付海苔12切れ</t>
  </si>
  <si>
    <t>108枚</t>
  </si>
  <si>
    <t>韓国風味付け海苔</t>
  </si>
  <si>
    <t>韓国味付けのりオリーブオイル</t>
  </si>
  <si>
    <t>韓国味付けのり</t>
  </si>
  <si>
    <t>韓国味付のり</t>
  </si>
  <si>
    <t>山盛り韓国のり</t>
  </si>
  <si>
    <t>12切132枚</t>
  </si>
  <si>
    <t>韓国伝統のり</t>
  </si>
  <si>
    <t>2袋入</t>
  </si>
  <si>
    <t>本場韓国味付のり8切8枚</t>
  </si>
  <si>
    <t>6切6枚×3</t>
  </si>
  <si>
    <t>やまや韓国明太海苔8切24枚</t>
  </si>
  <si>
    <t>24ﾏｲ</t>
  </si>
  <si>
    <t>8切8枚入12P</t>
  </si>
  <si>
    <t>金原ピリ辛明太子海苔</t>
  </si>
  <si>
    <t>8切8枚入3P</t>
  </si>
  <si>
    <t>8ｷﾚ8ﾏｲ3P</t>
  </si>
  <si>
    <t>8ｷﾚ8ﾏｲ12P</t>
  </si>
  <si>
    <t>8切8枚3P</t>
  </si>
  <si>
    <t>8切8枚12P</t>
  </si>
  <si>
    <t>ミヤワキ</t>
  </si>
  <si>
    <t>伝統石海苔３Ｐ</t>
  </si>
  <si>
    <t>どっさり韓国のりてりやき味</t>
  </si>
  <si>
    <t>どっさり韓国のりうましお味</t>
  </si>
  <si>
    <t>小浅　韓国伝統のり２袋</t>
  </si>
  <si>
    <t>金原_韓国味付のり_3袋</t>
  </si>
  <si>
    <t>金原海苔店_ﾋﾟﾘ辛明太子海苔_8切8枚_3袋</t>
  </si>
  <si>
    <t>味付け韓国のり</t>
  </si>
  <si>
    <t>ｵﾘｵﾝｼﾞｬｺ</t>
  </si>
  <si>
    <t>ｶｵﾝｼﾞｬﾊﾟﾝ</t>
  </si>
  <si>
    <t>韓国味付海苔（２個パック）</t>
  </si>
  <si>
    <t>8切9枚×2</t>
  </si>
  <si>
    <t>ゲイジュ</t>
  </si>
  <si>
    <t>9切9枚×3</t>
  </si>
  <si>
    <t>ボリチョン味付海苔</t>
  </si>
  <si>
    <t>味付韓国海苔魂</t>
  </si>
  <si>
    <t>ｻｸﾗﾌﾞｯｻﾝ</t>
  </si>
  <si>
    <t>光天_韓国のり</t>
  </si>
  <si>
    <t>ｶﾝｺｸﾉﾘｰJ</t>
  </si>
  <si>
    <t>香ばしい韓国海苔</t>
  </si>
  <si>
    <t>ﾃﾞｻﾞﾝｼﾞｬﾊﾟ</t>
  </si>
  <si>
    <t>韓国束・卓上・その他</t>
  </si>
  <si>
    <t>韓国のりジャパン　韓国光天　味付のり　８切８枚　３袋</t>
  </si>
  <si>
    <t>8切8枚3p</t>
  </si>
  <si>
    <t>韓国味付海苔全形</t>
  </si>
  <si>
    <t>わさび味ふりかけのり</t>
  </si>
  <si>
    <t>キムチ味　ふりかけのり</t>
  </si>
  <si>
    <t>ｶﾝｺｸﾉﾘ</t>
  </si>
  <si>
    <t>ごま油風味ふりかけのり</t>
  </si>
  <si>
    <t>えごま油ふりかけのり</t>
  </si>
  <si>
    <t>えびちりめんじゃこふりかけ味付のり</t>
  </si>
  <si>
    <t>えびちりめんふりかけのり</t>
  </si>
  <si>
    <t>韓国キンパ用海苔全形</t>
  </si>
  <si>
    <t>わかめ甘辛韓国ごま油風味</t>
  </si>
  <si>
    <t>生活派_韓国のり_えび塩_8切48枚</t>
  </si>
  <si>
    <t>サクうま韓国のり</t>
  </si>
  <si>
    <t>韓国味のり</t>
  </si>
  <si>
    <t>8切40枚入</t>
  </si>
  <si>
    <t>キンパ用韓国味のり</t>
  </si>
  <si>
    <t>韓国味のり３切２０枚</t>
  </si>
  <si>
    <t>韓国味のりスタンドパック</t>
  </si>
  <si>
    <t>韓国味もみのり</t>
  </si>
  <si>
    <t>韓国産もみのり</t>
  </si>
  <si>
    <t>韓国風味味付海苔</t>
  </si>
  <si>
    <t>韓国味付け海苔</t>
  </si>
  <si>
    <t>ジャバンのり</t>
  </si>
  <si>
    <t>ＣＪジャバン海苔×3個セット</t>
  </si>
  <si>
    <t>南道ふりかけのり</t>
  </si>
  <si>
    <t>プルコギ味ふりかけのり</t>
  </si>
  <si>
    <t>韓国のり明太子ふりかけ大袋</t>
  </si>
  <si>
    <t>宋家一品ジャバンのり</t>
  </si>
  <si>
    <t>バリバリ職人韓国うま塩味</t>
  </si>
  <si>
    <t>韓国ジャバンのり</t>
  </si>
  <si>
    <t>韓国ジャバンのりキムチ味</t>
  </si>
  <si>
    <t>韓国ジャバンのり玉ねぎ味</t>
  </si>
  <si>
    <t>熟成ジャバンのりスタンダード</t>
  </si>
  <si>
    <t>チュモッパ用ジャバンのり</t>
  </si>
  <si>
    <t>ふりかける熟成ジャバンのりガーリック味</t>
  </si>
  <si>
    <t>トルジャバン</t>
  </si>
  <si>
    <t>韓国のり味付けジャバンのり</t>
  </si>
  <si>
    <t>韓国味付ジャバンのりパター醤油味</t>
  </si>
  <si>
    <t>やみつき無限ぶっかけのり</t>
  </si>
  <si>
    <t>韓国味付ジャバンのりプルコギ味</t>
  </si>
  <si>
    <t>韓国ジャバンのりこいうま</t>
  </si>
  <si>
    <t>韓国ふりかけのり</t>
  </si>
  <si>
    <t>51ｇ</t>
  </si>
  <si>
    <t>ぶっかけ韓国のりもみのり</t>
  </si>
  <si>
    <t>ぶっかけ韓国のりピリ辛</t>
  </si>
  <si>
    <t>bibigo海苔ジャバン</t>
  </si>
  <si>
    <t>サクサクやみつきジャバンのり</t>
  </si>
  <si>
    <t>両班韓食ジャバン海苔</t>
  </si>
  <si>
    <t>かけて食べる韓国のり</t>
  </si>
  <si>
    <t>ｼｰｼﾞｪｲ</t>
  </si>
  <si>
    <t>トッピングその他</t>
  </si>
  <si>
    <t>サラ・もみ・きざみ</t>
  </si>
  <si>
    <t>きざみのり　１２ｇチャック袋</t>
  </si>
  <si>
    <t>きざみ海苔</t>
  </si>
  <si>
    <t>ヤマザキ食販</t>
  </si>
  <si>
    <t>味付もみのり増量</t>
  </si>
  <si>
    <t>もみのり松印　</t>
  </si>
  <si>
    <t>香りで食べるきざみ海苔</t>
  </si>
  <si>
    <t>井口味付もみのり</t>
  </si>
  <si>
    <t>徳用もみのり</t>
  </si>
  <si>
    <t>味付のり100枚卓上容器入り</t>
  </si>
  <si>
    <t>有明海産パリッと手巻きのり</t>
  </si>
  <si>
    <t>4切28枚</t>
  </si>
  <si>
    <t>4切42枚</t>
  </si>
  <si>
    <t>きざみのり　小</t>
  </si>
  <si>
    <t>生活派_焼ききざみのり_8g</t>
  </si>
  <si>
    <t>白子　もみのり　１０ｇ</t>
  </si>
  <si>
    <t>もみのり徳用</t>
  </si>
  <si>
    <t>白子_パッとパラッときざみパック　０．６ｇ×１０</t>
  </si>
  <si>
    <t>きざみのりミニパック１０Ｐ</t>
  </si>
  <si>
    <t>0.8g×10</t>
  </si>
  <si>
    <t>もみのり梅　チャック付</t>
  </si>
  <si>
    <t>徳用きざみのり</t>
  </si>
  <si>
    <t>味もみのり</t>
  </si>
  <si>
    <t>九州有明海産味もみのり</t>
  </si>
  <si>
    <t>焼海苔きざみ</t>
  </si>
  <si>
    <t>焼きざみ</t>
  </si>
  <si>
    <t>ニコニコ　焼細きざみのり</t>
  </si>
  <si>
    <t>大入りきざみのり</t>
  </si>
  <si>
    <t>きざみのり香彩</t>
  </si>
  <si>
    <t>有明産切りのり</t>
  </si>
  <si>
    <t>きざみのり細切８ｇ青印</t>
  </si>
  <si>
    <t>きざみのり　チャック付き</t>
  </si>
  <si>
    <t>味付もみのりチャック付</t>
  </si>
  <si>
    <t>サラのり</t>
  </si>
  <si>
    <t>はごろもサラのり</t>
  </si>
  <si>
    <t>味きざみわさび</t>
  </si>
  <si>
    <t>はごろも　味きざみ　しそ　８ｇ</t>
  </si>
  <si>
    <t>味きざみしょうゆ</t>
  </si>
  <si>
    <t>お手軽カットわかめ</t>
  </si>
  <si>
    <t>味付けもみのり華印</t>
  </si>
  <si>
    <t>焼きざみ海苔</t>
  </si>
  <si>
    <t>永井海苔　きざミックス１２ｇ</t>
  </si>
  <si>
    <t>カットわかめ</t>
  </si>
  <si>
    <t>ｱﾏﾅｶﾞ</t>
  </si>
  <si>
    <t>焼きのり粉</t>
  </si>
  <si>
    <t>川谷商店</t>
  </si>
  <si>
    <t>ﾖｼｻﾞｺｼｮｳﾃﾝ</t>
  </si>
  <si>
    <t>焼ききざみのり</t>
  </si>
  <si>
    <t>佐藤海苔</t>
  </si>
  <si>
    <t>ｻﾄｳﾉﾘ</t>
  </si>
  <si>
    <t>国内産きざみのり</t>
  </si>
  <si>
    <t>きざみのりたっぷり</t>
  </si>
  <si>
    <t>味付もみ海苔１００ｇ</t>
  </si>
  <si>
    <t>サラダちゃんごま風味</t>
  </si>
  <si>
    <t>157g</t>
  </si>
  <si>
    <t>サラダちゃん青じそ風味</t>
  </si>
  <si>
    <t>岩崎味もみのりグリーン15g</t>
  </si>
  <si>
    <t>岩崎食品きざみのり7g</t>
  </si>
  <si>
    <t>有明産味もみのり</t>
  </si>
  <si>
    <t>もみのり　20ｇ</t>
  </si>
  <si>
    <t>２０ｇ</t>
  </si>
  <si>
    <t>もみのり100ｇ（上)</t>
  </si>
  <si>
    <t>ｾｷｸﾞﾁ</t>
  </si>
  <si>
    <t>もみのりグリーン</t>
  </si>
  <si>
    <t>味付きざみのり</t>
  </si>
  <si>
    <t>佃煮のり有明</t>
  </si>
  <si>
    <t>とろろめかぶ小袋10gX10P</t>
  </si>
  <si>
    <t>あかもくわかめ</t>
  </si>
  <si>
    <t>キザミノリ</t>
  </si>
  <si>
    <t>別口きざみのり</t>
  </si>
  <si>
    <t>磯美人　味付のり　切れはし　梅印　３０ｇ</t>
  </si>
  <si>
    <t>焼きざみのり</t>
  </si>
  <si>
    <t>ぶっかけ海苔めし海苔味</t>
  </si>
  <si>
    <t>ぶっかけ海苔めしねぎ味</t>
  </si>
  <si>
    <t>ぶっかけ海苔めし昆布味</t>
  </si>
  <si>
    <t>吉野川産糸青のり</t>
  </si>
  <si>
    <t>国産糸青のり　</t>
  </si>
  <si>
    <t>青のり・あおさ・青粉</t>
  </si>
  <si>
    <t>青海苔</t>
  </si>
  <si>
    <t>ほてい水産</t>
  </si>
  <si>
    <t>卓上　青のり</t>
  </si>
  <si>
    <t>青のり　瓶</t>
  </si>
  <si>
    <t>2G</t>
  </si>
  <si>
    <t>棚橋食品</t>
  </si>
  <si>
    <t>青のり瓶</t>
  </si>
  <si>
    <t>あおさ　</t>
  </si>
  <si>
    <t>ﾓﾘﾃﾞﾝ</t>
  </si>
  <si>
    <t>あおさ</t>
  </si>
  <si>
    <t>笑顔</t>
  </si>
  <si>
    <t>ｴｶﾞｵ</t>
  </si>
  <si>
    <t>はじめましてあおさのり</t>
  </si>
  <si>
    <t>宮川産業</t>
  </si>
  <si>
    <t>ﾐﾔｶﾞﾜｻﾝｷﾞｮ</t>
  </si>
  <si>
    <t>大森屋　青のり粉　瓶</t>
  </si>
  <si>
    <t>あおさ袋</t>
  </si>
  <si>
    <t>生活派_青のり_6ｇ</t>
  </si>
  <si>
    <t>高知県産すじ青のり</t>
  </si>
  <si>
    <t>2.3g</t>
  </si>
  <si>
    <t>国産　卓上　あおのり　５ｇ</t>
  </si>
  <si>
    <t>白子　卓上青のり　瓶　５ｇ</t>
  </si>
  <si>
    <t>白子青のり</t>
  </si>
  <si>
    <t>海宝物　あおさ</t>
  </si>
  <si>
    <t>青粉_緑</t>
  </si>
  <si>
    <t>8G</t>
  </si>
  <si>
    <t>あおさ（国産）</t>
  </si>
  <si>
    <t>青のり_瓶入り</t>
  </si>
  <si>
    <t>青のり15ｇ</t>
  </si>
  <si>
    <t>ニコニコのりあおさ</t>
  </si>
  <si>
    <t>ニコニコのり青のり袋10g</t>
  </si>
  <si>
    <t>10G</t>
  </si>
  <si>
    <t>国産あおさ</t>
  </si>
  <si>
    <t>伊勢志摩あおさ</t>
  </si>
  <si>
    <t>青さ粉</t>
  </si>
  <si>
    <t>フタバ　アオノリ　フクロイリ</t>
  </si>
  <si>
    <t>青のり（瓶）</t>
  </si>
  <si>
    <t>青のり袋入り</t>
  </si>
  <si>
    <t>青のり瓶入り</t>
  </si>
  <si>
    <t>青のり袋</t>
  </si>
  <si>
    <t>2.2g</t>
  </si>
  <si>
    <t>3.2g</t>
  </si>
  <si>
    <t>青のり　1.3ｇ</t>
  </si>
  <si>
    <t>1.3ｇ</t>
  </si>
  <si>
    <t>3.5G</t>
  </si>
  <si>
    <t>青のり　袋</t>
  </si>
  <si>
    <t>1.4G</t>
  </si>
  <si>
    <t>ﾔﾏｷ_青のり_10G</t>
  </si>
  <si>
    <t>あおさ粉</t>
  </si>
  <si>
    <t>繊維状青のり</t>
  </si>
  <si>
    <t>あおさ粉中国産</t>
  </si>
  <si>
    <t>あおのり</t>
  </si>
  <si>
    <t>国内産あおさ粉</t>
  </si>
  <si>
    <t>国内産青のり</t>
  </si>
  <si>
    <t>国産青のり</t>
  </si>
  <si>
    <t>国産あおさ粉</t>
  </si>
  <si>
    <t>青粉</t>
  </si>
  <si>
    <t>青海苔ビン７ｇ</t>
  </si>
  <si>
    <t>青海苔ビン</t>
  </si>
  <si>
    <t>永井海苔　青海苔パック2.5ｇ</t>
  </si>
  <si>
    <t>適量パック_青さ粉</t>
  </si>
  <si>
    <t>宝食品_乾燥青さ_四万十川産_6g</t>
  </si>
  <si>
    <t>伊勢志摩産あおさ</t>
  </si>
  <si>
    <t>海のあおさ</t>
  </si>
  <si>
    <t>日本業務食品</t>
  </si>
  <si>
    <t>ﾆﾎﾝｷﾞｮｳﾑ</t>
  </si>
  <si>
    <t>9g_DX</t>
  </si>
  <si>
    <t>高本商店</t>
  </si>
  <si>
    <t>青のり原藻高知県産</t>
  </si>
  <si>
    <t>高知県産青のり入りつまみのり17g</t>
  </si>
  <si>
    <t>糸青のり</t>
  </si>
  <si>
    <t>アマノ</t>
  </si>
  <si>
    <t>瀬戸内産糸青のり　</t>
  </si>
  <si>
    <t>あおさのり</t>
  </si>
  <si>
    <t>国内産糸青のり</t>
  </si>
  <si>
    <t>ｺｲｹﾉﾘ</t>
  </si>
  <si>
    <t>吉野川　　新・青のり</t>
  </si>
  <si>
    <t>吉野川産青海苔</t>
  </si>
  <si>
    <t>焼青のり</t>
  </si>
  <si>
    <t>焼青のりセット</t>
  </si>
  <si>
    <t>青粉　小袋</t>
  </si>
  <si>
    <t>丸星食品</t>
  </si>
  <si>
    <t>ﾏﾙﾎﾞｼ</t>
  </si>
  <si>
    <t>ﾏﾙﾎﾞｼｼｮｸﾋﾝ</t>
  </si>
  <si>
    <t>青粉中国産</t>
  </si>
  <si>
    <t>国内産青のり粉</t>
  </si>
  <si>
    <t>マルダイ海藻</t>
  </si>
  <si>
    <t>国内産島田のり青のり</t>
  </si>
  <si>
    <t>青さのり</t>
  </si>
  <si>
    <t>青のり三昧</t>
  </si>
  <si>
    <t>天草産あおさ　　</t>
  </si>
  <si>
    <t>本川海産食品</t>
  </si>
  <si>
    <t>干し・磯・岩・ばら・はば海苔など</t>
  </si>
  <si>
    <t>焼きのりふりかけ</t>
  </si>
  <si>
    <t>海苔師が届ける焼きバラのり</t>
  </si>
  <si>
    <t>磯香りのり</t>
  </si>
  <si>
    <t>磯薫りのり　カレンダー</t>
  </si>
  <si>
    <t>２ｇ</t>
  </si>
  <si>
    <t>有明海産　磯薫りのり</t>
  </si>
  <si>
    <t>有明海産磯薫りのり</t>
  </si>
  <si>
    <t>干しのり</t>
  </si>
  <si>
    <t>魚の屋地のり</t>
  </si>
  <si>
    <t>18ｸﾞﾗﾑ</t>
  </si>
  <si>
    <t>小池国内産ふのり</t>
  </si>
  <si>
    <t>2枚入</t>
  </si>
  <si>
    <t>房州はばのり入お雑煮セット</t>
  </si>
  <si>
    <t>房州はばのり</t>
  </si>
  <si>
    <t>ぜいたくお雑煮セット</t>
  </si>
  <si>
    <t>カネヨ小山　ふのり国内産13ｇ</t>
  </si>
  <si>
    <t>小山商店</t>
  </si>
  <si>
    <t>漁師のまかない海苔</t>
  </si>
  <si>
    <t>千葉のお雑煮トッピング</t>
  </si>
  <si>
    <t>はばのり三昧</t>
  </si>
  <si>
    <t>東遠_ﾔﾝﾊﾞﾝ岩海苔_6P_19.8g</t>
  </si>
  <si>
    <t>キャラクター・おやつ・その他</t>
  </si>
  <si>
    <t>白子FD水でもどる三杯酢のり</t>
  </si>
  <si>
    <t>ニコニコのり　海苔のうつわ　１８枚</t>
  </si>
  <si>
    <t>18ﾏｲ</t>
  </si>
  <si>
    <t>ハローキティカットのり</t>
  </si>
  <si>
    <t>12切2枚入×6P</t>
  </si>
  <si>
    <t>ハローキティおにぎりラップのり</t>
  </si>
  <si>
    <t>四万十川青さのり入りつまみのり</t>
  </si>
  <si>
    <t>海苔あられ</t>
  </si>
  <si>
    <t>名探偵コナンのりかける</t>
  </si>
  <si>
    <t>ミッキーカットのり</t>
  </si>
  <si>
    <t>海産乾物</t>
  </si>
  <si>
    <t>だしいりこ</t>
  </si>
  <si>
    <t>だしいりこ小容量レギュラー(～179g)</t>
  </si>
  <si>
    <t>無添加煮干し</t>
  </si>
  <si>
    <t>シーガル</t>
  </si>
  <si>
    <t>ｼｰｶﾞﾙ</t>
  </si>
  <si>
    <t>無添加煮干いりこ</t>
  </si>
  <si>
    <t>無添加山口県周防大島産煮干いりこ</t>
  </si>
  <si>
    <t>無選別煮干</t>
  </si>
  <si>
    <t>無選別煮干栃木産</t>
  </si>
  <si>
    <t>瀬戸内産にぼし袋</t>
  </si>
  <si>
    <t>瀬戸内産煮干</t>
  </si>
  <si>
    <t>だし煮干</t>
  </si>
  <si>
    <t>煮干し削り</t>
  </si>
  <si>
    <t>瀬戸内産いりこ</t>
  </si>
  <si>
    <t>煮干し</t>
  </si>
  <si>
    <t>ヤマキ　元気一番　にぼしだけよ　４０ｇ</t>
  </si>
  <si>
    <t>元気一番にぼしだけよ</t>
  </si>
  <si>
    <t>にぼしっ子</t>
  </si>
  <si>
    <t>煮干</t>
  </si>
  <si>
    <t>ヤマヒデ食品いりこだけ8g×10</t>
  </si>
  <si>
    <t>8GX10</t>
  </si>
  <si>
    <t>長崎産にぼし</t>
  </si>
  <si>
    <t>瀬戸内海でとれた煮干し</t>
  </si>
  <si>
    <t>土佐屋商店</t>
  </si>
  <si>
    <t>ﾄｻﾔｼｮｳﾃﾝ</t>
  </si>
  <si>
    <t>瀬戸内海産煮干し</t>
  </si>
  <si>
    <t>石丸弥蔵商店</t>
  </si>
  <si>
    <t>ｲｼﾏﾙﾔｿﾞｳ</t>
  </si>
  <si>
    <t>玄海産煮干いりこ</t>
  </si>
  <si>
    <t>弥永こだわりいりこ</t>
  </si>
  <si>
    <t>いりこ１００ｇ</t>
  </si>
  <si>
    <t>高級イリコ</t>
  </si>
  <si>
    <t>ﾀｲｾｲｻﾝｷﾞｮｳ</t>
  </si>
  <si>
    <t>大成産業</t>
  </si>
  <si>
    <t>ﾀｲｾｲｼｮｳﾃﾝ</t>
  </si>
  <si>
    <t>エビス食品伊吹産いりこ上</t>
  </si>
  <si>
    <t>エビス食品企業組合</t>
  </si>
  <si>
    <t>ｴﾋﾞｽｼｮｸﾋﾝ</t>
  </si>
  <si>
    <t>エビス食品伊吹産いりこ上徳用</t>
  </si>
  <si>
    <t>ｴﾋﾞｽｼｮｸﾋ</t>
  </si>
  <si>
    <t>国内産いりこ</t>
  </si>
  <si>
    <t>中辰</t>
  </si>
  <si>
    <t>ﾅｶﾀﾂ</t>
  </si>
  <si>
    <t>伊吹島産伊吹のいりこ</t>
  </si>
  <si>
    <t>香川県漁業協同組合連合会</t>
  </si>
  <si>
    <t>ｶｶﾞﾜｹﾝｷﾞｮﾚ</t>
  </si>
  <si>
    <t>塩無添加健康にぼし</t>
  </si>
  <si>
    <t>サカモト</t>
  </si>
  <si>
    <t>熟成あじにぼし</t>
  </si>
  <si>
    <t>国産にぼし</t>
  </si>
  <si>
    <t>カクサ国産魚介金のだしパック</t>
  </si>
  <si>
    <t>カクサ国産魚介銀のだしパック</t>
  </si>
  <si>
    <t>マルタカ物産</t>
  </si>
  <si>
    <t>国内産　いりこ</t>
  </si>
  <si>
    <t>イリコ　大</t>
  </si>
  <si>
    <t>イリコ　小</t>
  </si>
  <si>
    <t>カエリイリコ</t>
  </si>
  <si>
    <t>だしいりこ大容量レギュラー(180g～499g)</t>
  </si>
  <si>
    <t>国産煮干し</t>
  </si>
  <si>
    <t>森川水産</t>
  </si>
  <si>
    <t>ﾓﾘｶﾜｽｲｻﾝ</t>
  </si>
  <si>
    <t>煮干いりこ</t>
  </si>
  <si>
    <t>長崎産煮干いりこ</t>
  </si>
  <si>
    <t>産地直送にぼし</t>
  </si>
  <si>
    <t>片口にぼし</t>
  </si>
  <si>
    <t>そのまんま煮干し</t>
  </si>
  <si>
    <t>徳用煮干</t>
  </si>
  <si>
    <t>いきいき煮干</t>
  </si>
  <si>
    <t>奉仕品　だしにぼし</t>
  </si>
  <si>
    <t>にぼし</t>
  </si>
  <si>
    <t>煮干袋</t>
  </si>
  <si>
    <t>伝統の味いりこ</t>
  </si>
  <si>
    <t>フジイチ</t>
  </si>
  <si>
    <t>ﾌｼﾞｲﾁ</t>
  </si>
  <si>
    <t>煮干削り</t>
  </si>
  <si>
    <t>Ａにぼし</t>
  </si>
  <si>
    <t>特煮干</t>
  </si>
  <si>
    <t>徳用にぼし</t>
  </si>
  <si>
    <t>煮干徳用</t>
  </si>
  <si>
    <t>Ｋ煮干し</t>
  </si>
  <si>
    <t>マルトモ煮干　250ｇ</t>
  </si>
  <si>
    <t>ﾔﾏｷ_煮干200G(E)_200G</t>
  </si>
  <si>
    <t>長崎産いりこ</t>
  </si>
  <si>
    <t>ｼﾏｳﾁｼｮｳｼﾞ</t>
  </si>
  <si>
    <t>瀬戸内海産煮干し徳用</t>
  </si>
  <si>
    <t>音戸産煮干しいりこ</t>
  </si>
  <si>
    <t>境港産方口いわし</t>
  </si>
  <si>
    <t>エビス食品伊吹産いりこ中羽</t>
  </si>
  <si>
    <t>エビス食品伊吹産いりこ中羽徳用</t>
  </si>
  <si>
    <t>特選煮干し</t>
  </si>
  <si>
    <t>藤澤</t>
  </si>
  <si>
    <t>舞鶴産　煮干し</t>
  </si>
  <si>
    <t>煮干し特用</t>
  </si>
  <si>
    <t>瀬戸内海産いりこ西</t>
  </si>
  <si>
    <t>瀬戸内海産いりこ東</t>
  </si>
  <si>
    <t>エスミック煮干</t>
  </si>
  <si>
    <t>熟成煮干</t>
  </si>
  <si>
    <t>本位にぼし大材</t>
  </si>
  <si>
    <t>熟成にぼし白口</t>
  </si>
  <si>
    <t>熟成にぼし小才</t>
  </si>
  <si>
    <t>坂本金太郎いわし　　４５０Ｇ</t>
  </si>
  <si>
    <t>熟成煮干し混合</t>
  </si>
  <si>
    <t>にぼしいりこ大羽</t>
  </si>
  <si>
    <t>えびすいりこ</t>
  </si>
  <si>
    <t>特選いりこ小羽</t>
  </si>
  <si>
    <t>国内産粉いりこ</t>
  </si>
  <si>
    <t>長崎県産煮干し</t>
  </si>
  <si>
    <t>いりこ日本海産</t>
  </si>
  <si>
    <t>サエキサンイリコ</t>
  </si>
  <si>
    <t>徳用いりこ</t>
  </si>
  <si>
    <t>吉廻商店</t>
  </si>
  <si>
    <t>だしいりこ業務用（500g～）</t>
  </si>
  <si>
    <t>徳用だし煮干</t>
  </si>
  <si>
    <t>だしにぼし</t>
  </si>
  <si>
    <t>味いりこ1ｋｇ</t>
  </si>
  <si>
    <t>ﾏﾙﾄﾓ　煮干１ｋｇ</t>
  </si>
  <si>
    <t>熟成にぼし</t>
  </si>
  <si>
    <t>だしいりこ減塩・無添加</t>
  </si>
  <si>
    <t>瀬戸内海産無添加にぼし</t>
  </si>
  <si>
    <t>減塩だし用にぼし</t>
  </si>
  <si>
    <t>長崎産無添加煮干</t>
  </si>
  <si>
    <t>瀬戸内産無添加にぼし</t>
  </si>
  <si>
    <t>塩無添加新鮮造り煮干</t>
  </si>
  <si>
    <t>無添加長崎産熟成にぼし</t>
  </si>
  <si>
    <t>だしはこれ</t>
  </si>
  <si>
    <t>国産にぼし塩無添加</t>
  </si>
  <si>
    <t>粉末いりこ・削り</t>
  </si>
  <si>
    <t>焼きあご粉末</t>
  </si>
  <si>
    <t>煮干し粉末</t>
  </si>
  <si>
    <t>出汁八撰焼きあご粉末</t>
  </si>
  <si>
    <t>クックドライ　焼きあご粉末</t>
  </si>
  <si>
    <t>クックドライ　煮干し粉末</t>
  </si>
  <si>
    <t>削り粉</t>
  </si>
  <si>
    <t>かね七にぼし粉末</t>
  </si>
  <si>
    <t>にぼし粉末</t>
  </si>
  <si>
    <t>イリコケズリ</t>
  </si>
  <si>
    <t>にぼし削り</t>
  </si>
  <si>
    <t>煮干し削っちゃいました</t>
  </si>
  <si>
    <t>けずり粉</t>
  </si>
  <si>
    <t>うるめ削りぶし</t>
  </si>
  <si>
    <t>ごはんにかけるふわふわいわし削り</t>
  </si>
  <si>
    <t>削り粉末</t>
  </si>
  <si>
    <t>煮干っ子_小</t>
  </si>
  <si>
    <t>魚粉</t>
  </si>
  <si>
    <t>いわしふりかけ潮の華</t>
  </si>
  <si>
    <t>粉いりこ</t>
  </si>
  <si>
    <t>飛魚・その他</t>
  </si>
  <si>
    <t>焼あご</t>
  </si>
  <si>
    <t>焼きあご</t>
  </si>
  <si>
    <t>10尾</t>
  </si>
  <si>
    <t>ムテンカアジ</t>
  </si>
  <si>
    <t>ムテンカキビナ</t>
  </si>
  <si>
    <t>あごにぼし</t>
  </si>
  <si>
    <t>平戸産あご煮干し</t>
  </si>
  <si>
    <t>あご煮干し</t>
  </si>
  <si>
    <t>あじ煮干し</t>
  </si>
  <si>
    <t>食べるいりこレギュラー</t>
  </si>
  <si>
    <t>無添加食べるかえりいりこ</t>
  </si>
  <si>
    <t>おかずいりこ</t>
  </si>
  <si>
    <t>国産食べる小魚</t>
  </si>
  <si>
    <t>生活派　食べる小魚</t>
  </si>
  <si>
    <t>食べる小魚</t>
  </si>
  <si>
    <t>たべる小魚</t>
  </si>
  <si>
    <t>かね七たべる小魚袋</t>
  </si>
  <si>
    <t>食べる煮干し</t>
  </si>
  <si>
    <t>食べる煮干</t>
  </si>
  <si>
    <t>ﾏﾙﾄﾓ_食べる小魚</t>
  </si>
  <si>
    <t>食べるにぼし</t>
  </si>
  <si>
    <t>瀬戸内産無添加食べる小魚</t>
  </si>
  <si>
    <t>瀬戸内産食べる小魚</t>
  </si>
  <si>
    <t>長崎県産たべるいりこ</t>
  </si>
  <si>
    <t>カモト商店</t>
  </si>
  <si>
    <t>ｶﾓﾄｼｮｳﾃﾝ</t>
  </si>
  <si>
    <t>無添加国内産健康たべる小魚</t>
  </si>
  <si>
    <t>たべるいりこ</t>
  </si>
  <si>
    <t>ワンパックいりこ</t>
  </si>
  <si>
    <t>元気にぼしCa2200</t>
  </si>
  <si>
    <t>食べるいりこ減塩・無添加</t>
  </si>
  <si>
    <t>塩無添加食べる小魚</t>
  </si>
  <si>
    <t>ｺｸﾗｼｮｸﾋﾝ</t>
  </si>
  <si>
    <t>酸化防止剤無添加たべる小魚</t>
  </si>
  <si>
    <t>塩無添加食べる小魚瀬戸内海産</t>
  </si>
  <si>
    <t>遠赤焙煎食べる小魚</t>
  </si>
  <si>
    <t>藤沢商事塩無添加食べる小魚</t>
  </si>
  <si>
    <t>塩無添加食べる煮干</t>
  </si>
  <si>
    <t>減塩食べるにぼし</t>
  </si>
  <si>
    <t>塩無添加新鮮造り食べるにぼし</t>
  </si>
  <si>
    <t>塩無添加新鮮造り食べる小魚</t>
  </si>
  <si>
    <t>ムテンカタベルイリコ</t>
  </si>
  <si>
    <t>サカモト塩無添加健康たべる小魚</t>
  </si>
  <si>
    <t>塩無添加健康食べる小魚</t>
  </si>
  <si>
    <t>妊婦さんのいりこ</t>
  </si>
  <si>
    <t>いりこその他</t>
  </si>
  <si>
    <t>ちりめん・田作り・その他</t>
  </si>
  <si>
    <t>田作り</t>
  </si>
  <si>
    <t>田作国産片口いわし</t>
  </si>
  <si>
    <t>倉敷商店</t>
  </si>
  <si>
    <t>特選田作り　５０ｇ</t>
  </si>
  <si>
    <t>山陰産たれ付き田作り</t>
  </si>
  <si>
    <t>山口産　たれ付き田作り</t>
  </si>
  <si>
    <t>30ｇ+30ｇ</t>
  </si>
  <si>
    <t>アーモンドフィッシュ</t>
  </si>
  <si>
    <t>国産たつくり</t>
  </si>
  <si>
    <t>国産田作り　</t>
  </si>
  <si>
    <t>藤沢商事　田作り　35g</t>
  </si>
  <si>
    <t>健康フィッシュ</t>
  </si>
  <si>
    <t>健康いりこフィッシュ　ごま</t>
  </si>
  <si>
    <t>サラじゃこ</t>
  </si>
  <si>
    <t>長崎産ちりめんじゃこ</t>
  </si>
  <si>
    <t>にぼしっこ</t>
  </si>
  <si>
    <t>たべるチリメンじゃこ</t>
  </si>
  <si>
    <t>田つくり</t>
  </si>
  <si>
    <t>サラダ用揚ちりめん</t>
  </si>
  <si>
    <t>長崎産きびな</t>
  </si>
  <si>
    <t>長崎産ちりめん</t>
  </si>
  <si>
    <t>きび田作り</t>
  </si>
  <si>
    <t>きびたづくり</t>
  </si>
  <si>
    <t>からんま</t>
  </si>
  <si>
    <t>境港産方口田作り</t>
  </si>
  <si>
    <t>ごまめ　袋入り</t>
  </si>
  <si>
    <t>国内産田作り</t>
  </si>
  <si>
    <t>国内産田作り　(中才)</t>
  </si>
  <si>
    <t>ちりめん</t>
  </si>
  <si>
    <t>さけちりめん</t>
  </si>
  <si>
    <t>タヅクリ（ゴマメ）</t>
  </si>
  <si>
    <t>本田作り（いわし）　※国産</t>
  </si>
  <si>
    <t>ﾏﾙﾀｶ</t>
  </si>
  <si>
    <t>田作りキビ</t>
  </si>
  <si>
    <t>田作りイワシ</t>
  </si>
  <si>
    <t>あみ・干し・桜えび</t>
  </si>
  <si>
    <t>干しあみ特パック</t>
  </si>
  <si>
    <t>小海老</t>
  </si>
  <si>
    <t>花えび_特パック</t>
  </si>
  <si>
    <t>100g_DX</t>
  </si>
  <si>
    <t>業務用小海老</t>
  </si>
  <si>
    <t>業務用干しあみ</t>
  </si>
  <si>
    <t>さくらえび無色素干し</t>
  </si>
  <si>
    <t>台湾産桜えび　素干し</t>
  </si>
  <si>
    <t>生活派乾えび</t>
  </si>
  <si>
    <t>無着色乾えび</t>
  </si>
  <si>
    <t>台湾産桜えび</t>
  </si>
  <si>
    <t>愛知県産素干しえび</t>
  </si>
  <si>
    <t>素干しえび(愛知県産)</t>
  </si>
  <si>
    <t>桜えび無添加</t>
  </si>
  <si>
    <t>桜えび_素干</t>
  </si>
  <si>
    <t>素干しえび無着色</t>
  </si>
  <si>
    <t>桜えび台湾産</t>
  </si>
  <si>
    <t>小えびＶ500ｇ（天然着色）</t>
  </si>
  <si>
    <t>食べるかつお</t>
  </si>
  <si>
    <t>スボシエビ</t>
  </si>
  <si>
    <t>すこやか紅えび</t>
  </si>
  <si>
    <t>干桜えび台湾産無着色</t>
  </si>
  <si>
    <t>ヤマト食品</t>
  </si>
  <si>
    <t>ﾔﾏﾄｼｮｸﾋﾝ</t>
  </si>
  <si>
    <t>ベストＰ　乾物市場小えび　１２ｇ</t>
  </si>
  <si>
    <t>乾し海老</t>
  </si>
  <si>
    <t>小えび　20ｇ</t>
  </si>
  <si>
    <t>西久</t>
  </si>
  <si>
    <t>小えび着色</t>
  </si>
  <si>
    <t>瀬戸内海産小えび</t>
  </si>
  <si>
    <t>国内産小えび</t>
  </si>
  <si>
    <t>訳あり国産素干しえび</t>
  </si>
  <si>
    <t>小川</t>
  </si>
  <si>
    <t>ｵｶﾞﾜ</t>
  </si>
  <si>
    <t>干し小えび赤</t>
  </si>
  <si>
    <t>井上海産物店</t>
  </si>
  <si>
    <t>干し小えび白</t>
  </si>
  <si>
    <t>干し小えび_赤</t>
  </si>
  <si>
    <t>赤えび大</t>
  </si>
  <si>
    <t>4尾</t>
  </si>
  <si>
    <t>オガワ食品</t>
  </si>
  <si>
    <t>神野商店</t>
  </si>
  <si>
    <t>ｼﾞﾝﾉｼｮｳﾃﾝ</t>
  </si>
  <si>
    <t>干しあみ</t>
  </si>
  <si>
    <t>さくらえび</t>
  </si>
  <si>
    <t>花えび</t>
  </si>
  <si>
    <t>40g_DX</t>
  </si>
  <si>
    <t>小桜えび</t>
  </si>
  <si>
    <t>30g_D+59</t>
  </si>
  <si>
    <t>カタオカ</t>
  </si>
  <si>
    <t>ｶﾀｵｶ</t>
  </si>
  <si>
    <t>冷風乾燥桜えび</t>
  </si>
  <si>
    <t>小エビ</t>
  </si>
  <si>
    <t>小エビ　乾燥</t>
  </si>
  <si>
    <t>玉鈴</t>
  </si>
  <si>
    <t>ﾏﾙﾀﾏ</t>
  </si>
  <si>
    <t>焼エビ</t>
  </si>
  <si>
    <t>焼きえび国内産</t>
  </si>
  <si>
    <t>25g_D+179</t>
  </si>
  <si>
    <t>乾えび無着色_（台湾産）</t>
  </si>
  <si>
    <t>山本貢資商店</t>
  </si>
  <si>
    <t>ﾔﾏﾓﾄｺｳｼﾞ</t>
  </si>
  <si>
    <t>素干しエビ</t>
  </si>
  <si>
    <t>粉末えび</t>
  </si>
  <si>
    <t>出汁八撰甘えび粉末</t>
  </si>
  <si>
    <t>花かつお・薄削り小容量（~49ｇ）</t>
  </si>
  <si>
    <t>かつおぶし削り節</t>
  </si>
  <si>
    <t>料亭仕込み花かつお</t>
  </si>
  <si>
    <t>料亭仕込み　花かつお</t>
  </si>
  <si>
    <t>かつおソフト削り</t>
  </si>
  <si>
    <t>フレッシュパックソフト1.5g×8</t>
  </si>
  <si>
    <t>かつおソフト削りふりかけ用</t>
  </si>
  <si>
    <t>1.5g*16</t>
  </si>
  <si>
    <t>徳用花かつお</t>
  </si>
  <si>
    <t>近海一本釣りソフトけずり</t>
  </si>
  <si>
    <t>マルトモ　花かつお　１８ｇ</t>
  </si>
  <si>
    <t>18G</t>
  </si>
  <si>
    <t>花かつお　20ｇ</t>
  </si>
  <si>
    <t>かつおつや削り</t>
  </si>
  <si>
    <t>プレ節25ミクロンソフト削り</t>
  </si>
  <si>
    <t>プレ節花削り</t>
  </si>
  <si>
    <t>直火焼ソフト削り</t>
  </si>
  <si>
    <t>直火焼本かつお</t>
  </si>
  <si>
    <t>花かつお</t>
  </si>
  <si>
    <t>波かつお</t>
  </si>
  <si>
    <t>直火焼ソフトけずり</t>
  </si>
  <si>
    <t>新直火焼ソフト削４０</t>
  </si>
  <si>
    <t>花かつお新鮮一番削り</t>
  </si>
  <si>
    <t>氷温熟成かつおマイルド</t>
  </si>
  <si>
    <t>氷温熟成マイルド削り</t>
  </si>
  <si>
    <t>氷温熟成かつおマイルド削り</t>
  </si>
  <si>
    <t>氷熟マイルド削り</t>
  </si>
  <si>
    <t>極味伝承鰹本枯節血合い抜き</t>
  </si>
  <si>
    <t>新鮮一番花かつお</t>
  </si>
  <si>
    <t>便利な花かつお</t>
  </si>
  <si>
    <t>味な花かつお薩摩産４０ｇ</t>
  </si>
  <si>
    <t>便利な花かつお薩摩産</t>
  </si>
  <si>
    <t>匠庵匠の技ソフト</t>
  </si>
  <si>
    <t>匠の技本枯節ミニパック</t>
  </si>
  <si>
    <t>花子ソフト削り</t>
  </si>
  <si>
    <t>ムテンカハナカツオ</t>
  </si>
  <si>
    <t>ソフト削りかつお</t>
  </si>
  <si>
    <t>花かつおＬＰ</t>
  </si>
  <si>
    <t>薩摩の味花かつお</t>
  </si>
  <si>
    <t>お母さん</t>
  </si>
  <si>
    <t>味たて上手ソフト</t>
  </si>
  <si>
    <t>花かつお・薄削り大容量(50ｇ～99g)</t>
  </si>
  <si>
    <t>花がつお</t>
  </si>
  <si>
    <t>国産花かつお</t>
  </si>
  <si>
    <t>枕崎100花かつお</t>
  </si>
  <si>
    <t>華けずり</t>
  </si>
  <si>
    <t>ktmｹﾝｺｳﾈｯﾄ</t>
  </si>
  <si>
    <t>帯削り</t>
  </si>
  <si>
    <t>花かつお扇印</t>
  </si>
  <si>
    <t>徳用　花かつお</t>
  </si>
  <si>
    <t>かね七_花かつお</t>
  </si>
  <si>
    <t>花かつおはごろも舞70gチャック袋</t>
  </si>
  <si>
    <t>近海一本釣り花かつお</t>
  </si>
  <si>
    <t>花かつお千両</t>
  </si>
  <si>
    <t>熟成枯節削りかつを　５０ｇ</t>
  </si>
  <si>
    <t>かつおソフト削り65ｇ</t>
  </si>
  <si>
    <t>花かつおさつま</t>
  </si>
  <si>
    <t>Ｔ花かつお80ｇ</t>
  </si>
  <si>
    <t>新直火焼本かつお</t>
  </si>
  <si>
    <t>直火焼本かつお２号</t>
  </si>
  <si>
    <t>森田鰹節</t>
  </si>
  <si>
    <t>アジイチバンカツオ</t>
  </si>
  <si>
    <t>徳一番花かつお</t>
  </si>
  <si>
    <t>匠かつおぶし枯節</t>
  </si>
  <si>
    <t>５５g</t>
  </si>
  <si>
    <t>お徳用花かつお</t>
  </si>
  <si>
    <t>けずりこ</t>
  </si>
  <si>
    <t>匠の花</t>
  </si>
  <si>
    <t>だしこれが一番</t>
  </si>
  <si>
    <t>花かつお平刃削り</t>
  </si>
  <si>
    <t>久政</t>
  </si>
  <si>
    <t>ﾋｻﾏｻ</t>
  </si>
  <si>
    <t>ｷｭｳﾏｻ</t>
  </si>
  <si>
    <t>花かつお細刃削り</t>
  </si>
  <si>
    <t>ムテンカハナガツオ</t>
  </si>
  <si>
    <t>鰹節のカネイ</t>
  </si>
  <si>
    <t>ｶﾂｵﾌﾞｼﾉｶﾈｲ</t>
  </si>
  <si>
    <t>マルモ　ＫＳ花かつお</t>
  </si>
  <si>
    <t>お好み花かつお</t>
  </si>
  <si>
    <t>ﾏﾙﾓ_KS花かつお80G増量_96G</t>
  </si>
  <si>
    <t>花かつおＬＰ　４０ｇ</t>
  </si>
  <si>
    <t>金虎</t>
  </si>
  <si>
    <t>ｶﾈﾄﾗ</t>
  </si>
  <si>
    <t>花かつお・薄削り業務用(100ｇ～)</t>
  </si>
  <si>
    <t>KTM華けずり</t>
  </si>
  <si>
    <t>川一通商</t>
  </si>
  <si>
    <t>ｶﾜｲﾁ</t>
  </si>
  <si>
    <t>花かつお100ｇ</t>
  </si>
  <si>
    <t>花かつお久衛門</t>
  </si>
  <si>
    <t>ﾔﾏｷｭｰ</t>
  </si>
  <si>
    <t>新・さつま_１００Ｇ</t>
  </si>
  <si>
    <t>Ｔ_花かつお</t>
  </si>
  <si>
    <t>かつ削りぶしＹＺ500ｇ</t>
  </si>
  <si>
    <t>業務用トッピングかつお破片</t>
  </si>
  <si>
    <t>お好焼花かつお</t>
  </si>
  <si>
    <t>お徳用削りぶし</t>
  </si>
  <si>
    <t>はながつお</t>
  </si>
  <si>
    <t>ｶﾈｲ</t>
  </si>
  <si>
    <t>細花</t>
  </si>
  <si>
    <t>花かつお　業務用</t>
  </si>
  <si>
    <t>厚削り</t>
  </si>
  <si>
    <t>かつお厚けずり</t>
  </si>
  <si>
    <t>かつお厚削りはごろも舞150g</t>
  </si>
  <si>
    <t>直火焼厚削り</t>
  </si>
  <si>
    <t>直火焼本かつお厚削り</t>
  </si>
  <si>
    <t>かつお厚削り</t>
  </si>
  <si>
    <t>直火焼本かつお厚削り120ｇ</t>
  </si>
  <si>
    <t>かつお厚削り180ｇ</t>
  </si>
  <si>
    <t>かつおと宗田の厚削り</t>
  </si>
  <si>
    <t>味立出しかつお</t>
  </si>
  <si>
    <t>やわらかかつおスライス</t>
  </si>
  <si>
    <t>食べるお出し</t>
  </si>
  <si>
    <t>石原水産</t>
  </si>
  <si>
    <t>ｲｼﾊﾗｽｲｻﾝ</t>
  </si>
  <si>
    <t>混合削り・雑節</t>
  </si>
  <si>
    <t>混合削り</t>
  </si>
  <si>
    <t>かね七華けずり</t>
  </si>
  <si>
    <t>いわし削りうるめ</t>
  </si>
  <si>
    <t>削りぶし松風印</t>
  </si>
  <si>
    <t>ﾏﾙﾄﾓ_にぼし削り_55g</t>
  </si>
  <si>
    <t>さば･むろあじ削りぶしいよ2号</t>
  </si>
  <si>
    <t>和だし・源</t>
  </si>
  <si>
    <t>ケズリブシ　７５Ｇ</t>
  </si>
  <si>
    <t>ﾏﾙﾄﾓ_削りぶし_150G</t>
  </si>
  <si>
    <t>直火焼本かつお入りだし用削り</t>
  </si>
  <si>
    <t>和だし</t>
  </si>
  <si>
    <t>和だし源</t>
  </si>
  <si>
    <t>和だし　１５０Ｇ</t>
  </si>
  <si>
    <t>直火焼だし用削り</t>
  </si>
  <si>
    <t>だしの力</t>
  </si>
  <si>
    <t>にぼしだけよ</t>
  </si>
  <si>
    <t>業務用だし１２０ｇ</t>
  </si>
  <si>
    <t>混合厚削り</t>
  </si>
  <si>
    <t>徳一番削りぶし</t>
  </si>
  <si>
    <t>O′花花ソフト削り</t>
  </si>
  <si>
    <t>さんまも削っちゃったよ</t>
  </si>
  <si>
    <t>ヤマヒデ食品　お徳用です　削りぶし　１２０ｇ</t>
  </si>
  <si>
    <t>混合削り節</t>
  </si>
  <si>
    <t>和だしの決め手混合削り</t>
  </si>
  <si>
    <t>だし用削り</t>
  </si>
  <si>
    <t>いりこ削り</t>
  </si>
  <si>
    <t>粉末かつお・糸削り・その他</t>
  </si>
  <si>
    <t>かつお節粉末</t>
  </si>
  <si>
    <t>生活派_かつお粉_40G</t>
  </si>
  <si>
    <t>けずり粉チャック付</t>
  </si>
  <si>
    <t>削りぶし粉</t>
  </si>
  <si>
    <t>サラかつお</t>
  </si>
  <si>
    <t>おでんっ子</t>
  </si>
  <si>
    <t>かつおソフト糸削り</t>
  </si>
  <si>
    <t>めっちゃ使える花かつお</t>
  </si>
  <si>
    <t>糸かつお</t>
  </si>
  <si>
    <t>糸かつお_２０Ｇ_４０入</t>
  </si>
  <si>
    <t>業務用糸かつお</t>
  </si>
  <si>
    <t>風味自慢削り粉</t>
  </si>
  <si>
    <t>ﾔﾏｷ_匠一番焼津産糸がき_20g</t>
  </si>
  <si>
    <t>ヤマキ　匠一番焼津産糸がき</t>
  </si>
  <si>
    <t>匠一番糸がき</t>
  </si>
  <si>
    <t>ラーメンの魔法の粉レッド</t>
  </si>
  <si>
    <t>ラーメン魔法の粉ブラック</t>
  </si>
  <si>
    <t>まぐろ糸削り</t>
  </si>
  <si>
    <t>ハイパック赤</t>
  </si>
  <si>
    <t>味立て上手かつお粉</t>
  </si>
  <si>
    <t>かつお破片</t>
  </si>
  <si>
    <t>丈夫な粉</t>
  </si>
  <si>
    <t>節</t>
  </si>
  <si>
    <t>本節</t>
  </si>
  <si>
    <t>新さつま</t>
  </si>
  <si>
    <t>14本</t>
  </si>
  <si>
    <t>鹿児島産花かつお実演販売</t>
  </si>
  <si>
    <t>薩摩節３本組</t>
  </si>
  <si>
    <t>丸俊そのまま食べるかつおスライス</t>
  </si>
  <si>
    <t>丸俊</t>
  </si>
  <si>
    <t>ﾏﾙﾄｼ</t>
  </si>
  <si>
    <t>なまり節</t>
  </si>
  <si>
    <t>燻かつお</t>
  </si>
  <si>
    <t>新さつま節１本</t>
  </si>
  <si>
    <t>亀しょうゆ節</t>
  </si>
  <si>
    <t>小分けパック</t>
  </si>
  <si>
    <t>小容量(～6P)</t>
  </si>
  <si>
    <t>カツオパック_Ｋ－５</t>
  </si>
  <si>
    <t>鰹パック</t>
  </si>
  <si>
    <t>2.5g×5P</t>
  </si>
  <si>
    <t>2.5g×5</t>
  </si>
  <si>
    <t>華けずりこんぶ</t>
  </si>
  <si>
    <t>フレッシュパック　ソフト</t>
  </si>
  <si>
    <t>ニューかつおパック</t>
  </si>
  <si>
    <t>2.5g×4P</t>
  </si>
  <si>
    <t>フレッシュパックソフトプレミアム</t>
  </si>
  <si>
    <t>2.5ｇ</t>
  </si>
  <si>
    <t>にんべんやわらかソフト削り</t>
  </si>
  <si>
    <t>かつおパック　2.5g×6</t>
  </si>
  <si>
    <t>徳用かつおパック</t>
  </si>
  <si>
    <t>1.5g×5P</t>
  </si>
  <si>
    <t>2g×5P</t>
  </si>
  <si>
    <t>まごころパック</t>
  </si>
  <si>
    <t>2g×6袋入</t>
  </si>
  <si>
    <t>3g×6</t>
  </si>
  <si>
    <t>マルトモ　かつおパック_3g*5P</t>
  </si>
  <si>
    <t>かつおつや削り　４P</t>
  </si>
  <si>
    <t>2.5g×4</t>
  </si>
  <si>
    <t>徳用_かつおﾊﾟｯｸ</t>
  </si>
  <si>
    <t>直火焼本かつおパック</t>
  </si>
  <si>
    <t>2g×4P</t>
  </si>
  <si>
    <t>受験に勝男武士</t>
  </si>
  <si>
    <t>新直火焼本かつおソフト_５</t>
  </si>
  <si>
    <t>つや削り</t>
  </si>
  <si>
    <t>森田鰹節土佐削りパック2g×5</t>
  </si>
  <si>
    <t>2gX5</t>
  </si>
  <si>
    <t>ﾓﾘﾀｶﾂｵﾌﾞｼ</t>
  </si>
  <si>
    <t>ヤマキ　踊るかつお節　１６ｇ</t>
  </si>
  <si>
    <t>カツオパック</t>
  </si>
  <si>
    <t>味一番カツオパック</t>
  </si>
  <si>
    <t>薩摩産かつおパック</t>
  </si>
  <si>
    <t>だしパックかつお6P</t>
  </si>
  <si>
    <t>O花花ソフト削り</t>
  </si>
  <si>
    <t>3GX5</t>
  </si>
  <si>
    <t>カツオパック　５ＰＳ</t>
  </si>
  <si>
    <t>ﾀｸﾐｱﾝ</t>
  </si>
  <si>
    <t>ソフトパック　花子</t>
  </si>
  <si>
    <t>使い切りミニパック</t>
  </si>
  <si>
    <t>1.5g×6</t>
  </si>
  <si>
    <t>ベストP　匠庵　使いきりのミニパック　１ｇＸ８</t>
  </si>
  <si>
    <t>1g×8p</t>
  </si>
  <si>
    <t>ベストＰ　匠庵　ソフトパック　花子　２．５ｇ×５</t>
  </si>
  <si>
    <t>2.5g×5p</t>
  </si>
  <si>
    <t>匠庵ソフトパック花子</t>
  </si>
  <si>
    <t>2gX4P</t>
  </si>
  <si>
    <t>ムテンカカツオミニ５Ｐ</t>
  </si>
  <si>
    <t>新丸正堅魚屋駿河ふぶき#54g×5袋</t>
  </si>
  <si>
    <t>4GX5</t>
  </si>
  <si>
    <t>新丸正</t>
  </si>
  <si>
    <t>ｼﾝﾏﾙﾏｻ</t>
  </si>
  <si>
    <t>2.0g×6</t>
  </si>
  <si>
    <t>ﾏﾙﾓ_花かつおLP_3GX6P</t>
  </si>
  <si>
    <t>薩摩の味かつおパック</t>
  </si>
  <si>
    <t>2g×6p</t>
  </si>
  <si>
    <t>かつおソフトパック</t>
  </si>
  <si>
    <t>5g×4</t>
  </si>
  <si>
    <t>金虎ソフト</t>
  </si>
  <si>
    <t>中容量(7P～14P)</t>
  </si>
  <si>
    <t>国産かつおパック</t>
  </si>
  <si>
    <t>かつおパック8P</t>
  </si>
  <si>
    <t>徳用かつおパック2g×105個セット</t>
  </si>
  <si>
    <t>徳用かつおパック2g×1010個セット</t>
  </si>
  <si>
    <t>直火焼きソフト削り2個セット</t>
  </si>
  <si>
    <t>2.5g×10×2P</t>
  </si>
  <si>
    <t>徳用かつおパック10個セット</t>
  </si>
  <si>
    <t>17g×10×10P</t>
  </si>
  <si>
    <t>PB鰹節</t>
  </si>
  <si>
    <t>鰹パック_K-8</t>
  </si>
  <si>
    <t>2.5g×8P</t>
  </si>
  <si>
    <t>鰹ソフト削りパック</t>
  </si>
  <si>
    <t>鰹パック_K-10</t>
  </si>
  <si>
    <t>2.5g×10P</t>
  </si>
  <si>
    <t>フレッシュパック</t>
  </si>
  <si>
    <t>４ｇ×１０Ｐ</t>
  </si>
  <si>
    <t>フレッシュパックソフト</t>
  </si>
  <si>
    <t>かつおパックはごろも舞</t>
  </si>
  <si>
    <t>0.7g×8P</t>
  </si>
  <si>
    <t>1.7g×10P</t>
  </si>
  <si>
    <t>1.7g×8</t>
  </si>
  <si>
    <t>1.5g×8P</t>
  </si>
  <si>
    <t>かつおパック　10Ｐ</t>
  </si>
  <si>
    <t>2.5g×10</t>
  </si>
  <si>
    <t>2.5g×13P</t>
  </si>
  <si>
    <t>2g×10P</t>
  </si>
  <si>
    <t>1.5g×10P</t>
  </si>
  <si>
    <t>1.5g×13P</t>
  </si>
  <si>
    <t>2g×10</t>
  </si>
  <si>
    <t>使い切りかつおパック</t>
  </si>
  <si>
    <t>1g×8P</t>
  </si>
  <si>
    <t>2g×8P</t>
  </si>
  <si>
    <t>マゴコロパック１０ＰＳ</t>
  </si>
  <si>
    <t>3g×13</t>
  </si>
  <si>
    <t>直火焼本鰹パック</t>
  </si>
  <si>
    <t>2g×8</t>
  </si>
  <si>
    <t>プレ節ソフト削り</t>
  </si>
  <si>
    <t>1.5g×12P</t>
  </si>
  <si>
    <t>プレ節ソフトけずり</t>
  </si>
  <si>
    <t>1.2g×12</t>
  </si>
  <si>
    <t>鰹使いっきりﾊﾟｯｸ</t>
  </si>
  <si>
    <t>新直火焼ソフトパック</t>
  </si>
  <si>
    <t>直火焼かつおパック</t>
  </si>
  <si>
    <t>熟成枯節ソフト削り１０Ｐ</t>
  </si>
  <si>
    <t>鰹本節パック</t>
  </si>
  <si>
    <t>森田鰹節土佐削りパック2g×10</t>
  </si>
  <si>
    <t>2GX10</t>
  </si>
  <si>
    <t>カツオパツク</t>
  </si>
  <si>
    <t>マイルドパック</t>
  </si>
  <si>
    <t>極味伝承鰹本枯節血合抜パック</t>
  </si>
  <si>
    <t>新鮮一番かつおパック</t>
  </si>
  <si>
    <t>2.5gx8P</t>
  </si>
  <si>
    <t>新鮮一番使い切り鰹パック</t>
  </si>
  <si>
    <t>便利な使い切りパック</t>
  </si>
  <si>
    <t>1g×12P</t>
  </si>
  <si>
    <t>使い切り1gマイルドパック</t>
  </si>
  <si>
    <t>カツオパックソフト削り</t>
  </si>
  <si>
    <t>1.5gx10</t>
  </si>
  <si>
    <t>3g×7</t>
  </si>
  <si>
    <t>ｺｲｹﾌｰｽﾞ</t>
  </si>
  <si>
    <t>まろやかかつおパック</t>
  </si>
  <si>
    <t>ソフト削りかつおパック</t>
  </si>
  <si>
    <t>マルモ　ＫＳソフトパック</t>
  </si>
  <si>
    <t>マルモ　味立て　ソフト削り</t>
  </si>
  <si>
    <t>味立て上手ソフト削り</t>
  </si>
  <si>
    <t>2g×12P</t>
  </si>
  <si>
    <t>3g×12P</t>
  </si>
  <si>
    <t>味立て上手かつおパック</t>
  </si>
  <si>
    <t>1g×10P</t>
  </si>
  <si>
    <t>2g×10p</t>
  </si>
  <si>
    <t>ﾏﾙﾓLPｿﾌﾄﾊﾟｯｸ3G*10Pｿﾞｳﾘｮｳ</t>
  </si>
  <si>
    <t>炭火焼かつおパック</t>
  </si>
  <si>
    <t>味たて上手ソフト削り</t>
  </si>
  <si>
    <t>炭火焼ソフト削り</t>
  </si>
  <si>
    <t>大容量(15P～29P)</t>
  </si>
  <si>
    <t>徳用かつおパック20P</t>
  </si>
  <si>
    <t>3g×20</t>
  </si>
  <si>
    <t>2.5g×20</t>
  </si>
  <si>
    <t>2g×20P</t>
  </si>
  <si>
    <t>1.5g×20P</t>
  </si>
  <si>
    <t>かつおソフト削り２０袋</t>
  </si>
  <si>
    <t>かつおソフト削り　20P</t>
  </si>
  <si>
    <t>使い切りプチパック</t>
  </si>
  <si>
    <t>0.7g×15</t>
  </si>
  <si>
    <t>1gで使いやすいソフトけずり</t>
  </si>
  <si>
    <t>1g×15P</t>
  </si>
  <si>
    <t>2g×16P</t>
  </si>
  <si>
    <t>徳用かつおパック　１５ＰＳ</t>
  </si>
  <si>
    <t>3g×15</t>
  </si>
  <si>
    <t>かつおパック３０Ｐ</t>
  </si>
  <si>
    <t>2.5g×30</t>
  </si>
  <si>
    <t>マルトモ　おてごろ鰹パック</t>
  </si>
  <si>
    <t>カツオパックＬＰ</t>
  </si>
  <si>
    <t>徳一番カツオパック</t>
  </si>
  <si>
    <t>徳一番かつおパック</t>
  </si>
  <si>
    <t>氷温熟成使いきり</t>
  </si>
  <si>
    <t>1.5g×16p</t>
  </si>
  <si>
    <t>1.5g×15P</t>
  </si>
  <si>
    <t>氷温熟成使い切りカツオパック</t>
  </si>
  <si>
    <t>鰹節屋の割烹だしパック</t>
  </si>
  <si>
    <t>9g×10P</t>
  </si>
  <si>
    <t>9g×20P</t>
  </si>
  <si>
    <t>ヤマヒデ食品カツオパック2g×20</t>
  </si>
  <si>
    <t>2GX20</t>
  </si>
  <si>
    <t>海の幸_ソフトパック</t>
  </si>
  <si>
    <t>3g×16</t>
  </si>
  <si>
    <t>徳用ソフトパック</t>
  </si>
  <si>
    <t>業務用(30P～)</t>
  </si>
  <si>
    <t>徳用かつおパック2.5ｇ50Ｐ</t>
  </si>
  <si>
    <t>無印かつおパック1ｇ*50</t>
  </si>
  <si>
    <t>わかめ</t>
  </si>
  <si>
    <t>乾燥・塩蔵わかめ</t>
  </si>
  <si>
    <t>国産わかめ小容量（～39g）</t>
  </si>
  <si>
    <t>鳴門産カットわかめ</t>
  </si>
  <si>
    <t>大洋物産</t>
  </si>
  <si>
    <t>ﾀｲﾖｳﾌﾞｯｻﾝ</t>
  </si>
  <si>
    <t>鳴門産わかめ</t>
  </si>
  <si>
    <t>ジャパンフーズ大阪</t>
  </si>
  <si>
    <t>ｵｰﾙｼﾞｬﾊﾟﾝ</t>
  </si>
  <si>
    <t>鳴門海峡漁師のわかめ</t>
  </si>
  <si>
    <t>マルセ</t>
  </si>
  <si>
    <t>ﾏﾙｾ</t>
  </si>
  <si>
    <t>三陸産カットわかめ</t>
  </si>
  <si>
    <t>鳴戸産わかめ</t>
  </si>
  <si>
    <t>国内産カットわかめ</t>
  </si>
  <si>
    <t>道南伝統道産カットわかめ</t>
  </si>
  <si>
    <t>道南伝統食品協同組合</t>
  </si>
  <si>
    <t>ﾄﾞｳﾅﾝﾃﾞﾝﾄｳ</t>
  </si>
  <si>
    <t>カットわかめ三陸産</t>
  </si>
  <si>
    <t>カットわかめ伊勢志摩産</t>
  </si>
  <si>
    <t>ﾀﾞｲﾁｭｳｼｮｸﾋ</t>
  </si>
  <si>
    <t>三陸産ふえふえわかめ</t>
  </si>
  <si>
    <t>ﾀﾞｲﾁﾕｳ</t>
  </si>
  <si>
    <t>岩手産カットわかめ</t>
  </si>
  <si>
    <t>ﾔﾏﾅｶﾌ-ｽﾞ</t>
  </si>
  <si>
    <t>伊勢志摩産カットわかめ</t>
  </si>
  <si>
    <t>カットわかめ中国産</t>
  </si>
  <si>
    <t>鳴門カットわかめ</t>
  </si>
  <si>
    <t>長尾食品</t>
  </si>
  <si>
    <t>ﾅｶﾞｵ</t>
  </si>
  <si>
    <t>北海道産カットわかめ</t>
  </si>
  <si>
    <t>ヒロコンフーズ</t>
  </si>
  <si>
    <t>ﾋﾛｺﾝ</t>
  </si>
  <si>
    <t>カットワカメカレンダー</t>
  </si>
  <si>
    <t>減塩カットわかめ</t>
  </si>
  <si>
    <t>ﾋﾀﾞｶｼｮｸﾋﾝ</t>
  </si>
  <si>
    <t>日高　鳴門カットわかめ15g</t>
  </si>
  <si>
    <t>三陸産減塩カットわかめ</t>
  </si>
  <si>
    <t>お手軽国内産カットわかめ</t>
  </si>
  <si>
    <t>鳴門産カットワカメ</t>
  </si>
  <si>
    <t>ベストＰ　匠庵乾物市場カットわかめ　袋１６ｇ</t>
  </si>
  <si>
    <t>ふえるわかめちゃん三陸産</t>
  </si>
  <si>
    <t>ふえるわかめ国内産</t>
  </si>
  <si>
    <t>三陸産_ふえるわかめちゃん</t>
  </si>
  <si>
    <t>理研　ふえるわかめちゃん三陸</t>
  </si>
  <si>
    <t>理研_ﾌｴﾙﾜｶﾒﾁｬﾝ　三陸</t>
  </si>
  <si>
    <t>ふえるわかめちゃん国内産</t>
  </si>
  <si>
    <t>ふえるわかめちゃん北海道わかめ</t>
  </si>
  <si>
    <t>ふえるわかめちゃん鳴門産</t>
  </si>
  <si>
    <t>ふえるわかめちゃん三陸お徳用</t>
  </si>
  <si>
    <t>ふえるわかめちゃん三陸</t>
  </si>
  <si>
    <t>ふえるわかめちゃん国内</t>
  </si>
  <si>
    <t>伊勢志摩産カットわかめ厚葉</t>
  </si>
  <si>
    <t>鳴門糸わかめ</t>
  </si>
  <si>
    <t>ヤマハチ八幡商店</t>
  </si>
  <si>
    <t>ﾔﾊﾀｼｮｳﾃﾝ</t>
  </si>
  <si>
    <t>オサシミワカメ</t>
  </si>
  <si>
    <t>隠岐諸島産天然カットわかめ</t>
  </si>
  <si>
    <t>泉利昆布海産</t>
  </si>
  <si>
    <t>ｲｽﾞﾘｺﾝﾌﾞ</t>
  </si>
  <si>
    <t>国内産カット若布</t>
  </si>
  <si>
    <t>ｲｽﾞﾘｺﾝﾌﾞｶｲ</t>
  </si>
  <si>
    <t>鳴門産カット若布</t>
  </si>
  <si>
    <t>天草カットワカメ</t>
  </si>
  <si>
    <t>高木海藻店</t>
  </si>
  <si>
    <t>ヤマニ岩手産カットわかめ</t>
  </si>
  <si>
    <t>採れたて新鮮鳴門産カットわかめ</t>
  </si>
  <si>
    <t>三陸産_カットわかめ</t>
  </si>
  <si>
    <t>カットわかめ　国内産</t>
  </si>
  <si>
    <t>１０ｇ</t>
  </si>
  <si>
    <t>ヤマコン</t>
  </si>
  <si>
    <t>ﾔﾏｺﾝ</t>
  </si>
  <si>
    <t>減塩国内産カットわかめ</t>
  </si>
  <si>
    <t>淡路島産天然カットわかめ</t>
  </si>
  <si>
    <t>１３ｇ</t>
  </si>
  <si>
    <t>ﾌｼﾞｸﾆﾌﾞｯｻﾝ</t>
  </si>
  <si>
    <t>富士国物産金華わかめ</t>
  </si>
  <si>
    <t>富士国物産</t>
  </si>
  <si>
    <t>国産わかめ大容量（40g～）</t>
  </si>
  <si>
    <t>カット若布</t>
  </si>
  <si>
    <t>ジンノ</t>
  </si>
  <si>
    <t>ｼﾞｪｲﾃｨｰｴｽ</t>
  </si>
  <si>
    <t>三陸産わかめ</t>
  </si>
  <si>
    <t>北海道産生わかめ</t>
  </si>
  <si>
    <t>鳴門産生わかめ</t>
  </si>
  <si>
    <t>鳴門産塩蔵わかめ</t>
  </si>
  <si>
    <t>北海道産塩蔵生わかめ</t>
  </si>
  <si>
    <t>あえるわかめナムル風うま塩味</t>
  </si>
  <si>
    <t>和興カットわかめ</t>
  </si>
  <si>
    <t>三陸産生わかめ</t>
  </si>
  <si>
    <t>松栄</t>
  </si>
  <si>
    <t>ﾏﾂｴｲ</t>
  </si>
  <si>
    <t>海外産わかめ小容量（～39g）</t>
  </si>
  <si>
    <t>カットわかめ27g</t>
  </si>
  <si>
    <t>アリョウフーズ</t>
  </si>
  <si>
    <t>韓国産カットわかめ</t>
  </si>
  <si>
    <t>テプングループ・ジャパン</t>
  </si>
  <si>
    <t>ﾃﾌﾟﾝｸﾞﾙｰﾌﾟ</t>
  </si>
  <si>
    <t>カットわかめ　カール</t>
  </si>
  <si>
    <t>カットワカメナチュラル</t>
  </si>
  <si>
    <t>中国産カットわかめ</t>
  </si>
  <si>
    <t>べんりわかめ</t>
  </si>
  <si>
    <t>理研_ふえるわかめちゃん韓国_30G</t>
  </si>
  <si>
    <t>お徳用カットわかめ</t>
  </si>
  <si>
    <t>ふえるわかめちゃん韓国</t>
  </si>
  <si>
    <t>食健彩カットわかめ</t>
  </si>
  <si>
    <t>ｵﾄﾒｸﾞｻ</t>
  </si>
  <si>
    <t>シマウマ</t>
  </si>
  <si>
    <t>ｼﾏｳﾏ</t>
  </si>
  <si>
    <t>カットわかめ韓国産</t>
  </si>
  <si>
    <t>Premiumカットわかめ中国産</t>
  </si>
  <si>
    <t>たべたろうカットわかめ</t>
  </si>
  <si>
    <t>海外産わかめ大容量（40g～）</t>
  </si>
  <si>
    <t>おつゆわかめ</t>
  </si>
  <si>
    <t>わかめ業務用</t>
  </si>
  <si>
    <t>12kg</t>
  </si>
  <si>
    <t>ミネゲン</t>
  </si>
  <si>
    <t>信明商事</t>
  </si>
  <si>
    <t>ｼﾝﾒｲｼｮｳｼﾞ</t>
  </si>
  <si>
    <t>カットわかめお徳用</t>
  </si>
  <si>
    <t>カットわかめ90g</t>
  </si>
  <si>
    <t>カットわかめ５０ｇ</t>
  </si>
  <si>
    <t>カットわかめ大</t>
  </si>
  <si>
    <t>合食</t>
  </si>
  <si>
    <t>ｺﾞｳｼｮｸ</t>
  </si>
  <si>
    <t>ホッカン_生わかめ</t>
  </si>
  <si>
    <t>韓国産塩蔵生わかめ</t>
  </si>
  <si>
    <t>カットワカメ　（さくら）</t>
  </si>
  <si>
    <t>フエルワカメチャン</t>
  </si>
  <si>
    <t>お徳用カットわかめ　中国産</t>
  </si>
  <si>
    <t>ふえるわかめちゃん中国産</t>
  </si>
  <si>
    <t>カットわかめ磯場</t>
  </si>
  <si>
    <t>栃ぎ屋</t>
  </si>
  <si>
    <t>ﾄｷｷﾞﾔ</t>
  </si>
  <si>
    <t>磯屋</t>
  </si>
  <si>
    <t>ｲｿﾔ</t>
  </si>
  <si>
    <t>カットわかめ_（韓国産）</t>
  </si>
  <si>
    <t>ｲﾉｳｴｶｲｻﾝ</t>
  </si>
  <si>
    <t>グリーンわかめ</t>
  </si>
  <si>
    <t>トウヨウカットワカメ</t>
  </si>
  <si>
    <t>徳用カットわかめ</t>
  </si>
  <si>
    <t>カットわかめ　中国産　ＪＯＲ</t>
  </si>
  <si>
    <t>ｼﾞｬﾊﾟﾝs</t>
  </si>
  <si>
    <t>韓国　カットわかめ</t>
  </si>
  <si>
    <t>カットワカメ_中国産</t>
  </si>
  <si>
    <t>ふえふえわかめ（韓国産）</t>
  </si>
  <si>
    <t>ぱっとわかめ_500g</t>
  </si>
  <si>
    <t>オテガルワカメ</t>
  </si>
  <si>
    <t>ﾋﾏﾜﾘﾊﾀｹ</t>
  </si>
  <si>
    <t>あぶり・板わかめ</t>
  </si>
  <si>
    <t>倉敷商店板わかめ</t>
  </si>
  <si>
    <t>ｸﾗｼｷｼｮｳﾃﾝ</t>
  </si>
  <si>
    <t>隠岐わかめ味付</t>
  </si>
  <si>
    <t>イタワカメアマクチ</t>
  </si>
  <si>
    <t>焙りわかめ</t>
  </si>
  <si>
    <t>板わかめ</t>
  </si>
  <si>
    <t>焙り島根わかめ</t>
  </si>
  <si>
    <t>ふりかけ板わかめ</t>
  </si>
  <si>
    <t>島根県産　板わかめ</t>
  </si>
  <si>
    <t>あぶりわかめ</t>
  </si>
  <si>
    <t>隠岐諸島産板わかめ</t>
  </si>
  <si>
    <t>隠岐諸島産　焙りわかめ</t>
  </si>
  <si>
    <t>島根県産天然板わかめ</t>
  </si>
  <si>
    <t>島根県産天然焙りわかめ</t>
  </si>
  <si>
    <t>イタワカメ</t>
  </si>
  <si>
    <t>アブリワカメ</t>
  </si>
  <si>
    <t>板わかめ_天然_田儀</t>
  </si>
  <si>
    <t>隠岐わかめ</t>
  </si>
  <si>
    <t>ヤキワカメ</t>
  </si>
  <si>
    <t>みくりや板わかめ</t>
  </si>
  <si>
    <t>青木商店</t>
  </si>
  <si>
    <t>ｱｵｷｼｮｳﾃﾝ</t>
  </si>
  <si>
    <t>天然板わかめ</t>
  </si>
  <si>
    <t>わかめその他</t>
  </si>
  <si>
    <t>あらめ・めかぶ・あかもく・ふのり・その他</t>
  </si>
  <si>
    <t>いぎす草</t>
  </si>
  <si>
    <t>丸倉海産物</t>
  </si>
  <si>
    <t>ﾏﾙｸﾗｶｲｻﾝ</t>
  </si>
  <si>
    <t>若あらめ</t>
  </si>
  <si>
    <t>おしゃぶり芽かぶ</t>
  </si>
  <si>
    <t>昆布森</t>
  </si>
  <si>
    <t>ｺﾝﾌﾞﾓﾘ</t>
  </si>
  <si>
    <t>おしゃぶり芽かぶ梅味</t>
  </si>
  <si>
    <t>手がるカットわかめ</t>
  </si>
  <si>
    <t>旭食　糸わかめ</t>
  </si>
  <si>
    <t>きざみあらめ</t>
  </si>
  <si>
    <t>あらめ</t>
  </si>
  <si>
    <t>海藻百選きざみあらめ</t>
  </si>
  <si>
    <t>ﾔﾏﾅｶ_伊勢志摩産_めかぶ_15G</t>
  </si>
  <si>
    <t>北海道産ふのり</t>
  </si>
  <si>
    <t>芽かぶ茶</t>
  </si>
  <si>
    <t>北海道ねばねば海藻みそ汁の具</t>
  </si>
  <si>
    <t>花めかぶ</t>
  </si>
  <si>
    <t>ねばるめかぶ三陸産</t>
  </si>
  <si>
    <t>芽かぶ</t>
  </si>
  <si>
    <t>北海道えりも産寒干ふのり</t>
  </si>
  <si>
    <t>ふりかけちゃん</t>
  </si>
  <si>
    <t>隠岐あらめ</t>
  </si>
  <si>
    <t>小松_寒干しふのり</t>
  </si>
  <si>
    <t>小松商店</t>
  </si>
  <si>
    <t>雲南海産物</t>
  </si>
  <si>
    <t>ｳﾝﾅﾝ</t>
  </si>
  <si>
    <t>ふのり</t>
  </si>
  <si>
    <t>竹中商店</t>
  </si>
  <si>
    <t>ﾀｹﾅｶ</t>
  </si>
  <si>
    <t>クキワカメ</t>
  </si>
  <si>
    <t>天然隠岐あらめ</t>
  </si>
  <si>
    <t>泉利柚子胡椒若布スープ</t>
  </si>
  <si>
    <t>本海藻</t>
  </si>
  <si>
    <t>アブリメカブ</t>
  </si>
  <si>
    <t>トロロワカメ</t>
  </si>
  <si>
    <t>オツマミメカブ</t>
  </si>
  <si>
    <t>襟裳岬　干しふのり</t>
  </si>
  <si>
    <t>ｸﾎﾞﾀｼｮｳﾃﾝ</t>
  </si>
  <si>
    <t>ふのり国内産10g</t>
  </si>
  <si>
    <t>ｶﾈﾄ</t>
  </si>
  <si>
    <t>干ふのり</t>
  </si>
  <si>
    <t>めかぶちゃん</t>
  </si>
  <si>
    <t>めかぶ茶漬ミニ</t>
  </si>
  <si>
    <t>糸わかめ</t>
  </si>
  <si>
    <t>三田商店</t>
  </si>
  <si>
    <t>ﾐﾀ</t>
  </si>
  <si>
    <t>めかぶ糸づくり</t>
  </si>
  <si>
    <t>伊勢志摩産きざみあらめ</t>
  </si>
  <si>
    <t>芽かぶっ子</t>
  </si>
  <si>
    <t>ヒダカコンブ</t>
  </si>
  <si>
    <t>海藻ミックス</t>
  </si>
  <si>
    <t>海藻サラダ・クラゲ</t>
  </si>
  <si>
    <t>海藻サラダ</t>
  </si>
  <si>
    <t>サラダめかぶ</t>
  </si>
  <si>
    <t>海藻ひじきサラダ</t>
  </si>
  <si>
    <t>コンニャクと海藻のサラダごま風味</t>
  </si>
  <si>
    <t>コンニャクと海藻のサラダ梅しそ風味</t>
  </si>
  <si>
    <t>こんにゃくと海藻Ｓ梅しそ風味</t>
  </si>
  <si>
    <t>188g</t>
  </si>
  <si>
    <t>こんにゃくと海藻Ｓごま風味</t>
  </si>
  <si>
    <t>小倉屋　海草サラダ　ごま風味　４０ｇ</t>
  </si>
  <si>
    <t>７つの恵み海藻サラダ</t>
  </si>
  <si>
    <t>切干大根と海藻のサラダ</t>
  </si>
  <si>
    <t>塩くらげ</t>
  </si>
  <si>
    <t>坂庄物産</t>
  </si>
  <si>
    <t>ｻｶｼｮｳﾌﾞｯｻﾝ</t>
  </si>
  <si>
    <t>海藻サラダドレッシング付</t>
  </si>
  <si>
    <t>生活応援_海藻サラダ</t>
  </si>
  <si>
    <t>国産海藻サラダ</t>
  </si>
  <si>
    <t>ねばる海藻</t>
  </si>
  <si>
    <t>110g×2</t>
  </si>
  <si>
    <t>くらげdeサラダ</t>
  </si>
  <si>
    <t>マルトモサラダサラダコンニャク</t>
  </si>
  <si>
    <t>海草とオクラのねばねばサラダ</t>
  </si>
  <si>
    <t>乾燥海藻サラダ</t>
  </si>
  <si>
    <t>海草サラダわかめとじゃこ</t>
  </si>
  <si>
    <t>こんぶとごぼうのサラダ</t>
  </si>
  <si>
    <t>クキワカメノサラダ</t>
  </si>
  <si>
    <t>サラダにつかいそう海藻ミッ</t>
  </si>
  <si>
    <t>サラダにつかいそうくきわか</t>
  </si>
  <si>
    <t>サラダにつかいそうとろめか</t>
  </si>
  <si>
    <t>３種の海草サラダ</t>
  </si>
  <si>
    <t>海藻サラダ　マリンセレクト</t>
  </si>
  <si>
    <t>さっぱりおいしい海藻サラダ</t>
  </si>
  <si>
    <t>ねばねば海藻サラダ</t>
  </si>
  <si>
    <t>8g+25ml</t>
  </si>
  <si>
    <t>さっぱりおいしい海草サラダ</t>
  </si>
  <si>
    <t>チョレギ海藻サラダ塩だれ付</t>
  </si>
  <si>
    <t>海藻サラダ（寒天入り）</t>
  </si>
  <si>
    <t>川辺</t>
  </si>
  <si>
    <t>ｶﾜﾍﾞ</t>
  </si>
  <si>
    <t>熊本の6品目の海藻</t>
  </si>
  <si>
    <t>カネリョウ海藻</t>
  </si>
  <si>
    <t>ｶﾈﾘｮｳ</t>
  </si>
  <si>
    <t>三色サラダ</t>
  </si>
  <si>
    <t>味噌汁の具・海鮮汁の具・その他具材</t>
  </si>
  <si>
    <t>青さのみそ汁の具</t>
  </si>
  <si>
    <t>マツキクフーズ</t>
  </si>
  <si>
    <t>ﾏﾂｷﾌｰｽﾞ</t>
  </si>
  <si>
    <t>和風ねばとろスープしじみ</t>
  </si>
  <si>
    <t>和風ねばとろスープピリ辛口</t>
  </si>
  <si>
    <t>和風ねばとろスープ</t>
  </si>
  <si>
    <t>和風ねばとろスープ　あごだし味</t>
  </si>
  <si>
    <t>三重県産あおさのり使用　和風あおさスープ</t>
  </si>
  <si>
    <t>味噌汁の具</t>
  </si>
  <si>
    <t>みそ汁の具</t>
  </si>
  <si>
    <t>業務用みそ汁の具</t>
  </si>
  <si>
    <t>みそ汁の具業務用</t>
  </si>
  <si>
    <t>とにかくコレ得用みそ汁の具</t>
  </si>
  <si>
    <t>海鮮しじみみそ汁の具_とろろ昆布入り</t>
  </si>
  <si>
    <t>海鮮たっぷりみそ汁の具</t>
  </si>
  <si>
    <t>海鮮しじみみそ汁の具</t>
  </si>
  <si>
    <t>みそ汁の具　ホウレン草</t>
  </si>
  <si>
    <t>みそ汁の具白玉麩入</t>
  </si>
  <si>
    <t>みそ汁の具　めかぶ入り</t>
  </si>
  <si>
    <t>ﾔﾏﾅｶ_みそ汁の具おふくろの味_50G</t>
  </si>
  <si>
    <t>みそ汁の具おふくろの味</t>
  </si>
  <si>
    <t>ヤマナカフーズ　みそ汁の具　まごころの味　４５ｇ</t>
  </si>
  <si>
    <t>ヤマナカフーズ　野菜たっぷり　みそ汁の具　４５ｇ</t>
  </si>
  <si>
    <t>ﾔﾏﾅｶ　３種の具材みそ汁の具</t>
  </si>
  <si>
    <t>ヤマナカフーズ　ラーメンの具　１８ｇ</t>
  </si>
  <si>
    <t>味噌汁の具朝の汁</t>
  </si>
  <si>
    <t>乾物屋さんが作ったみそ汁の具</t>
  </si>
  <si>
    <t>お手軽しそわかめ</t>
  </si>
  <si>
    <t>炊き込みワカメカツオだしが旨い</t>
  </si>
  <si>
    <t>ベストＰ　野菜たっぷりみそ汁の具</t>
  </si>
  <si>
    <t>お味噌汁の具　磯の里</t>
  </si>
  <si>
    <t>お味噌汁の具　緑の里</t>
  </si>
  <si>
    <t>お味噌汁の具わかめと小松菜</t>
  </si>
  <si>
    <t>おみそ汁の具わかめと小町麩</t>
  </si>
  <si>
    <t>みそ汁の具豆腐とねぎ</t>
  </si>
  <si>
    <t>みそ汁の具白玉麩とねぎ</t>
  </si>
  <si>
    <t>味噌汁の具_（白玉麩）</t>
  </si>
  <si>
    <t>みそ汁の具白玉麩</t>
  </si>
  <si>
    <t>魚の屋　ごろっと海鮮の具　７０ｇ</t>
  </si>
  <si>
    <t>海鮮汁の具</t>
  </si>
  <si>
    <t>お汁の具</t>
  </si>
  <si>
    <t>敷島産業</t>
  </si>
  <si>
    <t>ｼｷｼﾏｻﾝｷﾞｮｳ</t>
  </si>
  <si>
    <t>天草産　とろろめかぶ</t>
  </si>
  <si>
    <t>わかめたっぷりみそ汁の具</t>
  </si>
  <si>
    <t>漁師のまかない汁</t>
  </si>
  <si>
    <t>みそ汁の具だくさん</t>
  </si>
  <si>
    <t>海鮮汁</t>
  </si>
  <si>
    <t>芽ひじき</t>
  </si>
  <si>
    <t>国産芽ひじき</t>
  </si>
  <si>
    <t>長崎県産荒磯芽ひじき</t>
  </si>
  <si>
    <t>1CS</t>
  </si>
  <si>
    <t>伊勢志摩産芽ひじき</t>
  </si>
  <si>
    <t>長崎県産芽ひじき</t>
  </si>
  <si>
    <t>対馬産芽ひじき</t>
  </si>
  <si>
    <t>戻さず使える芽ひじき</t>
  </si>
  <si>
    <t>伊勢産芽ひじき</t>
  </si>
  <si>
    <t>ｷﾀﾑﾗﾌﾞｯｻﾝ</t>
  </si>
  <si>
    <t>九州産芽ひじき</t>
  </si>
  <si>
    <t>末廣昆布</t>
  </si>
  <si>
    <t>ｽｴﾋﾛｺﾝﾌﾞ</t>
  </si>
  <si>
    <t>国内産芽ひじき</t>
  </si>
  <si>
    <t>芽ひじき伊勢志摩産</t>
  </si>
  <si>
    <t>伊勢志摩産　芽ひじき</t>
  </si>
  <si>
    <t>１６ｇ</t>
  </si>
  <si>
    <t>国内産　芽ひじき</t>
  </si>
  <si>
    <t>千葉県産房州ひじき</t>
  </si>
  <si>
    <t>日東海藻</t>
  </si>
  <si>
    <t>ﾆｯﾄｳｶｲｿｳ</t>
  </si>
  <si>
    <t>ﾔﾏﾅｶ_海藻百選国内産芽ﾋｼﾞｷ_22G</t>
  </si>
  <si>
    <t>海藻百選　国内産芽ひじき</t>
  </si>
  <si>
    <t>姫ひじき小</t>
  </si>
  <si>
    <t>姫ひじき</t>
  </si>
  <si>
    <t>伊勢志摩芽ひじき</t>
  </si>
  <si>
    <t>国内産ふっくら芽ひじき</t>
  </si>
  <si>
    <t>国内産芽ひじきドライパック</t>
  </si>
  <si>
    <t>国内産ひじき豆ドライパック</t>
  </si>
  <si>
    <t>姫ひじき中</t>
  </si>
  <si>
    <t>姫ひじき小ショウ</t>
  </si>
  <si>
    <t>ﾅｶﾔﾏﾌｽﾞ</t>
  </si>
  <si>
    <t>姫ひじき赤袋小</t>
  </si>
  <si>
    <t>姫ひじき赤袋大</t>
  </si>
  <si>
    <t>乾燥戻さず使える芽ひじき</t>
  </si>
  <si>
    <t>長崎産芽ひじき</t>
  </si>
  <si>
    <t>ベストＰ　乾物市場　米ひじき　２０ｇ</t>
  </si>
  <si>
    <t>ベストＰ　乾物市場　長ひじき　２０ｇ</t>
  </si>
  <si>
    <t>山口県産芽ひじき</t>
  </si>
  <si>
    <t>友松商店</t>
  </si>
  <si>
    <t>ﾄﾓﾏﾂ</t>
  </si>
  <si>
    <t>水戻し不要ひじき</t>
  </si>
  <si>
    <t>くまモンひじき</t>
  </si>
  <si>
    <t>新芽ひじきミニ</t>
  </si>
  <si>
    <t>国内産_まるごとひじき</t>
  </si>
  <si>
    <t>大分県産芽ひじき</t>
  </si>
  <si>
    <t>伊勢志摩産長ひじき</t>
  </si>
  <si>
    <t>芽ひじき　長崎産</t>
  </si>
  <si>
    <t>新芽ひじき（特小）</t>
  </si>
  <si>
    <t>ヤマニ国内産芽ひじき</t>
  </si>
  <si>
    <t>山忠瀬戸内産芽ひじき</t>
  </si>
  <si>
    <t>山忠</t>
  </si>
  <si>
    <t>ﾔﾏﾁｭｳﾜｻﾋﾞ</t>
  </si>
  <si>
    <t>塩ふきひじき</t>
  </si>
  <si>
    <t>海外産芽ひじき</t>
  </si>
  <si>
    <t>芽ひじき　水戻し不要</t>
  </si>
  <si>
    <t>めひじき</t>
  </si>
  <si>
    <t>芽ひじき水戻し不要</t>
  </si>
  <si>
    <t>芽ひじき（韓国産）</t>
  </si>
  <si>
    <t>おっ徳用芽ひじき</t>
  </si>
  <si>
    <t>ﾔﾏﾅｶ_姫ひじき_30g</t>
  </si>
  <si>
    <t>五目ひじきミックス</t>
  </si>
  <si>
    <t>姫ひじき赤袋</t>
  </si>
  <si>
    <t>ヤマナカ　芽ひじき　中国産　２０ｇ</t>
  </si>
  <si>
    <t>中国産ひじき</t>
  </si>
  <si>
    <t>中国産芽ひじき</t>
  </si>
  <si>
    <t>簡単レンジひじき</t>
  </si>
  <si>
    <t>フジッコ_芽ひじき</t>
  </si>
  <si>
    <t>お手軽芽ひじき</t>
  </si>
  <si>
    <t>米ひじき</t>
  </si>
  <si>
    <t>ヤマヒコ</t>
  </si>
  <si>
    <t>ﾔﾏﾋｺ</t>
  </si>
  <si>
    <t>芽ひじき中国産</t>
  </si>
  <si>
    <t>ﾜｺｳｼｮｳﾃﾝ</t>
  </si>
  <si>
    <t>徳用米ひじき</t>
  </si>
  <si>
    <t>67g</t>
  </si>
  <si>
    <t>瀬戸内産芽ひじき</t>
  </si>
  <si>
    <t>伊勢ちゃんひじき</t>
  </si>
  <si>
    <t>お徳用　芽ひじき　中国産</t>
  </si>
  <si>
    <t>山忠シーガニックひじき</t>
  </si>
  <si>
    <t>新芽米ひじき（韓国産）</t>
  </si>
  <si>
    <t>長ひじき</t>
  </si>
  <si>
    <t>国産長ひじき</t>
  </si>
  <si>
    <t>対馬産長ひじき</t>
  </si>
  <si>
    <t>伊勢産長ひじき</t>
  </si>
  <si>
    <t>長ひじき伊勢志摩産</t>
  </si>
  <si>
    <t>伊勢志摩産　長ひじき</t>
  </si>
  <si>
    <t>ﾔﾏﾅｶ_海藻百選国内産長ﾋｼﾞｷ_15G</t>
  </si>
  <si>
    <t>海藻百選　国内産長ひじき</t>
  </si>
  <si>
    <t>海藻百選国内産長ひじき</t>
  </si>
  <si>
    <t>伊勢志摩長ひじき</t>
  </si>
  <si>
    <t>国内産もっちり長ひじき</t>
  </si>
  <si>
    <t>大島産ひじき</t>
  </si>
  <si>
    <t>長崎県産荒磯長ひじき</t>
  </si>
  <si>
    <t>大分県産長ひじき</t>
  </si>
  <si>
    <t>ヤマニ国内産長ひじき</t>
  </si>
  <si>
    <t>国内産荒磯ふのり</t>
  </si>
  <si>
    <t>山忠瀬戸内産長ひじき</t>
  </si>
  <si>
    <t>海外産長ひじき</t>
  </si>
  <si>
    <t>ＫＴＭ長ひじき</t>
  </si>
  <si>
    <t>ほの甘ひじきふりかけ</t>
  </si>
  <si>
    <t>長ひじき　水戻し不要</t>
  </si>
  <si>
    <t>長ひじき水戻し不要</t>
  </si>
  <si>
    <t>ｷﾀﾑﾗ</t>
  </si>
  <si>
    <t>長ひじき幸</t>
  </si>
  <si>
    <t>ひじきミックス</t>
  </si>
  <si>
    <t>ひじき丸ちゃん</t>
  </si>
  <si>
    <t>長ひじき　徳用</t>
  </si>
  <si>
    <t>長ひじき　中</t>
  </si>
  <si>
    <t>ヤマナカ長ひじき徳用</t>
  </si>
  <si>
    <t>１８ｇ</t>
  </si>
  <si>
    <t>韓国産ひじき</t>
  </si>
  <si>
    <t>フジッコ_長ひじき</t>
  </si>
  <si>
    <t>21ｇ</t>
  </si>
  <si>
    <t>ながひじき</t>
  </si>
  <si>
    <t>ひじき炊込みご飯の素</t>
  </si>
  <si>
    <t>ひじきとほうれん草のサラダ</t>
  </si>
  <si>
    <t>ひじき煮物の具</t>
  </si>
  <si>
    <t>東昆</t>
  </si>
  <si>
    <t>ﾄｳｺﾝ</t>
  </si>
  <si>
    <t>長ヒジキ</t>
  </si>
  <si>
    <t>みそ汁の具　白玉麩</t>
  </si>
  <si>
    <t>伊勢丸い水産</t>
  </si>
  <si>
    <t>ｲｾﾏﾙｲ</t>
  </si>
  <si>
    <t>ｲｾﾏﾙｲｽｲｻﾝ</t>
  </si>
  <si>
    <t>炊き込みひじきの素</t>
  </si>
  <si>
    <t>瀬戸内産長ひじき</t>
  </si>
  <si>
    <t>長ひじき（韓国産）</t>
  </si>
  <si>
    <t>三色ひじき</t>
  </si>
  <si>
    <t>惣菜の素</t>
  </si>
  <si>
    <t>ひじき煮・惣菜ミックス・その他</t>
  </si>
  <si>
    <t>生活派　煮物の具ひじき</t>
  </si>
  <si>
    <t>ヤマナカ塩ひじき</t>
  </si>
  <si>
    <t>ひじきの白あえの素</t>
  </si>
  <si>
    <t>五目ひじき</t>
  </si>
  <si>
    <t>五目ひじき国産具材</t>
  </si>
  <si>
    <t>梅ぇひじきミニ</t>
  </si>
  <si>
    <t>昆布</t>
  </si>
  <si>
    <t>だし昆布・煮昆布</t>
  </si>
  <si>
    <t>カットだし用昆布</t>
  </si>
  <si>
    <t>国産だし昆布</t>
  </si>
  <si>
    <t>ｷｮｳﾜ_国内産だし昆布_60G</t>
  </si>
  <si>
    <t>キョウワ</t>
  </si>
  <si>
    <t>ｷｮｳﾜ</t>
  </si>
  <si>
    <t>真昆布</t>
  </si>
  <si>
    <t>だし昆布</t>
  </si>
  <si>
    <t>御出し昆布</t>
  </si>
  <si>
    <t>カット出し昆布</t>
  </si>
  <si>
    <t>十勝庵あご昆布</t>
  </si>
  <si>
    <t>くらこん　徳用切り出し昆布</t>
  </si>
  <si>
    <t>お徳用切出し昆布</t>
  </si>
  <si>
    <t>鍋専用だし昆布</t>
  </si>
  <si>
    <t>お徳用出し昆布</t>
  </si>
  <si>
    <t>出し昆布</t>
  </si>
  <si>
    <t>切り出し昆布</t>
  </si>
  <si>
    <t>手軽だし</t>
  </si>
  <si>
    <t>おいしいだし昆布</t>
  </si>
  <si>
    <t>ﾔﾏﾅｶ_国内産切出し昆布_100G</t>
  </si>
  <si>
    <t>ヤマナカフーズ　国内産　切出し昆布　７０ｇ</t>
  </si>
  <si>
    <t>だし取り専用昆布</t>
  </si>
  <si>
    <t>北海道尾札部産出し昆布</t>
  </si>
  <si>
    <t>べんりだし</t>
  </si>
  <si>
    <t>国内産だし昆布300ｇ</t>
  </si>
  <si>
    <t>北海道産だし昆布３００ｇ</t>
  </si>
  <si>
    <t>道南産出し昆布500ｇ</t>
  </si>
  <si>
    <t>徳用切出し</t>
  </si>
  <si>
    <t>道南産カットだし</t>
  </si>
  <si>
    <t>だしっ子</t>
  </si>
  <si>
    <t>羅臼昆布</t>
  </si>
  <si>
    <t>徳用切り出し昆布</t>
  </si>
  <si>
    <t>カットだし</t>
  </si>
  <si>
    <t>ほんぽおかざり昆布</t>
  </si>
  <si>
    <t>北海道産角切昆布</t>
  </si>
  <si>
    <t>日高切り出し昆布</t>
  </si>
  <si>
    <t>カット出し昆布（道南）</t>
  </si>
  <si>
    <t>カットだし昆布</t>
  </si>
  <si>
    <t>切出し昆布</t>
  </si>
  <si>
    <t>切りだし昆布</t>
  </si>
  <si>
    <t>日高きりだし昆布</t>
  </si>
  <si>
    <t>ヤマトタカハシ</t>
  </si>
  <si>
    <t>ﾔﾏﾄﾀｶﾊｼ</t>
  </si>
  <si>
    <t>おだしに昆布</t>
  </si>
  <si>
    <t>ムテンカダシコンブ</t>
  </si>
  <si>
    <t>小松　出し昆布</t>
  </si>
  <si>
    <t>満点だし</t>
  </si>
  <si>
    <t>室屋</t>
  </si>
  <si>
    <t>ﾑﾛﾔ</t>
  </si>
  <si>
    <t>カットだし日高昆布</t>
  </si>
  <si>
    <t>カットタイプだし昆布</t>
  </si>
  <si>
    <t>国内産カットだし昆布</t>
  </si>
  <si>
    <t>日高カット出し徳用大袋</t>
  </si>
  <si>
    <t>泉利厳選カットわかめ</t>
  </si>
  <si>
    <t>ｲｽﾞﾘ</t>
  </si>
  <si>
    <t>国内産だし昆布</t>
  </si>
  <si>
    <t>泉利国内産カット出し昆布</t>
  </si>
  <si>
    <t>日高徳用カット出し昆布</t>
  </si>
  <si>
    <t>道南産切り出し昆布</t>
  </si>
  <si>
    <t>広伝ヤマニ角切昆布袋</t>
  </si>
  <si>
    <t>日高産切り出し昆布</t>
  </si>
  <si>
    <t>国産カットだし真昆布</t>
  </si>
  <si>
    <t>特選だし昆布</t>
  </si>
  <si>
    <t>ジャンボ切り出し昆布</t>
  </si>
  <si>
    <t>ジャンボ切出し昆布</t>
  </si>
  <si>
    <t>たべたろうジャンボ切出し昆布</t>
  </si>
  <si>
    <t>日高昆布切り出し</t>
  </si>
  <si>
    <t>簡単だし昆布</t>
  </si>
  <si>
    <t>利尻昆布</t>
  </si>
  <si>
    <t>一番切山出し昆布</t>
  </si>
  <si>
    <t>早煮角切昆布</t>
  </si>
  <si>
    <t>食べるだし昆布</t>
  </si>
  <si>
    <t>一番切りつりだし昆布</t>
  </si>
  <si>
    <t>前島食品たべたろう切出し昆布</t>
  </si>
  <si>
    <t>お徳用　だし昆布　1kg</t>
  </si>
  <si>
    <t>銘柄昆布(日高)</t>
  </si>
  <si>
    <t>天然利尻昆布</t>
  </si>
  <si>
    <t>北前船物産</t>
  </si>
  <si>
    <t>ｷﾀﾏｴﾌﾞﾈ</t>
  </si>
  <si>
    <t>日高昆布</t>
  </si>
  <si>
    <t>業務用日高昆布</t>
  </si>
  <si>
    <t>伝統の味と香り日高昆布</t>
  </si>
  <si>
    <t>北創フーズシステム</t>
  </si>
  <si>
    <t>ﾎｸｿｳﾌｰｽﾞ</t>
  </si>
  <si>
    <t>これなら使える日高昆布</t>
  </si>
  <si>
    <t>北海道日高産昆布</t>
  </si>
  <si>
    <t>北海道日高産だし昆布</t>
  </si>
  <si>
    <t>お徳用カット日高昆布</t>
  </si>
  <si>
    <t>末広昆布和紙ラベル_日高昆布</t>
  </si>
  <si>
    <t>日高産カットだし昆布チャック</t>
  </si>
  <si>
    <t>日高昆布ロングタイプ</t>
  </si>
  <si>
    <t>日高昆布モール巻特選</t>
  </si>
  <si>
    <t>日東海藻日高昆布</t>
  </si>
  <si>
    <t>日高産切出し昆布</t>
  </si>
  <si>
    <t>ﾔﾏﾅｶ_日高昆布(白ﾗﾍﾞﾙ)_55g</t>
  </si>
  <si>
    <t>日高根昆布袋</t>
  </si>
  <si>
    <t>日高昆布特選</t>
  </si>
  <si>
    <t>日高昆布徳用</t>
  </si>
  <si>
    <t>日高産早採れ春こんぶ</t>
  </si>
  <si>
    <t>北海道日高産切出し昆布</t>
  </si>
  <si>
    <t>日高昆布特用</t>
  </si>
  <si>
    <t>北海道産日高だし昆布</t>
  </si>
  <si>
    <t>北海道産日高昆布</t>
  </si>
  <si>
    <t>北海道日高産切り出し昆布</t>
  </si>
  <si>
    <t>北海道日高産早煮昆布</t>
  </si>
  <si>
    <t>日高昆布ガセット</t>
  </si>
  <si>
    <t>切りだし日高産昆布</t>
  </si>
  <si>
    <t>ヒロコンフーズ_日高昆布_80ｇ</t>
  </si>
  <si>
    <t>ﾋﾛｺﾝﾌｰｽﾞ</t>
  </si>
  <si>
    <t>徳用日高昆布</t>
  </si>
  <si>
    <t>日高だし昆布</t>
  </si>
  <si>
    <t>日高だしこんぶ</t>
  </si>
  <si>
    <t>上出し用_山出し昆布40g</t>
  </si>
  <si>
    <t>戻さず使えるきざみ昆布</t>
  </si>
  <si>
    <t>日高産カットだし</t>
  </si>
  <si>
    <t>日高産カットだし昆布</t>
  </si>
  <si>
    <t>日高食品日高産カットだし昆布50g</t>
  </si>
  <si>
    <t>日高昆布大</t>
  </si>
  <si>
    <t>日高切出</t>
  </si>
  <si>
    <t>ヤマヒコ　北海道産　日高昆布　大　６５ｇ</t>
  </si>
  <si>
    <t>北海道日高昆布</t>
  </si>
  <si>
    <t>ﾋｶﾞｼｺﾌﾞ</t>
  </si>
  <si>
    <t>日高産カットこんぶ</t>
  </si>
  <si>
    <t>日高根昆布</t>
  </si>
  <si>
    <t>吟味一品日高根昆布</t>
  </si>
  <si>
    <t>ドースイ</t>
  </si>
  <si>
    <t>ﾄﾞｰｽｲ</t>
  </si>
  <si>
    <t>日高昆布一等</t>
  </si>
  <si>
    <t>日高昆布1等</t>
  </si>
  <si>
    <t>田村利光商店</t>
  </si>
  <si>
    <t>ﾀﾑﾗ</t>
  </si>
  <si>
    <t>ﾀﾑﾗﾄｼﾐﾂｼｮｳ</t>
  </si>
  <si>
    <t>日高昆布金印</t>
  </si>
  <si>
    <t>北海道日高昆布3等</t>
  </si>
  <si>
    <t>日高昆布（3本）</t>
  </si>
  <si>
    <t>ｺﾏﾂｼｮｳﾃﾝ</t>
  </si>
  <si>
    <t>5本入</t>
  </si>
  <si>
    <t>小松_日高昆布</t>
  </si>
  <si>
    <t>お料理だし昆布日高</t>
  </si>
  <si>
    <t>日高昆布　青袋</t>
  </si>
  <si>
    <t>日高昆布2ツ折1等</t>
  </si>
  <si>
    <t>えりも食品</t>
  </si>
  <si>
    <t>ｴﾘﾓ</t>
  </si>
  <si>
    <t>日高昆布一等品</t>
  </si>
  <si>
    <t>ｴﾘﾓｼｮｸﾋﾝ</t>
  </si>
  <si>
    <t>泉利昆布海産日高だし昆布43g</t>
  </si>
  <si>
    <t>産地限定冬島産上浜日高昆布</t>
  </si>
  <si>
    <t>角屋米穀</t>
  </si>
  <si>
    <t>ｶﾄﾞﾔﾍﾞｲｺｸ</t>
  </si>
  <si>
    <t>日高カット昆布</t>
  </si>
  <si>
    <t>日高昆布ホワイト</t>
  </si>
  <si>
    <t>特撰日高昆布</t>
  </si>
  <si>
    <t>日高昆布　特大</t>
  </si>
  <si>
    <t>日高昆布ロング</t>
  </si>
  <si>
    <t>カット日高昆布</t>
  </si>
  <si>
    <t>日高昆布　300g</t>
  </si>
  <si>
    <t>日高昆布黒一等品</t>
  </si>
  <si>
    <t>えりも産日高昆布</t>
  </si>
  <si>
    <t>銘柄昆布(利尻)</t>
  </si>
  <si>
    <t>業務用利尻昆布</t>
  </si>
  <si>
    <t>利尻産利尻昆布</t>
  </si>
  <si>
    <t>これなら使える利尻昆布</t>
  </si>
  <si>
    <t>20ｇ</t>
  </si>
  <si>
    <t>利尻カットだし</t>
  </si>
  <si>
    <t>日東海藻利尻昆布</t>
  </si>
  <si>
    <t>海の恵み一等品利尻昆布</t>
  </si>
  <si>
    <t>徳用利尻昆布</t>
  </si>
  <si>
    <t>坪川昆布</t>
  </si>
  <si>
    <t>ﾂﾎﾞｶﾜ</t>
  </si>
  <si>
    <t>お料理だし昆布利尻</t>
  </si>
  <si>
    <t>礼文島産利尻昆布</t>
  </si>
  <si>
    <t>たべたろう利尻昆布</t>
  </si>
  <si>
    <t>利尻礼文島産利尻昆布</t>
  </si>
  <si>
    <t>銘柄昆布(羅臼)</t>
  </si>
  <si>
    <t>らうす昆布</t>
  </si>
  <si>
    <t>羅臼産羅臼昆布</t>
  </si>
  <si>
    <t>最高級羅臼昆布</t>
  </si>
  <si>
    <t>ラウス昆布</t>
  </si>
  <si>
    <t>知床産羅臼昆布</t>
  </si>
  <si>
    <t>特選羅臼昆布</t>
  </si>
  <si>
    <t>ヤマコン　羅臼昆布　200g</t>
  </si>
  <si>
    <t>大阪昆布フジイ</t>
  </si>
  <si>
    <t>ﾂｲｷｼｮｳｼﾞ</t>
  </si>
  <si>
    <t>銘柄昆布(真昆布)</t>
  </si>
  <si>
    <t>天然真昆布</t>
  </si>
  <si>
    <t>業務用道南産真昆布</t>
  </si>
  <si>
    <t>日東海藻真昆布</t>
  </si>
  <si>
    <t>ホッカン北海道函館産切り出し真昆布</t>
  </si>
  <si>
    <t>おだしに昆布_真昆布</t>
  </si>
  <si>
    <t>道南産真昆布</t>
  </si>
  <si>
    <t>おいしいサイズ出し昆布</t>
  </si>
  <si>
    <t>1ｹ</t>
  </si>
  <si>
    <t>8g×3</t>
  </si>
  <si>
    <t>銘柄昆布(その他産地)</t>
  </si>
  <si>
    <t>業務用道南産御出し昆布</t>
  </si>
  <si>
    <t>北海道産早煮昆布</t>
  </si>
  <si>
    <t>日東海藻羅臼昆布</t>
  </si>
  <si>
    <t>北海道産きざみ昆布</t>
  </si>
  <si>
    <t>お徳用カット昆布</t>
  </si>
  <si>
    <t>日高食品道南産カットだし45g</t>
  </si>
  <si>
    <t>出しっ子</t>
  </si>
  <si>
    <t>道南産だし昆布</t>
  </si>
  <si>
    <t>得得こんぶ</t>
  </si>
  <si>
    <t>切りだし昆布三陸産</t>
  </si>
  <si>
    <t>北海道釧路棹前昆布1等</t>
  </si>
  <si>
    <t>三陸産_昆布だし</t>
  </si>
  <si>
    <t>厚葉だし昆布</t>
  </si>
  <si>
    <t>釧路産昆布</t>
  </si>
  <si>
    <t>早煮・野菜・棹前昆布・煮物用</t>
  </si>
  <si>
    <t>棹前昆布</t>
  </si>
  <si>
    <t>野菜昆布</t>
  </si>
  <si>
    <t>野菜昆布　50g</t>
  </si>
  <si>
    <t>業務用早煮昆布</t>
  </si>
  <si>
    <t>貝殻島産棹前一等昆布</t>
  </si>
  <si>
    <t>早煮昆布大</t>
  </si>
  <si>
    <t>瀬川　早煮昆布</t>
  </si>
  <si>
    <t>棹前早煮昆布</t>
  </si>
  <si>
    <t>やわらかい野菜昆布</t>
  </si>
  <si>
    <t>刻み昆布　３５Ｇ</t>
  </si>
  <si>
    <t>３５ｇ</t>
  </si>
  <si>
    <t>ﾆﾂﾄｳｶｲｿｳ</t>
  </si>
  <si>
    <t>刻み昆布袋</t>
  </si>
  <si>
    <t>北海道釧路産棹前一等早煮昆布</t>
  </si>
  <si>
    <t>貝殻島産やわらか昆布</t>
  </si>
  <si>
    <t>北海道産日高早煮昆布</t>
  </si>
  <si>
    <t>早煮こんぶ</t>
  </si>
  <si>
    <t>やさいこんぶ</t>
  </si>
  <si>
    <t>野菜昆布100ｇ</t>
  </si>
  <si>
    <t>野菜昆布（北海道道東産）</t>
  </si>
  <si>
    <t>ヤマヒコ北海道早煮昆布40ｇ</t>
  </si>
  <si>
    <t>野菜昆布２００ｇ</t>
  </si>
  <si>
    <t>煮物昆布</t>
  </si>
  <si>
    <t>煮昆布</t>
  </si>
  <si>
    <t>坪川昆布北海道産天然切りだし昆布70g</t>
  </si>
  <si>
    <t>坪川昆布大袋だし160g</t>
  </si>
  <si>
    <t>早煮こんぶ巻昆布歯舞産</t>
  </si>
  <si>
    <t>おでん昆布</t>
  </si>
  <si>
    <t>ﾂﾎﾞｶﾜｺﾝﾌﾞ</t>
  </si>
  <si>
    <t>坪川おでん昆布</t>
  </si>
  <si>
    <t>ムテンカヤサイコンブ</t>
  </si>
  <si>
    <t>小松　早煮昆布</t>
  </si>
  <si>
    <t>鈴木_早煮昆布_2ｯ折</t>
  </si>
  <si>
    <t>鈴木海産</t>
  </si>
  <si>
    <t>ｽｽﾞｷ</t>
  </si>
  <si>
    <t>煮物用やわらか昆布</t>
  </si>
  <si>
    <t>ヤサイコンブロング</t>
  </si>
  <si>
    <t>早煮きざみ昆布</t>
  </si>
  <si>
    <t>北海道道東産野菜昆布</t>
  </si>
  <si>
    <t>北海道産野菜昆布</t>
  </si>
  <si>
    <t>棹前昆布一等早煮昆布</t>
  </si>
  <si>
    <t>早煮角切り昆布</t>
  </si>
  <si>
    <t>野菜昆布（北海道産）</t>
  </si>
  <si>
    <t>60g_D+179</t>
  </si>
  <si>
    <t>棹前こんぶ</t>
  </si>
  <si>
    <t>釧路棹前早煮昆布</t>
  </si>
  <si>
    <t>塩昆布</t>
  </si>
  <si>
    <t>塩昆布小容量(～49g)</t>
  </si>
  <si>
    <t>フリフリ塩こんぶ</t>
  </si>
  <si>
    <t>フリフリ塩こんぶガーリック</t>
  </si>
  <si>
    <t>しお昆布</t>
  </si>
  <si>
    <t>お茶漬け昆布クック</t>
  </si>
  <si>
    <t>徳用塩昆布（小）</t>
  </si>
  <si>
    <t>小倉屋昆布　無添加減塩塩</t>
  </si>
  <si>
    <t>茶漬け塩こんぶ鮭</t>
  </si>
  <si>
    <t>つぶ塩こんぶ</t>
  </si>
  <si>
    <t>くらこん塩こんぶわさび味</t>
  </si>
  <si>
    <t>無添加減塩塩こんぶ</t>
  </si>
  <si>
    <t>塩こんぶ鮭</t>
  </si>
  <si>
    <t>お徳用塩こんぶ小</t>
  </si>
  <si>
    <t>塩こんぶ小</t>
  </si>
  <si>
    <t>塩こんぶ大</t>
  </si>
  <si>
    <t>減塩塩こんぶ</t>
  </si>
  <si>
    <t>生活派塩こんぶ</t>
  </si>
  <si>
    <t>お茶漬昆布塩吹き袋</t>
  </si>
  <si>
    <t>塩こんぶ</t>
  </si>
  <si>
    <t>加藤生活派塩こんぶ</t>
  </si>
  <si>
    <t>汐吹昆布ささめ</t>
  </si>
  <si>
    <t>ささめ</t>
  </si>
  <si>
    <t>汐ふき昆布ささめ</t>
  </si>
  <si>
    <t>島乃香ささめ22g</t>
  </si>
  <si>
    <t>22G</t>
  </si>
  <si>
    <t>ささめ花印</t>
  </si>
  <si>
    <t>贅沢塩昆布</t>
  </si>
  <si>
    <t>フーズ梅塩昆布</t>
  </si>
  <si>
    <t>四季の花塩こんぶ</t>
  </si>
  <si>
    <t>ヤマナカ塩こんぶ</t>
  </si>
  <si>
    <t>減塩塩っぺジャンボ</t>
  </si>
  <si>
    <t>細かく刻んだ塩っぺカット</t>
  </si>
  <si>
    <t>塩っぺゴールド</t>
  </si>
  <si>
    <t>シオッペエンゼル</t>
  </si>
  <si>
    <t>塩っぺエンゼル</t>
  </si>
  <si>
    <t>角切塩っぺ</t>
  </si>
  <si>
    <t>塩ふき昆布_瀬戸</t>
  </si>
  <si>
    <t>うま味塩ふきこんぶ</t>
  </si>
  <si>
    <t>ふじっ子大袋</t>
  </si>
  <si>
    <t>減塩ふじっ子</t>
  </si>
  <si>
    <t>お手軽塩こんぶ</t>
  </si>
  <si>
    <t>便利な塩こんぶ</t>
  </si>
  <si>
    <t>小袋</t>
  </si>
  <si>
    <t>フジッコ　しそふじっ子</t>
  </si>
  <si>
    <t>ふじっこ　角</t>
  </si>
  <si>
    <t>フジッコ　減塩ふじっ子</t>
  </si>
  <si>
    <t>ふじっこお手軽パック</t>
  </si>
  <si>
    <t>きざみふじっ子ごま</t>
  </si>
  <si>
    <t>ふじっ子小袋</t>
  </si>
  <si>
    <t>ふじっ子少量パック</t>
  </si>
  <si>
    <t>減塩しそふじっ子</t>
  </si>
  <si>
    <t>ふじっ子少量パック袋</t>
  </si>
  <si>
    <t>お手軽ふじっ子</t>
  </si>
  <si>
    <t>ふりふり塩こんぶ袋</t>
  </si>
  <si>
    <t>フジッコ　ふりふり塩こんぶ　ガーリック　袋　３０ｇ</t>
  </si>
  <si>
    <t>日高ふりかけ昆布</t>
  </si>
  <si>
    <t>昆布さざなみ</t>
  </si>
  <si>
    <t>汐ふき昆布</t>
  </si>
  <si>
    <t>塩昆布大容量(50g～)</t>
  </si>
  <si>
    <t>しお昆布大</t>
  </si>
  <si>
    <t>塩こんぶ　２個セット</t>
  </si>
  <si>
    <t>くらこん塩こんぶ特大</t>
  </si>
  <si>
    <t>くらこん塩こんぶ特大4個セット</t>
  </si>
  <si>
    <t>くらこん塩こんぶ</t>
  </si>
  <si>
    <t>くらこん塩こんぶ　大_3個ｾｯﾄ</t>
  </si>
  <si>
    <t>お徳用塩昆布</t>
  </si>
  <si>
    <t>お徳用塩こんぶ大</t>
  </si>
  <si>
    <t>塩こんぶ特大</t>
  </si>
  <si>
    <t>藻塩を使った塩こんぶ</t>
  </si>
  <si>
    <t>藻塩ささめ</t>
  </si>
  <si>
    <t>ささめ特大</t>
  </si>
  <si>
    <t>島乃香ささめ</t>
  </si>
  <si>
    <t>こぶ丸ちゃん</t>
  </si>
  <si>
    <t>塩っぺスーパージャンボ</t>
  </si>
  <si>
    <t>塩っぺおかか袋</t>
  </si>
  <si>
    <t>塩っぺジャンボ</t>
  </si>
  <si>
    <t>塩っぺ_ジャンボ</t>
  </si>
  <si>
    <t>ふじっ子_大袋</t>
  </si>
  <si>
    <t>ふじっ子特大袋</t>
  </si>
  <si>
    <t>業務用ふじっ子</t>
  </si>
  <si>
    <t>業務用減塩ふじっ子</t>
  </si>
  <si>
    <t>業務用ふじっ子細</t>
  </si>
  <si>
    <t>業務用減塩ふじっ子細</t>
  </si>
  <si>
    <t>塩こんぶ超徳用</t>
  </si>
  <si>
    <t>減塩塩こんぶ超徳用</t>
  </si>
  <si>
    <t>安田さざなみお徳用パック50g</t>
  </si>
  <si>
    <t>とろろ昆布</t>
  </si>
  <si>
    <t>とろろ昆布レギュラー小容量（～39g）</t>
  </si>
  <si>
    <t>とろろふりかけ</t>
  </si>
  <si>
    <t>ｼﾞﾝﾉ</t>
  </si>
  <si>
    <t>無添加とろろ3個セット</t>
  </si>
  <si>
    <t>無添加根昆布入りとろろ</t>
  </si>
  <si>
    <t>くらこん　とろ久</t>
  </si>
  <si>
    <t>くらこん　無添加とろろ</t>
  </si>
  <si>
    <t>無添加とろろ</t>
  </si>
  <si>
    <t>手がるとろろ　小</t>
  </si>
  <si>
    <t>とろ久</t>
  </si>
  <si>
    <t>手がるとろろ</t>
  </si>
  <si>
    <t>国内産昆布使用　とろろ昆布</t>
  </si>
  <si>
    <t>北海道函館産ふわっととろろ</t>
  </si>
  <si>
    <t>生活派　国内産とろろ昆布_　　18G</t>
  </si>
  <si>
    <t>国内産昆布使用とろろ昆布</t>
  </si>
  <si>
    <t>徳用とろろ</t>
  </si>
  <si>
    <t>ヤマナカフーズ　海藻百選　真こんぶとろろ　２０ｇ</t>
  </si>
  <si>
    <t>北海道函館産がごめとろろ昆布</t>
  </si>
  <si>
    <t>北海道産無添加とろろ昆布</t>
  </si>
  <si>
    <t>ささめ雪</t>
  </si>
  <si>
    <t>根昆布とろろ汁</t>
  </si>
  <si>
    <t>5.1g×4袋</t>
  </si>
  <si>
    <t>純とろ　小袋</t>
  </si>
  <si>
    <t>純とろ</t>
  </si>
  <si>
    <t>お手軽とろろ昆布</t>
  </si>
  <si>
    <t>純とろ大袋</t>
  </si>
  <si>
    <t>お手軽とろろ</t>
  </si>
  <si>
    <t>純とろフレッシュパック</t>
  </si>
  <si>
    <t>4.3ｇ×4</t>
  </si>
  <si>
    <t>新食感さくとろ</t>
  </si>
  <si>
    <t>さくとろ</t>
  </si>
  <si>
    <t>純とろ小分けパック</t>
  </si>
  <si>
    <t>1.8ｇ×6</t>
  </si>
  <si>
    <t>26ｇ</t>
  </si>
  <si>
    <t>ふじっ子_純とろ_大袋</t>
  </si>
  <si>
    <t>フジッコ　純とろ　めかぶ入りとろろ　袋２３ｇ</t>
  </si>
  <si>
    <t>利尻昆布入りとろろ</t>
  </si>
  <si>
    <t>お手軽徳とろろ</t>
  </si>
  <si>
    <t>ねばっこ</t>
  </si>
  <si>
    <t>タカハシとろろ昆布即</t>
  </si>
  <si>
    <t>室屋おにぎり用黒とろろ25g</t>
  </si>
  <si>
    <t>25G</t>
  </si>
  <si>
    <t>室屋根昆布入とろろ20g</t>
  </si>
  <si>
    <t>焼き海苔とろろ昆布</t>
  </si>
  <si>
    <t>黒海苔ととろろ昆布</t>
  </si>
  <si>
    <t>黒海苔とかつお</t>
  </si>
  <si>
    <t>焼き海苔とかつお</t>
  </si>
  <si>
    <t>ジャンボとろろ</t>
  </si>
  <si>
    <t>とろろ昆布国内産</t>
  </si>
  <si>
    <t>きくばりとろろ</t>
  </si>
  <si>
    <t>サッととろろ</t>
  </si>
  <si>
    <t>たべたろうとろろ昆布</t>
  </si>
  <si>
    <t>１２ｇ</t>
  </si>
  <si>
    <t>食べる昆布無添加とろろ昆布</t>
  </si>
  <si>
    <t>とろろ昆布レギュラー大容量（40g～）</t>
  </si>
  <si>
    <t>がごめ入りとろろ昆布</t>
  </si>
  <si>
    <t>ﾀﾞｲﾖｳﾌﾞｯｻﾝ</t>
  </si>
  <si>
    <t>とろろ昆布大</t>
  </si>
  <si>
    <t>北海道産とろろ昆布</t>
  </si>
  <si>
    <t>北海道産無添加とろろ</t>
  </si>
  <si>
    <t>純とろお徳用</t>
  </si>
  <si>
    <t>業務用ほぐしとろろ昆布_200g</t>
  </si>
  <si>
    <t>業務用カットとろろ昆布_50g</t>
  </si>
  <si>
    <t>純とろ超徳用袋</t>
  </si>
  <si>
    <t>ねばっ子</t>
  </si>
  <si>
    <t>即_とろろ昆布</t>
  </si>
  <si>
    <t>大袋とろろ昆布</t>
  </si>
  <si>
    <t>上黒とろろ袋</t>
  </si>
  <si>
    <t>黒とろろ</t>
  </si>
  <si>
    <t>国産とろろ昆布40g</t>
  </si>
  <si>
    <t>ﾊｰﾄﾌﾙ</t>
  </si>
  <si>
    <t>北海道とろろ昆布</t>
  </si>
  <si>
    <t>たべたろうやわらか削りとろろ昆布</t>
  </si>
  <si>
    <t>とろろ昆布大入</t>
  </si>
  <si>
    <t>大入りとろろ昆布</t>
  </si>
  <si>
    <t>大入とろろ昆布</t>
  </si>
  <si>
    <t>上並とろろ昆布</t>
  </si>
  <si>
    <t>国産とろろ昆布</t>
  </si>
  <si>
    <t>ヤマコン　とろろ昆布　300g</t>
  </si>
  <si>
    <t>おぼろ・がごめ・根昆布入り・納豆・その他</t>
  </si>
  <si>
    <t>根こんぶ入とろろ</t>
  </si>
  <si>
    <t>ﾀｲﾖｳ</t>
  </si>
  <si>
    <t>根昆布入りとろろ</t>
  </si>
  <si>
    <t>ぬか床昆布</t>
  </si>
  <si>
    <t>納豆昆布</t>
  </si>
  <si>
    <t>納豆こんぶ</t>
  </si>
  <si>
    <t>やみつきぶっかけ昆布</t>
  </si>
  <si>
    <t>根昆布とろろ</t>
  </si>
  <si>
    <t>無添加がごめ昆布入りとろろ</t>
  </si>
  <si>
    <t>特上うどん昆布</t>
  </si>
  <si>
    <t>山陽昆布</t>
  </si>
  <si>
    <t>ｻﾝﾖｳ</t>
  </si>
  <si>
    <t>昆布なっとう</t>
  </si>
  <si>
    <t>昆布納豆</t>
  </si>
  <si>
    <t>ﾔﾏﾅｶ_納豆昆布_27G</t>
  </si>
  <si>
    <t>漁師の納豆昆布</t>
  </si>
  <si>
    <t>がごめとろろ昆布</t>
  </si>
  <si>
    <t>がごめ昆布入り納豆昆布</t>
  </si>
  <si>
    <t>純とろ根こんぶ入りとろろ</t>
  </si>
  <si>
    <t>純とろ_根昆布入りとろろ</t>
  </si>
  <si>
    <t>純とろお吸いもの</t>
  </si>
  <si>
    <t>6.7g×3</t>
  </si>
  <si>
    <t>めかぶ入りとろろ</t>
  </si>
  <si>
    <t>根こんぶ入りとろろ</t>
  </si>
  <si>
    <t>おぼろ</t>
  </si>
  <si>
    <t>海藻料理納豆こんぶ</t>
  </si>
  <si>
    <t>おぼろ昆布２５０ｇ</t>
  </si>
  <si>
    <t>日高　根昆布入りとろろ13g</t>
  </si>
  <si>
    <t>日高　根昆布入りとろろ（緑）　５５ｇ</t>
  </si>
  <si>
    <t>55G</t>
  </si>
  <si>
    <t>ねばっこしそいり</t>
  </si>
  <si>
    <t>巻きっこおかずとろろ</t>
  </si>
  <si>
    <t>5枚×6</t>
  </si>
  <si>
    <t>とろみ昆布</t>
  </si>
  <si>
    <t>御飯昆布</t>
  </si>
  <si>
    <t>かけこんぶ</t>
  </si>
  <si>
    <t>手けずりおぼろ昆布</t>
  </si>
  <si>
    <t>味付こんぶ</t>
  </si>
  <si>
    <t>うどんおぼろ昆布</t>
  </si>
  <si>
    <t>味付け昆布</t>
  </si>
  <si>
    <t>ごはん昆布</t>
  </si>
  <si>
    <t>おぼろ昆布がんこおやじ</t>
  </si>
  <si>
    <t>おぼろ昆布がんこ親父</t>
  </si>
  <si>
    <t>泉利昆布海産おぼろ昆布35g</t>
  </si>
  <si>
    <t>泉利昆布海産おぼろ昆布がんこ親父20g</t>
  </si>
  <si>
    <t>泉利おぼろ昆布</t>
  </si>
  <si>
    <t>たべたろう根こんぶ入とろろ</t>
  </si>
  <si>
    <t>がごめ入りとろろ</t>
  </si>
  <si>
    <t>黒酢とろろ</t>
  </si>
  <si>
    <t>上おぼろ</t>
  </si>
  <si>
    <t>おぼろ昆布</t>
  </si>
  <si>
    <t>がごめきざみ昆布</t>
  </si>
  <si>
    <t>丸善納谷商店</t>
  </si>
  <si>
    <t>ﾅﾔｼｮｳﾃﾝ</t>
  </si>
  <si>
    <t>食べる昆布がごめ刻み昆布</t>
  </si>
  <si>
    <t>食べる昆布ふりかけとろろ昆布</t>
  </si>
  <si>
    <t>その他昆布</t>
  </si>
  <si>
    <t>根昆布・その他</t>
  </si>
  <si>
    <t>根昆布だし</t>
  </si>
  <si>
    <t>ｷﾀﾏｴｾﾝﾌﾞｯｻ</t>
  </si>
  <si>
    <t>業務用根昆布</t>
  </si>
  <si>
    <t>利尻根昆布</t>
  </si>
  <si>
    <t>根昆布３００ｇ</t>
  </si>
  <si>
    <t>日本の根昆布ｽﾗｲｽ</t>
  </si>
  <si>
    <t>根昆布スライス</t>
  </si>
  <si>
    <t>おさしみ昆布</t>
  </si>
  <si>
    <t>日高昆布三等</t>
  </si>
  <si>
    <t>小松_根昆布</t>
  </si>
  <si>
    <t>ねばねば昆布</t>
  </si>
  <si>
    <t>かねと長切り昆布</t>
  </si>
  <si>
    <t>2本入</t>
  </si>
  <si>
    <t>根昆布</t>
  </si>
  <si>
    <t>まるそう根昆布</t>
  </si>
  <si>
    <t>まるそう</t>
  </si>
  <si>
    <t>ﾏﾙｿｳ</t>
  </si>
  <si>
    <t>きざみ・すき・細切り・漬物昆布・松前・切イカ・するめ</t>
  </si>
  <si>
    <t>たれ付松前漬</t>
  </si>
  <si>
    <t>山村食品</t>
  </si>
  <si>
    <t>ﾔﾏﾑﾗ</t>
  </si>
  <si>
    <t>松前漬</t>
  </si>
  <si>
    <t>ﾔﾏﾑﾗｼｮｸﾋﾝ</t>
  </si>
  <si>
    <t>松前漬（大）</t>
  </si>
  <si>
    <t>松前漬大袋</t>
  </si>
  <si>
    <t>きざみ昆布</t>
  </si>
  <si>
    <t>松白するめ</t>
  </si>
  <si>
    <t>剣先するめ3枚（3S）</t>
  </si>
  <si>
    <t>松白するめ　1枚（L）</t>
  </si>
  <si>
    <t>国内産松白するめ</t>
  </si>
  <si>
    <t>国内産松白するめ大サイズ</t>
  </si>
  <si>
    <t>松前漬_液体スープ付</t>
  </si>
  <si>
    <t>松前漬たれ付</t>
  </si>
  <si>
    <t>きざみこんぶ</t>
  </si>
  <si>
    <t>アオキザミコンブ</t>
  </si>
  <si>
    <t>三陸産すき昆布</t>
  </si>
  <si>
    <t>刻み昆布</t>
  </si>
  <si>
    <t>ヤマナカきざみ昆布</t>
  </si>
  <si>
    <t>ﾔﾏﾅｶ_きざみ昆布_25g</t>
  </si>
  <si>
    <t>ヤマナカ_きざみ昆布</t>
  </si>
  <si>
    <t>ﾔﾏﾅｶ_きざみ昆布（玉）_23G</t>
  </si>
  <si>
    <t>素材きりいか</t>
  </si>
  <si>
    <t>きざみ昆布50ｇ</t>
  </si>
  <si>
    <t>日本の水晶昆布</t>
  </si>
  <si>
    <t>お手軽ねばっ子しそ入</t>
  </si>
  <si>
    <t>松前漬け</t>
  </si>
  <si>
    <t>8ｇ</t>
  </si>
  <si>
    <t>ちり昆</t>
  </si>
  <si>
    <t>きざみ昆布茶切</t>
  </si>
  <si>
    <t>坪川昆布ソフト昆布35g</t>
  </si>
  <si>
    <t>スライス昆布</t>
  </si>
  <si>
    <t>すき昆布　２枚入</t>
  </si>
  <si>
    <t>三陸水産</t>
  </si>
  <si>
    <t>ｻﾝﾘｸｽｲｻﾝ</t>
  </si>
  <si>
    <t>こんぶじめ用昆布</t>
  </si>
  <si>
    <t>カネコ食品</t>
  </si>
  <si>
    <t>ｶﾈｺｼｮｸﾋﾝ</t>
  </si>
  <si>
    <t>扇屋食品</t>
  </si>
  <si>
    <t>ｵｳｷﾞﾔｼｮｸﾋﾝ</t>
  </si>
  <si>
    <t>ｾﾝﾘ</t>
  </si>
  <si>
    <t>漬物昆布</t>
  </si>
  <si>
    <t>国産すきこんぶ</t>
  </si>
  <si>
    <t>全形4切1枚入</t>
  </si>
  <si>
    <t>国産すきこんぶ　全形4切1枚</t>
  </si>
  <si>
    <t>松白　するめ（中）</t>
  </si>
  <si>
    <t>きざみ昆布玉詰め</t>
  </si>
  <si>
    <t>大元昆布海産</t>
  </si>
  <si>
    <t>ﾀﾞｲｹﾞﾝ</t>
  </si>
  <si>
    <t>ヤマニ伊勢志摩産きざみあらめ</t>
  </si>
  <si>
    <t>まるほ松前とろろ</t>
  </si>
  <si>
    <t>いずみ国分</t>
  </si>
  <si>
    <t>ｵﾔﾏｼｮｳﾃﾝ</t>
  </si>
  <si>
    <t>ソフトきざみ昆布</t>
  </si>
  <si>
    <t>たべたろうソフトきざみ昆布</t>
  </si>
  <si>
    <t>剣先するめM</t>
  </si>
  <si>
    <t>剣先するめL</t>
  </si>
  <si>
    <t>松白するめ　２枚</t>
  </si>
  <si>
    <t>松白するめ（大）</t>
  </si>
  <si>
    <t>松白するめ(大)</t>
  </si>
  <si>
    <t>3ﾏｲ</t>
  </si>
  <si>
    <t>1ﾏｲ</t>
  </si>
  <si>
    <t>水晶昆布</t>
  </si>
  <si>
    <t>みなみや　塩辛昆布</t>
  </si>
  <si>
    <t>みなみや</t>
  </si>
  <si>
    <t>ﾐﾅﾐﾔ</t>
  </si>
  <si>
    <t>白するめ</t>
  </si>
  <si>
    <t>ヤマコン　糸昆布　300g</t>
  </si>
  <si>
    <t>北海するめ</t>
  </si>
  <si>
    <t>昆布巻・結び昆布・おでん昆布・佃煮・角切</t>
  </si>
  <si>
    <t>山出し昆布</t>
  </si>
  <si>
    <t>１５０Ｇ</t>
  </si>
  <si>
    <t>天草産煮干だし粉末</t>
  </si>
  <si>
    <t>天栄食品</t>
  </si>
  <si>
    <t>ﾃﾝｴｲｼｮｸﾋﾝ</t>
  </si>
  <si>
    <t>天草産煮干だしパック</t>
  </si>
  <si>
    <t>３０ｇｘ５</t>
  </si>
  <si>
    <t>天草産煮干花けずり</t>
  </si>
  <si>
    <t>くらこん　くらこんこんぶ巻</t>
  </si>
  <si>
    <t>角切りクック</t>
  </si>
  <si>
    <t>こんぶ巻</t>
  </si>
  <si>
    <t>おでん･むすび昆布</t>
  </si>
  <si>
    <t>おでんむすび昆布</t>
  </si>
  <si>
    <t>昆布巻</t>
  </si>
  <si>
    <t>たべきりにしん昆布巻</t>
  </si>
  <si>
    <t>たべきりししゃも昆布巻</t>
  </si>
  <si>
    <t>20g×6</t>
  </si>
  <si>
    <t>たべきりさけ昆布巻</t>
  </si>
  <si>
    <t>結び昆布</t>
  </si>
  <si>
    <t>和素材早煮昆布</t>
  </si>
  <si>
    <t>和素材野菜昆布</t>
  </si>
  <si>
    <t>釧路産早煮昆布</t>
  </si>
  <si>
    <t>１３０Ｇ</t>
  </si>
  <si>
    <t>末広昆布_おでん昆布</t>
  </si>
  <si>
    <t>ﾔﾏﾅｶ_むすび昆布_26g</t>
  </si>
  <si>
    <t>結びおでん昆布</t>
  </si>
  <si>
    <t>北海道産結びおでん昆布</t>
  </si>
  <si>
    <t>8本入</t>
  </si>
  <si>
    <t>味付早煮結び昆布</t>
  </si>
  <si>
    <t>早煮味付昆布巻き</t>
  </si>
  <si>
    <t>11P</t>
  </si>
  <si>
    <t>11p</t>
  </si>
  <si>
    <t>日高産おでん昆布</t>
  </si>
  <si>
    <t>北海道産むすび昆布</t>
  </si>
  <si>
    <t>むすび昆布</t>
  </si>
  <si>
    <t>日高産根昆布</t>
  </si>
  <si>
    <t>室屋素材探求こぶ巻用昆布35g</t>
  </si>
  <si>
    <t>日高産　角切昆布　300g</t>
  </si>
  <si>
    <t>食べる昆布</t>
  </si>
  <si>
    <t>ｴﾋﾒｳﾏｲﾓﾉ</t>
  </si>
  <si>
    <t>食べるこんぶ</t>
  </si>
  <si>
    <t>ヤマトタカハシ　味付昆布　おにぎり用　袋１０枚</t>
  </si>
  <si>
    <t>金印おやつ昆布</t>
  </si>
  <si>
    <t>お漬物用昆布　唐辛子入り</t>
  </si>
  <si>
    <t>おさきん　ナット昆布　袋</t>
  </si>
  <si>
    <t>おさきん</t>
  </si>
  <si>
    <t>ｵｻｷﾝ</t>
  </si>
  <si>
    <t>泉利昆布海産宗田節塩昆布23g</t>
  </si>
  <si>
    <t>おしゃぶり昆布</t>
  </si>
  <si>
    <t>前島食品おしゃぶり昆布</t>
  </si>
  <si>
    <t>たべたろうおしゃぶり昆布旨味</t>
  </si>
  <si>
    <t>おしゃぶりこんぶ梅しそ</t>
  </si>
  <si>
    <t>おしゃぶり昆布梅しそ味</t>
  </si>
  <si>
    <t>11G</t>
  </si>
  <si>
    <t>たべたろうおしゃぶり昆布梅しそ味</t>
  </si>
  <si>
    <t>おやつ昆布くみちゃん</t>
  </si>
  <si>
    <t>おやつ昆布くみちゃん梅</t>
  </si>
  <si>
    <t>コンネバ</t>
  </si>
  <si>
    <t>山石</t>
  </si>
  <si>
    <t>ﾔﾏｲｼ</t>
  </si>
  <si>
    <t>粉末昆布・削り・ふりかけ</t>
  </si>
  <si>
    <t>昆布粉末</t>
  </si>
  <si>
    <t>日高　とりあえず昆布ふりかけ25g</t>
  </si>
  <si>
    <t>ふりかけてご飯昆布</t>
  </si>
  <si>
    <t>坪川昆布納豆昆布</t>
  </si>
  <si>
    <t>たべたろうふりかけ昆布</t>
  </si>
  <si>
    <t>根昆布入り昆布粉末</t>
  </si>
  <si>
    <t>正月・祝い・飾り昆布</t>
  </si>
  <si>
    <t>お正月昆布</t>
  </si>
  <si>
    <t>白板昆布8寸</t>
  </si>
  <si>
    <t>8寸</t>
  </si>
  <si>
    <t>コープこうべ</t>
  </si>
  <si>
    <t>ｵｸﾞﾗﾔ</t>
  </si>
  <si>
    <t>正月用_尾札部昆布</t>
  </si>
  <si>
    <t>6寸</t>
  </si>
  <si>
    <t>お正月黒板昆布</t>
  </si>
  <si>
    <t>お正月昆布6寸</t>
  </si>
  <si>
    <t>お正月昆布8寸</t>
  </si>
  <si>
    <t>白板昆布6寸</t>
  </si>
  <si>
    <t>小倉屋居内</t>
  </si>
  <si>
    <t>正月昆布</t>
  </si>
  <si>
    <t>お飾り昆布</t>
  </si>
  <si>
    <t>塩干</t>
  </si>
  <si>
    <t>棒だらカット（真だら）</t>
  </si>
  <si>
    <t>200g_DX</t>
  </si>
  <si>
    <t>うろこ市</t>
  </si>
  <si>
    <t>ｳﾛｺｲﾁ</t>
  </si>
  <si>
    <t>タラの胃</t>
  </si>
  <si>
    <t>タラの胃大</t>
  </si>
  <si>
    <t>タラの胃カット</t>
  </si>
  <si>
    <t>めん棒カット</t>
  </si>
  <si>
    <t>たたきだらカット</t>
  </si>
  <si>
    <t>たたきだら</t>
  </si>
  <si>
    <t>にっぽん国産干えび無着色</t>
  </si>
  <si>
    <t>にっぽん問屋国産干しえび</t>
  </si>
  <si>
    <t>駿河湾産桜えび素干し</t>
  </si>
  <si>
    <t>国内産ちりめん</t>
  </si>
  <si>
    <t>身欠きにしん</t>
  </si>
  <si>
    <t>ﾌｾｽｲｻﾝ</t>
  </si>
  <si>
    <t>松白するめ大</t>
  </si>
  <si>
    <t>身欠にしん</t>
  </si>
  <si>
    <t>東和食品</t>
  </si>
  <si>
    <t>ﾄｳﾜｼｮｸﾋﾝ</t>
  </si>
  <si>
    <t>イチキ布施水産</t>
  </si>
  <si>
    <t>たたきたら　2本</t>
  </si>
  <si>
    <t>するめ2枚</t>
  </si>
  <si>
    <t>海宝食品工業</t>
  </si>
  <si>
    <t>ｶｲﾎｳﾉﾘ</t>
  </si>
  <si>
    <t>たらの胃</t>
  </si>
  <si>
    <t>たら胃（大）</t>
  </si>
  <si>
    <t>たたきだらカット　１００ｇ</t>
  </si>
  <si>
    <t>たら胃（大大）１本</t>
  </si>
  <si>
    <t>たたきだら大2本</t>
  </si>
  <si>
    <t>タラの胃　カット</t>
  </si>
  <si>
    <t>国産するめ3上</t>
  </si>
  <si>
    <t>青さ</t>
  </si>
  <si>
    <t>さばみりん干し</t>
  </si>
  <si>
    <t>牛深産</t>
  </si>
  <si>
    <t>お飾り昆布だしセット</t>
  </si>
  <si>
    <t>浦島海苔_海苔・茶漬詰合せ</t>
  </si>
  <si>
    <t>PCN-20</t>
  </si>
  <si>
    <t>浦島海苔_御海苔詰合せ</t>
  </si>
  <si>
    <t>AO-30N</t>
  </si>
  <si>
    <t>カネタいか人参の素</t>
  </si>
  <si>
    <t>お好みセット</t>
  </si>
  <si>
    <t>はばのり雑煮　　薬味セット</t>
  </si>
  <si>
    <t>お袋さん</t>
  </si>
  <si>
    <t>浦島海苔_海苔・ふりかけ・茶漬詰合せ</t>
  </si>
  <si>
    <t>KH-30</t>
  </si>
  <si>
    <t>６パック</t>
  </si>
  <si>
    <t>タカナウヅケノモト</t>
  </si>
  <si>
    <t>12ｇ</t>
  </si>
  <si>
    <t>天草ひじき</t>
  </si>
  <si>
    <t>ダンボール豆用No３</t>
  </si>
  <si>
    <t>ﾜﾀｴ</t>
  </si>
  <si>
    <t>まぐろふりかけ</t>
  </si>
  <si>
    <t>むろあじふりかけ</t>
  </si>
  <si>
    <t>えびちゃんふりかけカップ</t>
  </si>
  <si>
    <t>天草の欄</t>
  </si>
  <si>
    <t>元気で酢</t>
  </si>
  <si>
    <t>770g</t>
  </si>
  <si>
    <t>九南サービス</t>
  </si>
  <si>
    <t>ｼｲﾀｹｲﾁﾊﾞ</t>
  </si>
  <si>
    <t>うこん粉末</t>
  </si>
  <si>
    <t>３パック</t>
  </si>
  <si>
    <t>ﾏﾂﾜ</t>
  </si>
  <si>
    <t>4ｇ×3</t>
  </si>
  <si>
    <t>天草潮屋</t>
  </si>
  <si>
    <t>丸協　カットわかめ</t>
  </si>
  <si>
    <t>パルメザンチーズポーション</t>
  </si>
  <si>
    <t>3g×12</t>
  </si>
  <si>
    <t>天草産燻製だし粉末</t>
  </si>
  <si>
    <t>天草産燻製だしパック</t>
  </si>
  <si>
    <t>天草産燻製花けずり</t>
  </si>
  <si>
    <t>博多焼あごだし</t>
  </si>
  <si>
    <t>8g*15袋</t>
  </si>
  <si>
    <t>きずのり味付</t>
  </si>
  <si>
    <t>ｲﾉﾁｸ</t>
  </si>
  <si>
    <t>きずのり焼</t>
  </si>
  <si>
    <t>（新）巻のり丸目３０枚</t>
  </si>
  <si>
    <t>てがるとろろ</t>
  </si>
  <si>
    <t>くらこんめひじき</t>
  </si>
  <si>
    <t>松前漬　液体スープ付</t>
  </si>
  <si>
    <t>焼のり松印ﾏｹﾞ全形10</t>
  </si>
  <si>
    <t>漁師が育んだ有明の逸品おかず海苔</t>
  </si>
  <si>
    <t>15*1</t>
  </si>
  <si>
    <t>焼おにぎりおもちのり</t>
  </si>
  <si>
    <t>味ｵﾆｷﾞﾘｵﾓﾁﾉﾘ</t>
  </si>
  <si>
    <t>浦島海苔きざみのり</t>
  </si>
  <si>
    <t>浦島手巻のり5枚+1</t>
  </si>
  <si>
    <t>手巻きのり15枚</t>
  </si>
  <si>
    <t>15まい</t>
  </si>
  <si>
    <t>浦島焼一膳焼のり4</t>
  </si>
  <si>
    <t>浦島味一膳味のり4</t>
  </si>
  <si>
    <t>6ｇ</t>
  </si>
  <si>
    <t>焼きﾉﾘｽｼﾊﾈ</t>
  </si>
  <si>
    <t>混ぜ込みうにごはん</t>
  </si>
  <si>
    <t>おにぎり味3切5</t>
  </si>
  <si>
    <t>おにぎり焼3切5</t>
  </si>
  <si>
    <t>しじみ醤油味付のり</t>
  </si>
  <si>
    <t>カットのり</t>
  </si>
  <si>
    <t>くるっと焼きのり２０Ｐ</t>
  </si>
  <si>
    <t>20個分</t>
  </si>
  <si>
    <t>大森屋　手巻き家族</t>
  </si>
  <si>
    <t>2ｷﾚ10ﾏｲ</t>
  </si>
  <si>
    <t>あて海苔ﾋﾞｰﾌｼﾞｬｰｷｰ味</t>
  </si>
  <si>
    <t>あて海苔あさりバター風味</t>
  </si>
  <si>
    <t>あて海苔ﾌﾞﾗｯｸﾍﾟｯﾊﾟｰ味</t>
  </si>
  <si>
    <t>１０枚</t>
  </si>
  <si>
    <t>あて海苔ガーリック味</t>
  </si>
  <si>
    <t>あて海苔梅味</t>
  </si>
  <si>
    <t>ぱりっうま　しじみ醤油</t>
  </si>
  <si>
    <t>５６枚</t>
  </si>
  <si>
    <t>ぱりっうま　かき醤油</t>
  </si>
  <si>
    <t>わさびのり卓上</t>
  </si>
  <si>
    <t>８切48枚</t>
  </si>
  <si>
    <t>日本のおいしいのり焼</t>
  </si>
  <si>
    <t>パリうま卓上味付のり</t>
  </si>
  <si>
    <t>56P</t>
  </si>
  <si>
    <t>舞すがた卓上のりギフト</t>
  </si>
  <si>
    <t>NA-40N</t>
  </si>
  <si>
    <t>有明海産新のり</t>
  </si>
  <si>
    <t>７枚入</t>
  </si>
  <si>
    <t>おもち・おにぎり</t>
  </si>
  <si>
    <t>20枚袋</t>
  </si>
  <si>
    <t>塩糀のり</t>
  </si>
  <si>
    <t>有明海産希少糖味付けのり</t>
  </si>
  <si>
    <t>おにぎらず専用塩味付のり</t>
  </si>
  <si>
    <t>１５枚</t>
  </si>
  <si>
    <t>シティックおにぎり専用焼のり</t>
  </si>
  <si>
    <t>６切16枚</t>
  </si>
  <si>
    <t>おもちおにぎり焼きのり</t>
  </si>
  <si>
    <t>3きれ50まい</t>
  </si>
  <si>
    <t>無添加とろろ昆布ふりかけ</t>
  </si>
  <si>
    <t>無添加えび山椒ふりかけ</t>
  </si>
  <si>
    <t>味付けのりふりかけ</t>
  </si>
  <si>
    <t>しっとりわかめちりめん</t>
  </si>
  <si>
    <t>しっとりかつおちりめん</t>
  </si>
  <si>
    <t>しっとり赤しそちりめん</t>
  </si>
  <si>
    <t>ふりふりあられ</t>
  </si>
  <si>
    <t>17ｇ</t>
  </si>
  <si>
    <t>細切りきざみのり</t>
  </si>
  <si>
    <t>汐ふきわかめ</t>
  </si>
  <si>
    <t>汐ふき茎わかめ</t>
  </si>
  <si>
    <t>汐ふきめかぶ</t>
  </si>
  <si>
    <t>秋元さばいわし</t>
  </si>
  <si>
    <t>秋元水産</t>
  </si>
  <si>
    <t>ｱｷﾓﾄｽｲｻﾝ</t>
  </si>
  <si>
    <t>駿河湾産桜えび素干無着色</t>
  </si>
  <si>
    <t>瀬戸内産上乾しらす</t>
  </si>
  <si>
    <t>焼ビーフン3袋</t>
  </si>
  <si>
    <t>徳用葛きり</t>
  </si>
  <si>
    <t>瀬戸内海産素干しえび</t>
  </si>
  <si>
    <t>かね七台湾産素干しえび</t>
  </si>
  <si>
    <t>焼明ばん</t>
  </si>
  <si>
    <t>タイ産ビーフン</t>
  </si>
  <si>
    <t>卓上味のり旬</t>
  </si>
  <si>
    <t>10*4</t>
  </si>
  <si>
    <t>白子塩のり</t>
  </si>
  <si>
    <t>塩ふきこんぶ</t>
  </si>
  <si>
    <t>梅味塩こんぶ</t>
  </si>
  <si>
    <t>塩こんぶ（化粧箱）</t>
  </si>
  <si>
    <t>瀬川とろろ一番65g</t>
  </si>
  <si>
    <t>根ｺﾝﾌﾞﾄﾛﾛ</t>
  </si>
  <si>
    <t>瀬川錦糸とろろ35g</t>
  </si>
  <si>
    <t>瀬川やまいも昆布</t>
  </si>
  <si>
    <t>瀬川たたき昆布50</t>
  </si>
  <si>
    <t>瀬川たんざく昆布</t>
  </si>
  <si>
    <t>ねばり勝ちがごめ昆布</t>
  </si>
  <si>
    <t>元気味切りだし昆布</t>
  </si>
  <si>
    <t>香りだし昆布</t>
  </si>
  <si>
    <t>がごめ昆布</t>
  </si>
  <si>
    <t>北海道産切り出し昆布</t>
  </si>
  <si>
    <t>瀬川美食素材利尻昆</t>
  </si>
  <si>
    <t>瀬川美食素材煮〆昆</t>
  </si>
  <si>
    <t>美食素材やさい昆布</t>
  </si>
  <si>
    <t>50G袋</t>
  </si>
  <si>
    <t>瀬川美食素材早煮昆</t>
  </si>
  <si>
    <t>北海道釧路産早煮昆布</t>
  </si>
  <si>
    <t>瀬川おぼろ昆布25</t>
  </si>
  <si>
    <t>瀬川早煮昆布36g</t>
  </si>
  <si>
    <t>うまみ勝ちお料理こんぶ水</t>
  </si>
  <si>
    <t>日高昆布（化粧箱）</t>
  </si>
  <si>
    <t>５０Ｇ</t>
  </si>
  <si>
    <t>とろろ昆布6食</t>
  </si>
  <si>
    <t>1.5ｇ×6</t>
  </si>
  <si>
    <t>ふりかける昆布ぷらすとろろこんぶ</t>
  </si>
  <si>
    <t>ふりかける昆布ぷらす塩こんぶ</t>
  </si>
  <si>
    <t>カットこんぶ</t>
  </si>
  <si>
    <t>7ｇ</t>
  </si>
  <si>
    <t>伝承味　利尻昆布</t>
  </si>
  <si>
    <t>とろろこんぶ</t>
  </si>
  <si>
    <t>がこめ昆布入とろろ昆布</t>
  </si>
  <si>
    <t>瀬川　山芋昆布</t>
  </si>
  <si>
    <t>瀬川　たんざく昆布</t>
  </si>
  <si>
    <t>たたき昆布</t>
  </si>
  <si>
    <t>瀬川　野菜昆布</t>
  </si>
  <si>
    <t>瀬川　切り出し昆布</t>
  </si>
  <si>
    <t>瀬川　お徳用出し昆布</t>
  </si>
  <si>
    <t>無添加がごめ昆布入とろろ</t>
  </si>
  <si>
    <t>３０Ｇ</t>
  </si>
  <si>
    <t>昆布入り海藻サラダ</t>
  </si>
  <si>
    <t>とろ～りわかめスープ</t>
  </si>
  <si>
    <t>オクラわかめスープ</t>
  </si>
  <si>
    <t>辛辛わかめスープ</t>
  </si>
  <si>
    <t>焼き海苔とろろ</t>
  </si>
  <si>
    <t>ささめ　花</t>
  </si>
  <si>
    <t>ｼﾏﾉｶｵﾘ</t>
  </si>
  <si>
    <t>島の香ささめ73g袋</t>
  </si>
  <si>
    <t>若草100束</t>
  </si>
  <si>
    <t>有明海産味付のり</t>
  </si>
  <si>
    <t>48束</t>
  </si>
  <si>
    <t>ｶｯﾄだし昆布(日高産)</t>
  </si>
  <si>
    <t>北海道産ほたて貝柱</t>
  </si>
  <si>
    <t>ごまリッチのり</t>
  </si>
  <si>
    <t>クールンチョコレートムース</t>
  </si>
  <si>
    <t>ｷｬﾗﾃﾞｺのりﾏｲﾒﾛﾃﾞｨ6切6枚</t>
  </si>
  <si>
    <t>ｷｬﾗﾃﾞｺのりぐでたま6切6枚</t>
  </si>
  <si>
    <t>ｷｬﾗﾃﾞｺのり妖怪ｳｫｯﾁ6切6枚</t>
  </si>
  <si>
    <t>おしゃべりのり　６切６枚</t>
  </si>
  <si>
    <t>磯薫りのりたまごかけ</t>
  </si>
  <si>
    <t>ヤマナカフーズ海藻百選きざみあらめ10g</t>
  </si>
  <si>
    <t>ﾔﾏﾅｶﾌｽﾞ</t>
  </si>
  <si>
    <t>推奨_北海道鮭節白だし</t>
  </si>
  <si>
    <t>クルトンガーリック</t>
  </si>
  <si>
    <t>クルトンロースト</t>
  </si>
  <si>
    <t>ﾌｼﾞｻﾜ桜えび無着色</t>
  </si>
  <si>
    <t>ﾌｼﾞｲﾁおかずいりこ</t>
  </si>
  <si>
    <t>ﾌｼﾞｲﾁJ標準いりこ1</t>
  </si>
  <si>
    <t>玄海産無添加煎子</t>
  </si>
  <si>
    <t>玄海ｲﾘｺ</t>
  </si>
  <si>
    <t>大分県佐伯産いりこ</t>
  </si>
  <si>
    <t>焙炒鰹ソフト削り</t>
  </si>
  <si>
    <t>40Ｇ</t>
  </si>
  <si>
    <t>はごろも花かつおチャック袋</t>
  </si>
  <si>
    <t>かみきれーるおむすびのり醤油味</t>
  </si>
  <si>
    <t>３切２０枚</t>
  </si>
  <si>
    <t>かみきれ～る卓上のり</t>
  </si>
  <si>
    <t>１００枚</t>
  </si>
  <si>
    <t>煮だしﾊﾟｯｸTMS-S</t>
  </si>
  <si>
    <t>10G*9</t>
  </si>
  <si>
    <t>あごだしﾊﾟｯｸ</t>
  </si>
  <si>
    <t>弁当巻</t>
  </si>
  <si>
    <t>35ﾎﾝ</t>
  </si>
  <si>
    <t>テオブロ箱２Ｐ</t>
  </si>
  <si>
    <t>15g×8</t>
  </si>
  <si>
    <t>テオブロ５カップ</t>
  </si>
  <si>
    <t>15g×5</t>
  </si>
  <si>
    <t>テオブロボトル</t>
  </si>
  <si>
    <t>デジモンフリカケ</t>
  </si>
  <si>
    <t>給食用バラさば混合</t>
  </si>
  <si>
    <t>鳥羽産あかもく</t>
  </si>
  <si>
    <t>青銭柳ＴＰ</t>
  </si>
  <si>
    <t>丸菱</t>
  </si>
  <si>
    <t>ﾏﾙﾋﾞｼ</t>
  </si>
  <si>
    <t>匠一番･花かつおｺﾞ-ﾙ</t>
  </si>
  <si>
    <t>32G</t>
  </si>
  <si>
    <t>ﾔﾏｷ氷温熟成花かつ</t>
  </si>
  <si>
    <t>ﾔﾏｷ味な花かつお50g</t>
  </si>
  <si>
    <t>やわらか鰹厚削り</t>
  </si>
  <si>
    <t>元気一番いりこだけよ</t>
  </si>
  <si>
    <t>削りぶし</t>
  </si>
  <si>
    <t>ﾔﾏｷｹｽﾞﾘｺ</t>
  </si>
  <si>
    <t>2.5G×６P</t>
  </si>
  <si>
    <t>2.5Ｘ5ｐ</t>
  </si>
  <si>
    <t>かつおﾊﾟｯｸ</t>
  </si>
  <si>
    <t>2.5g*4P</t>
  </si>
  <si>
    <t>2.5ｇ*5ｐ</t>
  </si>
  <si>
    <t>ﾔﾏｷﾂｶｲｷﾘｶﾂｵﾊﾟｯｸ1.5</t>
  </si>
  <si>
    <t>味一番かつおパック</t>
  </si>
  <si>
    <t>2.5ＧＸ5Ｐ</t>
  </si>
  <si>
    <t>2.5ｇX10</t>
  </si>
  <si>
    <t>ﾔﾏｷいりこ100G</t>
  </si>
  <si>
    <t>食べる小魚いりこと胡</t>
  </si>
  <si>
    <t>ﾔﾏｷわかめﾊﾟｯｸ#4</t>
  </si>
  <si>
    <t>業務用だし・だしパック入り</t>
  </si>
  <si>
    <t>20gx6P</t>
  </si>
  <si>
    <t>やみつきごはんふりかけ</t>
  </si>
  <si>
    <t>ふえるわかめちゃん鳴</t>
  </si>
  <si>
    <t>ふえるわかめちゃん国</t>
  </si>
  <si>
    <t>14G</t>
  </si>
  <si>
    <t>サクサク食べるわかめ梅味</t>
  </si>
  <si>
    <t>サクサク食べるわかめコンソメ味</t>
  </si>
  <si>
    <t>ＵＦＯ味付のり</t>
  </si>
  <si>
    <t>しそ業務用</t>
  </si>
  <si>
    <t>料理に混ぜるコラーゲン</t>
  </si>
  <si>
    <t>6.9g</t>
  </si>
  <si>
    <t>だし削り</t>
  </si>
  <si>
    <t>寒天</t>
  </si>
  <si>
    <t>信濃寒天</t>
  </si>
  <si>
    <t>ｼﾅﾉ</t>
  </si>
  <si>
    <t>天雫の薫</t>
  </si>
  <si>
    <t>福岡八女農業協同組合</t>
  </si>
  <si>
    <t>JAﾌｸｵｶﾔﾒ</t>
  </si>
  <si>
    <t>国産小エビ</t>
  </si>
  <si>
    <t>韓国味付け海苔8枚</t>
  </si>
  <si>
    <t>おかずのり　8袋</t>
  </si>
  <si>
    <t>ひむかの香</t>
  </si>
  <si>
    <t>ピーナッツバタークリーミー</t>
  </si>
  <si>
    <t>ダイショウ</t>
  </si>
  <si>
    <t>チョコレートクリーミー</t>
  </si>
  <si>
    <t>真崎とろろ昆布</t>
  </si>
  <si>
    <t>田老町漁業協同組合</t>
  </si>
  <si>
    <t>ﾀﾛｳﾏﾁ</t>
  </si>
  <si>
    <t>三陸産ふのり</t>
  </si>
  <si>
    <t>ﾀﾛｳﾏﾁｷﾞｮｷｮ</t>
  </si>
  <si>
    <t>厚葉昆布</t>
  </si>
  <si>
    <t>煮しめ昆布</t>
  </si>
  <si>
    <t>しそわかめ　さけいり</t>
  </si>
  <si>
    <t>寒天(赤)</t>
  </si>
  <si>
    <t>ｲﾘｲﾁ</t>
  </si>
  <si>
    <t>寒天(青)</t>
  </si>
  <si>
    <t>本海藻国内産</t>
  </si>
  <si>
    <t>寿司のり_１００枚　__梅</t>
  </si>
  <si>
    <t>寿司のり_５０枚_松</t>
  </si>
  <si>
    <t>寿司のり_５０枚　_竹</t>
  </si>
  <si>
    <t>ほたて干し貝柱</t>
  </si>
  <si>
    <t>ぎょれん北光</t>
  </si>
  <si>
    <t>ﾎｯｶｲﾄﾞｳｷﾞｮ</t>
  </si>
  <si>
    <t>川崎芽ひじき40g</t>
  </si>
  <si>
    <t>川崎ｶｯﾄわかめ40g</t>
  </si>
  <si>
    <t>千切スルメ太</t>
  </si>
  <si>
    <t>ｶｲﾎｳ</t>
  </si>
  <si>
    <t>国内産千切りするめ</t>
  </si>
  <si>
    <t>宮古産すき昆布</t>
  </si>
  <si>
    <t>ｾﾞﾝｹｲ1ﾏｲ</t>
  </si>
  <si>
    <t>三陸産切出し昆布</t>
  </si>
  <si>
    <t>北海道産すき昆布</t>
  </si>
  <si>
    <t>ウコンパウダー</t>
  </si>
  <si>
    <t>久慈食品</t>
  </si>
  <si>
    <t>ｸｼﾞ</t>
  </si>
  <si>
    <t>肥後のだご汁粉里心</t>
  </si>
  <si>
    <t>金太郎いわし</t>
  </si>
  <si>
    <t>カクサいわしふりかけパック</t>
  </si>
  <si>
    <t>3G×6P</t>
  </si>
  <si>
    <t>ウコン１００％</t>
  </si>
  <si>
    <t>2g×12</t>
  </si>
  <si>
    <t>ゼンヤクノー</t>
  </si>
  <si>
    <t>ｾﾞﾝﾔｸﾉｰ</t>
  </si>
  <si>
    <t>乾燥糸寒天</t>
  </si>
  <si>
    <t>12G</t>
  </si>
  <si>
    <t>真昆布　１００ｇ</t>
  </si>
  <si>
    <t>切出昆布</t>
  </si>
  <si>
    <t>がごめ昆布北海道産</t>
  </si>
  <si>
    <t>ｶﾀｷﾞｶｲｿｳ</t>
  </si>
  <si>
    <t>くまモンのひじき</t>
  </si>
  <si>
    <t>10ｇ</t>
  </si>
  <si>
    <t>ﾀｶｷﾞﾉﾘ</t>
  </si>
  <si>
    <t>8Ｇ</t>
  </si>
  <si>
    <t>くまモンのカットわかめ</t>
  </si>
  <si>
    <t>くまモン天草産カットワカメ</t>
  </si>
  <si>
    <t>8ｇｘ3</t>
  </si>
  <si>
    <t>ﾀｶｷﾞｶｲｻﾝ</t>
  </si>
  <si>
    <t>早煮昆布　１００ｇ</t>
  </si>
  <si>
    <t>天草産芽ﾋｼﾞｷ</t>
  </si>
  <si>
    <t>本海藻房州産</t>
  </si>
  <si>
    <t>本海藻金印銚子近海産</t>
  </si>
  <si>
    <t>新海藻角又</t>
  </si>
  <si>
    <t>福徳毎日のり</t>
  </si>
  <si>
    <t>ｺｳﾃﾞﾝ</t>
  </si>
  <si>
    <t>マルモ　花かつお　ＬＰ</t>
  </si>
  <si>
    <t>マルモ　かつお　砕片　ＬＰ</t>
  </si>
  <si>
    <t>2G*12P</t>
  </si>
  <si>
    <t>天草わかめ</t>
  </si>
  <si>
    <t>味のり　もみじ</t>
  </si>
  <si>
    <t>味のり　つつじ</t>
  </si>
  <si>
    <t>無添加味のり　つつじ</t>
  </si>
  <si>
    <t>焼のり１等</t>
  </si>
  <si>
    <t>巻のり１等</t>
  </si>
  <si>
    <t>焼のり特上</t>
  </si>
  <si>
    <t>焼のり徳用</t>
  </si>
  <si>
    <t>焼のり特</t>
  </si>
  <si>
    <t>巻のり特上</t>
  </si>
  <si>
    <t>巻のり特</t>
  </si>
  <si>
    <t>マルモカンテンシロ</t>
  </si>
  <si>
    <t>4ホン</t>
  </si>
  <si>
    <t>丸茂溝口寒天</t>
  </si>
  <si>
    <t>ﾐｿﾞｸﾞﾁ</t>
  </si>
  <si>
    <t>国産松前漬</t>
  </si>
  <si>
    <t>松前漬スープ付</t>
  </si>
  <si>
    <t>銚子海藻つのまた</t>
  </si>
  <si>
    <t>銚子産本海藻</t>
  </si>
  <si>
    <t>削りたこカマ</t>
  </si>
  <si>
    <t>天草産きざみめかぶ</t>
  </si>
  <si>
    <t>太刀干</t>
  </si>
  <si>
    <t>上乾チリメン国内産</t>
  </si>
  <si>
    <t>ﾏﾙﾎ</t>
  </si>
  <si>
    <t>農産乾物</t>
  </si>
  <si>
    <t>あんこ</t>
  </si>
  <si>
    <t>250ｇ以下　国産</t>
  </si>
  <si>
    <t>北海道ゆであずきＥＯＴ２</t>
  </si>
  <si>
    <t>北海道パウチゆであずき</t>
  </si>
  <si>
    <t>カロリーハーフゆであずき</t>
  </si>
  <si>
    <t>国産ゆで小豆甘さひかえめＳＰ２００ｇ</t>
  </si>
  <si>
    <t>かんぴい　北海道ゆであずき低甘味仕上げ</t>
  </si>
  <si>
    <t>粒の極み甘さひかえめ</t>
  </si>
  <si>
    <t>ジャネフ低カロリーゆであずき１／２</t>
  </si>
  <si>
    <t>北海道ゆであずき</t>
  </si>
  <si>
    <t>橋本食糧工業</t>
  </si>
  <si>
    <t>ﾊｼﾓﾄｼｮｸﾋﾝ</t>
  </si>
  <si>
    <t>ゆであずきレトルト</t>
  </si>
  <si>
    <t>ﾊｼﾓﾄ</t>
  </si>
  <si>
    <t>北海道ゆであずきＴ２号缶</t>
  </si>
  <si>
    <t>無糖ゆであずき缶</t>
  </si>
  <si>
    <t>あんジャム</t>
  </si>
  <si>
    <t>国産原料ゆであずき</t>
  </si>
  <si>
    <t>さくらあんゆであずき北海道</t>
  </si>
  <si>
    <t>250ｇ以下　国産以外</t>
  </si>
  <si>
    <t>ゆであずきEO-T2号缶</t>
  </si>
  <si>
    <t>ゆであずき特６／Ｒ</t>
  </si>
  <si>
    <t>ゆであずき_パウチ</t>
  </si>
  <si>
    <t>ゆであずき低甘味</t>
  </si>
  <si>
    <t>ゆであずき　T２号缶</t>
  </si>
  <si>
    <t>ゆであずき低甘味仕上げ</t>
  </si>
  <si>
    <t>なめらかゆであずき</t>
  </si>
  <si>
    <t>サンヨー堂　ゆであずき　190ｇ</t>
  </si>
  <si>
    <t>あんこ屋が作ったゆであずきT2号缶</t>
  </si>
  <si>
    <t>251ｇ以上　国産</t>
  </si>
  <si>
    <t>ゆであずき_3個セット</t>
  </si>
  <si>
    <t>北海道カップゆであずき</t>
  </si>
  <si>
    <t>富久ゆであずきT1号缶</t>
  </si>
  <si>
    <t>谷尾　さくらあんゆであずき白ラベル１号缶　４００ｇ</t>
  </si>
  <si>
    <t>251ｇ以上　国産以外</t>
  </si>
  <si>
    <t>パウチゆであずき</t>
  </si>
  <si>
    <t>ゆであずきパウチ</t>
  </si>
  <si>
    <t>低甘味仕上げゆであずき</t>
  </si>
  <si>
    <t>ゆであずきＴ２</t>
  </si>
  <si>
    <t>ゆであずきＴ１</t>
  </si>
  <si>
    <t>つぶあん</t>
  </si>
  <si>
    <t>500ｇ以下　国産</t>
  </si>
  <si>
    <t>伊勢製餡所つぶあん袋</t>
  </si>
  <si>
    <t>ｲｾｾｲｱﾝｼﾖ</t>
  </si>
  <si>
    <t>北海道産つぶあん</t>
  </si>
  <si>
    <t>こしあん</t>
  </si>
  <si>
    <t>北海道つぶあん</t>
  </si>
  <si>
    <t>山清　金時あん　つぶあん　２８０ｇ</t>
  </si>
  <si>
    <t>北海道産_粒あん</t>
  </si>
  <si>
    <t>JAところ粒あん</t>
  </si>
  <si>
    <t>粒あん（北海小豆１００％）</t>
  </si>
  <si>
    <t>矢野製餡</t>
  </si>
  <si>
    <t>ﾔﾉﾌｰｽﾞ</t>
  </si>
  <si>
    <t>つぶあん北海道産小豆100%使用</t>
  </si>
  <si>
    <t>丹波大納言　粒あん</t>
  </si>
  <si>
    <t>みわび小豆と砂糖だけで作った有機つぶあん</t>
  </si>
  <si>
    <t>マエダ粒あん平袋350g</t>
  </si>
  <si>
    <t>500ｇ以下　国産以外</t>
  </si>
  <si>
    <t>つぶあんトッピング</t>
  </si>
  <si>
    <t>つぶあんカップ</t>
  </si>
  <si>
    <t>カンピー　甘美庵　つぶあん</t>
  </si>
  <si>
    <t>サンヨー　つぶあん</t>
  </si>
  <si>
    <t>内藤製餡所</t>
  </si>
  <si>
    <t>ﾅｲﾄｳｾｲｱﾝ</t>
  </si>
  <si>
    <t>あずきつぶあん</t>
  </si>
  <si>
    <t>フランソア</t>
  </si>
  <si>
    <t>ﾌﾗﾝｿｱ</t>
  </si>
  <si>
    <t>遠藤製餡</t>
  </si>
  <si>
    <t>ｴﾝﾄﾞｳｾｲｱﾝ</t>
  </si>
  <si>
    <t>えんどうのつぶあん</t>
  </si>
  <si>
    <t>miwabi小豆と砂糖だけ有機つぶあん</t>
  </si>
  <si>
    <t>中川製餡所</t>
  </si>
  <si>
    <t>オノデラつぶあん500g</t>
  </si>
  <si>
    <t>オノデラ食品</t>
  </si>
  <si>
    <t>ｵﾉﾃﾞﾗｼｮｸﾋﾝ</t>
  </si>
  <si>
    <t>501ｇ以上　国産</t>
  </si>
  <si>
    <t>北海道小豆つぶあん</t>
  </si>
  <si>
    <t>ｍｙ_ＡＮ</t>
  </si>
  <si>
    <t>myAN</t>
  </si>
  <si>
    <t>つぶあん（北海道産）</t>
  </si>
  <si>
    <t>ﾏｲｱﾝ</t>
  </si>
  <si>
    <t>かんぴいつぶあん</t>
  </si>
  <si>
    <t>カンピー　つぶあんピロー</t>
  </si>
  <si>
    <t>国産つぶあん</t>
  </si>
  <si>
    <t>ｶﾜﾐﾂ</t>
  </si>
  <si>
    <t>つぶあん_北海道産</t>
  </si>
  <si>
    <t>北海道粒あん</t>
  </si>
  <si>
    <t>橋本フーズ　北海道つぶあん</t>
  </si>
  <si>
    <t>ﾊｼﾓﾄﾌｰｽﾞ</t>
  </si>
  <si>
    <t>北海道粒あん袋</t>
  </si>
  <si>
    <t>あん作り一筋つぶあん</t>
  </si>
  <si>
    <t>特撰つぶあん</t>
  </si>
  <si>
    <t>小豆粒あん</t>
  </si>
  <si>
    <t>北海道素材100%使用つぶあん</t>
  </si>
  <si>
    <t>ＴＴＣフーズ</t>
  </si>
  <si>
    <t>TTCﾌｰｽﾞ</t>
  </si>
  <si>
    <t>北海小豆粒あん</t>
  </si>
  <si>
    <t>十勝つぶあん</t>
  </si>
  <si>
    <t>ﾌｼﾞｾｲｱﾝ</t>
  </si>
  <si>
    <t>501ｇ以上　国産以外</t>
  </si>
  <si>
    <t>つぶあん2個セット</t>
  </si>
  <si>
    <t>800g×2P</t>
  </si>
  <si>
    <t>湘和つぶあん</t>
  </si>
  <si>
    <t>つぶあん　（中国産）</t>
  </si>
  <si>
    <t>栄大商事</t>
  </si>
  <si>
    <t>ｴｲﾀﾞｲｼｮｳｼﾞ</t>
  </si>
  <si>
    <t>黒沢</t>
  </si>
  <si>
    <t>ｽﾃｯﾌﾟｵﾝ</t>
  </si>
  <si>
    <t>井村屋謹製　つぶあん</t>
  </si>
  <si>
    <t>謹製つぶあん</t>
  </si>
  <si>
    <t>かんぴい　つぶあん</t>
  </si>
  <si>
    <t>谷尾食糧工業　さくらあん　つぶあん　６００ｇ</t>
  </si>
  <si>
    <t>さくら庵つぶあん国内製造</t>
  </si>
  <si>
    <t>粒あん</t>
  </si>
  <si>
    <t>つぶあん国内製造</t>
  </si>
  <si>
    <t>小倉粒あん袋</t>
  </si>
  <si>
    <t>ツブアン</t>
  </si>
  <si>
    <t>日栄物産</t>
  </si>
  <si>
    <t>ﾆﾁｴｲ</t>
  </si>
  <si>
    <t>伊勢製餡所こしあん袋300g</t>
  </si>
  <si>
    <t>北海道産こしあん</t>
  </si>
  <si>
    <t>カンピー_甘美庵_こしあん</t>
  </si>
  <si>
    <t>さらしあん</t>
  </si>
  <si>
    <t>季節を手作りさらしあん</t>
  </si>
  <si>
    <t>サンヨー　こしあん</t>
  </si>
  <si>
    <t>さらしあん赤</t>
  </si>
  <si>
    <t>根津食品</t>
  </si>
  <si>
    <t>ﾈｽﾞ</t>
  </si>
  <si>
    <t>ねりあん</t>
  </si>
  <si>
    <t>北海道こしあん</t>
  </si>
  <si>
    <t>こしあん北海道産小豆100%</t>
  </si>
  <si>
    <t>さくらあん</t>
  </si>
  <si>
    <t>北海道産_こしあん</t>
  </si>
  <si>
    <t>北海道十勝産つぶあん</t>
  </si>
  <si>
    <t>北海道十勝産こしあん低甘味</t>
  </si>
  <si>
    <t>JAところこしあん</t>
  </si>
  <si>
    <t>こしあん（北海小豆１００％）</t>
  </si>
  <si>
    <t>こしあん北海道産小豆100%使用</t>
  </si>
  <si>
    <t>丹波大納言　こしあん</t>
  </si>
  <si>
    <t>みわび小豆と砂糖だけで作った有機こしあん</t>
  </si>
  <si>
    <t>こしあん（粉末）</t>
  </si>
  <si>
    <t>火の国屋</t>
  </si>
  <si>
    <t>さくらあんドライ餡</t>
  </si>
  <si>
    <t>ドライあんこ</t>
  </si>
  <si>
    <t>マエダ練りあん350g</t>
  </si>
  <si>
    <t>十勝産小豆　こしあん　３Ｐ</t>
  </si>
  <si>
    <t>的場製餡所</t>
  </si>
  <si>
    <t>ﾏﾄﾊﾞｾｲｱﾝ</t>
  </si>
  <si>
    <t>十勝産小豆　小倉あん　３Ｐ</t>
  </si>
  <si>
    <t>しろあん</t>
  </si>
  <si>
    <t>黒糖あん</t>
  </si>
  <si>
    <t>井村屋　つぶあん</t>
  </si>
  <si>
    <t>井村屋　こしあん</t>
  </si>
  <si>
    <t>西日本　白鳥印　つぶあん</t>
  </si>
  <si>
    <t>西日本　白鳥印　こしあん</t>
  </si>
  <si>
    <t>えんどうのこしあん</t>
  </si>
  <si>
    <t>つぶしあん</t>
  </si>
  <si>
    <t>宝代産業</t>
  </si>
  <si>
    <t>ﾎｳﾀﾞｲｻﾝｷﾞｮ</t>
  </si>
  <si>
    <t>白あん</t>
  </si>
  <si>
    <t>miwabi小豆と砂糖だけ有機こしあん</t>
  </si>
  <si>
    <t>オノデラこしあん500g</t>
  </si>
  <si>
    <t>湘和こしあん</t>
  </si>
  <si>
    <t>こしあん（北海道産）</t>
  </si>
  <si>
    <t>かんぴい　こしあん</t>
  </si>
  <si>
    <t>かんぴいこしあん</t>
  </si>
  <si>
    <t>カンピー　こしあんピロー</t>
  </si>
  <si>
    <t>国産ねりあん</t>
  </si>
  <si>
    <t>こしあん_北海道産</t>
  </si>
  <si>
    <t>橋本フーズ　北海道こしあん</t>
  </si>
  <si>
    <t>北海道こしあん袋</t>
  </si>
  <si>
    <t>あん作り一筋こしあん</t>
  </si>
  <si>
    <t>特撰こしあん</t>
  </si>
  <si>
    <t>さくら庵こしあん（国内製造）</t>
  </si>
  <si>
    <t>北海道素材100%使用こしあん</t>
  </si>
  <si>
    <t>北海小豆こしあん</t>
  </si>
  <si>
    <t>国産こしあん</t>
  </si>
  <si>
    <t>十勝こしあん</t>
  </si>
  <si>
    <t>国産あんこ</t>
  </si>
  <si>
    <t>こしあん2個セット</t>
  </si>
  <si>
    <t>こしあん　（中国産）</t>
  </si>
  <si>
    <t>井村屋謹製　こしあん</t>
  </si>
  <si>
    <t>謹製こしあん</t>
  </si>
  <si>
    <t>谷尾食糧工業　さくらあん　こしあん　６００ｇ</t>
  </si>
  <si>
    <t>こしあん国内製造</t>
  </si>
  <si>
    <t>コシアン</t>
  </si>
  <si>
    <t>地場</t>
  </si>
  <si>
    <t>平間製あん所</t>
  </si>
  <si>
    <t>ﾋﾗﾏ</t>
  </si>
  <si>
    <t>ずんだあん</t>
  </si>
  <si>
    <t>回進堂自慢のつぶあん</t>
  </si>
  <si>
    <t>回進堂</t>
  </si>
  <si>
    <t>ｶｲｼﾝﾄﾞｳ</t>
  </si>
  <si>
    <t>回進堂自慢のこしあん</t>
  </si>
  <si>
    <t>望月製餡所</t>
  </si>
  <si>
    <t>ﾓﾁﾂﾞｷｾｲｱﾝ</t>
  </si>
  <si>
    <t>くるみあん</t>
  </si>
  <si>
    <t>ごまあん</t>
  </si>
  <si>
    <t>その他あんこ</t>
  </si>
  <si>
    <t>鳴門金時芋あん</t>
  </si>
  <si>
    <t>赤飯用小豆水煮　レトルト</t>
  </si>
  <si>
    <t>おもち亭　おもちとからめて　抹茶あんの素</t>
  </si>
  <si>
    <t>山清　金時あん顆粒　１００ｇ</t>
  </si>
  <si>
    <t>白こしあん</t>
  </si>
  <si>
    <t>白あん袋</t>
  </si>
  <si>
    <t>和粉</t>
  </si>
  <si>
    <t>きなこ</t>
  </si>
  <si>
    <t>国産きな粉2個セット</t>
  </si>
  <si>
    <t>国内産きなこ</t>
  </si>
  <si>
    <t>ﾏﾂﾓﾄﾌ-ﾂ</t>
  </si>
  <si>
    <t>安倍川きな粉</t>
  </si>
  <si>
    <t>北海道大豆使用きな粉</t>
  </si>
  <si>
    <t>料理人_北海道_ﾐﾆﾊﾟｯｸきな粉_10G*6</t>
  </si>
  <si>
    <t>10g×6</t>
  </si>
  <si>
    <t>北海道大豆100%使用きな粉</t>
  </si>
  <si>
    <t>国内産大豆100%きな粉</t>
  </si>
  <si>
    <t>丹波黒きなこ</t>
  </si>
  <si>
    <t>ウグイスきな粉</t>
  </si>
  <si>
    <t>十勝きな粉</t>
  </si>
  <si>
    <t>ウグイスきな粉ミニＰ</t>
  </si>
  <si>
    <t>20g×4</t>
  </si>
  <si>
    <t>川光きな粉チャック付150g</t>
  </si>
  <si>
    <t>miwabi分包北海道十勝産きな粉</t>
  </si>
  <si>
    <t>国産きな粉</t>
  </si>
  <si>
    <t>京風きな粉</t>
  </si>
  <si>
    <t>丹波黒きな粉</t>
  </si>
  <si>
    <t>真誠青きな粉</t>
  </si>
  <si>
    <t>黒ごまパウダー入りきな粉</t>
  </si>
  <si>
    <t>朝食×腸活きな粉アサイーブレンド</t>
  </si>
  <si>
    <t>日の出製粉</t>
  </si>
  <si>
    <t>国採りきな粉</t>
  </si>
  <si>
    <t>松田製粉</t>
  </si>
  <si>
    <t>ﾏﾂﾀﾞ</t>
  </si>
  <si>
    <t>青ばたきな粉</t>
  </si>
  <si>
    <t>ﾏﾂﾀﾞｾｲﾌﾝ</t>
  </si>
  <si>
    <t>丹波きな粉</t>
  </si>
  <si>
    <t>山清北海道産大豆特撰きな粉</t>
  </si>
  <si>
    <t>房総きな粉千葉県産</t>
  </si>
  <si>
    <t>小西製粉</t>
  </si>
  <si>
    <t>ｺﾆｼｾｲﾌﾝ</t>
  </si>
  <si>
    <t>とんばらのきな粉</t>
  </si>
  <si>
    <t>雲南農業協同組合</t>
  </si>
  <si>
    <t>JAｳﾝﾅﾝ</t>
  </si>
  <si>
    <t>丹波黒大豆きな粉</t>
  </si>
  <si>
    <t>10g×5P</t>
  </si>
  <si>
    <t>丹波黒大豆きな粉　８０ｇ</t>
  </si>
  <si>
    <t>京きな粉チャック付６０ｇ</t>
  </si>
  <si>
    <t>北海道光黒豆きな粉</t>
  </si>
  <si>
    <t>ｵｵｷﾞｶﾈﾔｽ</t>
  </si>
  <si>
    <t>愛知県産大豆きな粉</t>
  </si>
  <si>
    <t>信長京きな粉</t>
  </si>
  <si>
    <t>まろやか京きな粉</t>
  </si>
  <si>
    <t>青肌きな粉</t>
  </si>
  <si>
    <t>ｳｴﾏﾝﾘｮｳｼｮｸ</t>
  </si>
  <si>
    <t>島根産正直きな粉</t>
  </si>
  <si>
    <t>ｶﾐﾑﾗ</t>
  </si>
  <si>
    <t>絶品きなこ</t>
  </si>
  <si>
    <t>黒胡麻きな粉</t>
  </si>
  <si>
    <t>京きな粉</t>
  </si>
  <si>
    <t>みわび北海道十勝産丸大豆きな粉個分け</t>
  </si>
  <si>
    <t>感動の北海道きな粉</t>
  </si>
  <si>
    <t>中村食品産業</t>
  </si>
  <si>
    <t>ﾅｶﾑﾗｼｮｸﾋﾝ</t>
  </si>
  <si>
    <t>北海道きな粉</t>
  </si>
  <si>
    <t>黒豆きなこ</t>
  </si>
  <si>
    <t>ﾋﾉｸﾆｼｮｸﾋﾝ</t>
  </si>
  <si>
    <t>国内産京きな粉</t>
  </si>
  <si>
    <t>きなこ国内産</t>
  </si>
  <si>
    <t>国産きなこ</t>
  </si>
  <si>
    <t>ｻｶｸﾞﾁｾｲﾌﾝ</t>
  </si>
  <si>
    <t>青大豆きな粉</t>
  </si>
  <si>
    <t>坂口_青大豆きな粉</t>
  </si>
  <si>
    <t>青豆きな粉</t>
  </si>
  <si>
    <t>焙煎丸大豆きな粉</t>
  </si>
  <si>
    <t>栃木県産きな粉</t>
  </si>
  <si>
    <t>北海道産黒須きな粉</t>
  </si>
  <si>
    <t>丹波黒豆きな粉</t>
  </si>
  <si>
    <t>国内産きな粉</t>
  </si>
  <si>
    <t>京きなこ</t>
  </si>
  <si>
    <t>マツモトフーツ</t>
  </si>
  <si>
    <t>マツモトフーツ　きな粉　1</t>
  </si>
  <si>
    <t>国産以外</t>
  </si>
  <si>
    <t>国内産丸大豆安倍川きな粉</t>
  </si>
  <si>
    <t>生活派_きな粉_200g</t>
  </si>
  <si>
    <t>真誠_丸大豆使用　きな粉　袋９０ｇ</t>
  </si>
  <si>
    <t>きな粉業務用</t>
  </si>
  <si>
    <t>ミニパック黄粉</t>
  </si>
  <si>
    <t>ウグイス黄粉</t>
  </si>
  <si>
    <t>うぐいすきな粉</t>
  </si>
  <si>
    <t>南目製粉</t>
  </si>
  <si>
    <t>ﾅﾝﾒｾｲﾌﾝ</t>
  </si>
  <si>
    <t>上万きな粉</t>
  </si>
  <si>
    <t>黒豆きな粉</t>
  </si>
  <si>
    <t>きなこ200</t>
  </si>
  <si>
    <t>静岡やまき屋</t>
  </si>
  <si>
    <t>粉の郷便りきな粉</t>
  </si>
  <si>
    <t>黄粉</t>
  </si>
  <si>
    <t>マエダ_きなこ</t>
  </si>
  <si>
    <t>マエダ　きなこ</t>
  </si>
  <si>
    <t>きな粉スティック</t>
  </si>
  <si>
    <t>有機</t>
  </si>
  <si>
    <t>国採り物語有機きなこ</t>
  </si>
  <si>
    <t>有機黒ごまきな粉</t>
  </si>
  <si>
    <t>有機丸大豆きな粉</t>
  </si>
  <si>
    <t>有機栽培きなこ</t>
  </si>
  <si>
    <t>ぎゃばきなこ</t>
  </si>
  <si>
    <t>ｵﾀﾞﾆｺｸﾌﾝ</t>
  </si>
  <si>
    <t>黒胡麻入はと麦きなこ</t>
  </si>
  <si>
    <t>黒豆黒ごまきな粉</t>
  </si>
  <si>
    <t>きなこごまパウダー</t>
  </si>
  <si>
    <t>きなこゴマパウダー</t>
  </si>
  <si>
    <t>国産大豆きな粉ゴマパウダー入</t>
  </si>
  <si>
    <t>とろけるきなこ</t>
  </si>
  <si>
    <t>高たんぱくきなこ</t>
  </si>
  <si>
    <t>クロゴマイリキナコ</t>
  </si>
  <si>
    <t>味源元祖黒ごまきな粉</t>
  </si>
  <si>
    <t>黒ごまきな粉</t>
  </si>
  <si>
    <t>家康黒ごまきな粉</t>
  </si>
  <si>
    <t>きな粉_うこん</t>
  </si>
  <si>
    <t>きな粉_金ごま</t>
  </si>
  <si>
    <t>黒ごまアーモンドきな粉</t>
  </si>
  <si>
    <t>黒ごま黒糖黒豆きな粉</t>
  </si>
  <si>
    <t>黒ごま黒糖黒豆きなこ</t>
  </si>
  <si>
    <t>黒ごまアーモンドきなこ</t>
  </si>
  <si>
    <t>青汁きなこ</t>
  </si>
  <si>
    <t>くるみ黒糖きなこ</t>
  </si>
  <si>
    <t>もち麦ココナッツきなこ</t>
  </si>
  <si>
    <t>ミックスナッツきなこ</t>
  </si>
  <si>
    <t>米ぬか白ごまきなこ</t>
  </si>
  <si>
    <t>砂糖入り青大豆きな粉</t>
  </si>
  <si>
    <t>黒ごまアーモンドきなこペースト</t>
  </si>
  <si>
    <t>黒大豆きな粉</t>
  </si>
  <si>
    <t>だんご粉</t>
  </si>
  <si>
    <t>上新粉</t>
  </si>
  <si>
    <t>チャック付上新粉</t>
  </si>
  <si>
    <t>国産米使用上新粉</t>
  </si>
  <si>
    <t>白兎上新粉</t>
  </si>
  <si>
    <t>国産上新粉</t>
  </si>
  <si>
    <t>白玉粉雪</t>
  </si>
  <si>
    <t>手作り道明寺</t>
  </si>
  <si>
    <t>白玉粉</t>
  </si>
  <si>
    <t>白玉粉3個セット</t>
  </si>
  <si>
    <t>だんご粉_3個セット</t>
  </si>
  <si>
    <t>よもぎ入白玉粉</t>
  </si>
  <si>
    <t>玉三即席白玉国内産</t>
  </si>
  <si>
    <t>マル正　白玉粉</t>
  </si>
  <si>
    <t>花正印白玉粉</t>
  </si>
  <si>
    <t>白玉粉　業務用</t>
  </si>
  <si>
    <t>丸世製粉</t>
  </si>
  <si>
    <t>フーズ白玉粉国産</t>
  </si>
  <si>
    <t>ソフト白玉餅</t>
  </si>
  <si>
    <t>白兎白玉粉</t>
  </si>
  <si>
    <t>雪小町印白玉もち</t>
  </si>
  <si>
    <t>秋田白玉工業</t>
  </si>
  <si>
    <t>ｱｷﾀｼﾗﾀﾏ</t>
  </si>
  <si>
    <t>みゆき_白玉粉</t>
  </si>
  <si>
    <t>雪人形　上新粉</t>
  </si>
  <si>
    <t>白玉もち_赤白</t>
  </si>
  <si>
    <t>生白玉粉もち</t>
  </si>
  <si>
    <t>白玉こもち</t>
  </si>
  <si>
    <t>白玉粉業務用</t>
  </si>
  <si>
    <t>国産白玉粉</t>
  </si>
  <si>
    <t>粉雪の白玉</t>
  </si>
  <si>
    <t>坂口の粉雪白玉</t>
  </si>
  <si>
    <t>82g</t>
  </si>
  <si>
    <t>もち粉・だんご粉</t>
  </si>
  <si>
    <t>団子の粉</t>
  </si>
  <si>
    <t>えび印だんごのやわみ</t>
  </si>
  <si>
    <t>正守興産</t>
  </si>
  <si>
    <t>ﾂｶﾓﾄ</t>
  </si>
  <si>
    <t>やわみだんごの粉</t>
  </si>
  <si>
    <t>だんごの粉</t>
  </si>
  <si>
    <t>もち粉</t>
  </si>
  <si>
    <t>だんごの粉やわみ</t>
  </si>
  <si>
    <t>ﾏﾙｷﾝｼｮｸﾋﾝ</t>
  </si>
  <si>
    <t>金印だんごの粉</t>
  </si>
  <si>
    <t>山清　白玉だんごの粉　４５０ｇ</t>
  </si>
  <si>
    <t>きびだんごの粉</t>
  </si>
  <si>
    <t>特撰だんごの粉</t>
  </si>
  <si>
    <t>ﾅﾝﾒ</t>
  </si>
  <si>
    <t>とんばらのだんご粉</t>
  </si>
  <si>
    <t>淡路製粉　白兎　もち粉　２５０ｇ</t>
  </si>
  <si>
    <t>赤金帯いなかだんご粉</t>
  </si>
  <si>
    <t>ｼﾛｳｻｷﾞ</t>
  </si>
  <si>
    <t>国産だんご粉</t>
  </si>
  <si>
    <t>国産もち粉</t>
  </si>
  <si>
    <t>べこもちの粉</t>
  </si>
  <si>
    <t>道明寺粉</t>
  </si>
  <si>
    <t>ワラビモチコ</t>
  </si>
  <si>
    <t>わらびもち粉</t>
  </si>
  <si>
    <t>かるかん粉</t>
  </si>
  <si>
    <t>小城製粉</t>
  </si>
  <si>
    <t>ｵｷﾞｾｲﾌﾝ</t>
  </si>
  <si>
    <t>わらび餅粉</t>
  </si>
  <si>
    <t>かしわ餅粉</t>
  </si>
  <si>
    <t>国採りもの語り片栗粉</t>
  </si>
  <si>
    <t>生活派_北海道十勝産片栗粉_300G</t>
  </si>
  <si>
    <t>知床でんぷん片栗粉</t>
  </si>
  <si>
    <t>杉野フーズ</t>
  </si>
  <si>
    <t>ｽｷﾞﾉﾌｰｽﾞ</t>
  </si>
  <si>
    <t>ｷﾝｸﾞ_片栗粉_100%_200G</t>
  </si>
  <si>
    <t>片栗粉100%北海道産</t>
  </si>
  <si>
    <t>ﾄﾁｷﾞﾔ</t>
  </si>
  <si>
    <t>青木農産　片栗粉　300g</t>
  </si>
  <si>
    <t>青木農産</t>
  </si>
  <si>
    <t>ｱｵｷﾉｳｻﾝ</t>
  </si>
  <si>
    <t>北海道産_片栗粉</t>
  </si>
  <si>
    <t>北海道産片栗粉</t>
  </si>
  <si>
    <t>でんぷん業務用１㎏</t>
  </si>
  <si>
    <t>１㎏</t>
  </si>
  <si>
    <t>ホクレン　片栗粉　紙ポリ　袋２５０ｇ</t>
  </si>
  <si>
    <t>彩粉さらさら片栗粉</t>
  </si>
  <si>
    <t>ｼｭﾚﾝｺｸﾌﾞ</t>
  </si>
  <si>
    <t>三倉産業　業務用　片栗粉　１ｋｇ</t>
  </si>
  <si>
    <t>ｻﾝｿｳｻﾝｷﾞｮｳ</t>
  </si>
  <si>
    <t>ﾐｸﾗｻﾝｷﾞｮｳ</t>
  </si>
  <si>
    <t>国産片栗粉くまモンチャック付</t>
  </si>
  <si>
    <t>北海道産片栗粉チャック付</t>
  </si>
  <si>
    <t>十勝片栗粉</t>
  </si>
  <si>
    <t>水溶きのいらない片栗粉</t>
  </si>
  <si>
    <t>とろみ上手詰替</t>
  </si>
  <si>
    <t>かたくりうまこさんの中華あんの素</t>
  </si>
  <si>
    <t>かたくりうまこさんの甘酢あんの素</t>
  </si>
  <si>
    <t>片栗粉　紙袋入り</t>
  </si>
  <si>
    <t>３００g</t>
  </si>
  <si>
    <t>マル正　片栗粉</t>
  </si>
  <si>
    <t>片栗粉　500ｇ</t>
  </si>
  <si>
    <t>ｶﾝﾉｳｺｳｷﾞｮｳ</t>
  </si>
  <si>
    <t>片栗粉５００</t>
  </si>
  <si>
    <t>シュレン国分　片栗粉　300g</t>
  </si>
  <si>
    <t>片栗粉業務用</t>
  </si>
  <si>
    <t>火乃国片栗粉</t>
  </si>
  <si>
    <t>チャック付き</t>
  </si>
  <si>
    <t>片栗粉チャック付</t>
  </si>
  <si>
    <t>水溶きいらずのとろみ上手　チャック付</t>
  </si>
  <si>
    <t>おからパウダー</t>
  </si>
  <si>
    <t>ディジャパン</t>
  </si>
  <si>
    <t>ﾃﾞｲｼﾞｬﾊﾟﾝ</t>
  </si>
  <si>
    <t>菊商なごみ</t>
  </si>
  <si>
    <t>ｷｸｼｮｳﾅｺﾞﾐ</t>
  </si>
  <si>
    <t>ごまのおから</t>
  </si>
  <si>
    <t>クレアツーワン</t>
  </si>
  <si>
    <t>ｸﾚｱﾂｰﾜﾝ</t>
  </si>
  <si>
    <t>おからパウダープレーン</t>
  </si>
  <si>
    <t>みすずコーポレーション</t>
  </si>
  <si>
    <t>ﾐｽｽﾞCorp</t>
  </si>
  <si>
    <t>おからパウダー（いちごきな粉）</t>
  </si>
  <si>
    <t>ﾐｽｽﾞ</t>
  </si>
  <si>
    <t>おからパウダー（青汁きな粉）</t>
  </si>
  <si>
    <t>おからパウダー黒ゴマ黒豆きな粉</t>
  </si>
  <si>
    <t>ご汁の素</t>
  </si>
  <si>
    <t>国産ご汁の素</t>
  </si>
  <si>
    <t>よもぎ粉</t>
  </si>
  <si>
    <t>山眞産業</t>
  </si>
  <si>
    <t>ﾔﾏｼﾝｻﾝｷﾞｮｳ</t>
  </si>
  <si>
    <t>特撰青豆粉</t>
  </si>
  <si>
    <t>まきの粉</t>
  </si>
  <si>
    <t>きび粉</t>
  </si>
  <si>
    <t>呉汁の素</t>
  </si>
  <si>
    <t>ﾖﾂﾓﾄｼｮｸﾋﾝ</t>
  </si>
  <si>
    <t>昔ながらのだんご粉</t>
  </si>
  <si>
    <t>お餅のようなだんご粉</t>
  </si>
  <si>
    <t>いこもち粉</t>
  </si>
  <si>
    <t>高山製粉</t>
  </si>
  <si>
    <t>ﾀｶﾔﾏｾｲﾌﾝ</t>
  </si>
  <si>
    <t>信州産石臼挽きそば粉</t>
  </si>
  <si>
    <t>こめ粉</t>
  </si>
  <si>
    <t>片栗粉のように使えるお米の粉</t>
  </si>
  <si>
    <t>米粉パウダー国産</t>
  </si>
  <si>
    <t>大豆粉</t>
  </si>
  <si>
    <t>すりゴマ白</t>
  </si>
  <si>
    <t>黒すりごま</t>
  </si>
  <si>
    <t>本しぼりしょうが湯</t>
  </si>
  <si>
    <t>ノイカ</t>
  </si>
  <si>
    <t>ﾉｲｶ</t>
  </si>
  <si>
    <t>すりえごま</t>
  </si>
  <si>
    <t>朝のたんぱく質習慣カカオ味</t>
  </si>
  <si>
    <t>10G*5P</t>
  </si>
  <si>
    <t>コンデンスクリーム</t>
  </si>
  <si>
    <t>３８０ｇ</t>
  </si>
  <si>
    <t>こんがり金すりごま</t>
  </si>
  <si>
    <t>すりごま白の香り</t>
  </si>
  <si>
    <t>すりごま金のコク</t>
  </si>
  <si>
    <t>５５Ｇ</t>
  </si>
  <si>
    <t>ねりゴマ一番黒</t>
  </si>
  <si>
    <t>梅茶</t>
  </si>
  <si>
    <t>緑茶</t>
  </si>
  <si>
    <t>のりごま白</t>
  </si>
  <si>
    <t>34ｇ</t>
  </si>
  <si>
    <t>ダイズラボ大豆粉</t>
  </si>
  <si>
    <t>ダイズラボそのまま食べる大豆粉</t>
  </si>
  <si>
    <t>牛乳でつくるココア</t>
  </si>
  <si>
    <t>ﾒｲﾄｰ</t>
  </si>
  <si>
    <t>ジャンボむぎ茶</t>
  </si>
  <si>
    <t>8.5ｇ×54</t>
  </si>
  <si>
    <t>矢部茶若葉</t>
  </si>
  <si>
    <t>ﾐﾀｶ玄米茶180g</t>
  </si>
  <si>
    <t>八女玉露入緑茶</t>
  </si>
  <si>
    <t>ﾐﾀｶ　八女抹茶入緑茶</t>
  </si>
  <si>
    <t>90Ｇ</t>
  </si>
  <si>
    <t>知覧茶</t>
  </si>
  <si>
    <t>お徳用　八女茶</t>
  </si>
  <si>
    <t>徳用　八女茶</t>
  </si>
  <si>
    <t>徳用　知覧茶</t>
  </si>
  <si>
    <t>発芽はと麦茶</t>
  </si>
  <si>
    <t>7G*18P</t>
  </si>
  <si>
    <t>ミタカ知覧一番茶</t>
  </si>
  <si>
    <t>まかない玄米茶</t>
  </si>
  <si>
    <t>ゆたかみどりさえみどりブレン</t>
  </si>
  <si>
    <t>８０Ｇ</t>
  </si>
  <si>
    <t>桑の葉茶</t>
  </si>
  <si>
    <t>3ｇ×24</t>
  </si>
  <si>
    <t>よもぎ茶</t>
  </si>
  <si>
    <t>3ｇ×24ｐ</t>
  </si>
  <si>
    <t>サラシア茶</t>
  </si>
  <si>
    <t>2.5ｇ×24ｐ</t>
  </si>
  <si>
    <t>ﾐﾀｶ玉緑茶ﾎｰﾑｻｲｽﾞ1</t>
  </si>
  <si>
    <t>矢部茶若草</t>
  </si>
  <si>
    <t>ﾐﾀｶどくだみ健康茶4</t>
  </si>
  <si>
    <t>ﾐﾀｶ無農薬白折茶風</t>
  </si>
  <si>
    <t>杜仲茶</t>
  </si>
  <si>
    <t>ギムネマ茶</t>
  </si>
  <si>
    <t>ルイボスティー</t>
  </si>
  <si>
    <t>ﾐﾀｶ八女茶一番80g</t>
  </si>
  <si>
    <t>ﾐﾀｶ矢部茶一番80g</t>
  </si>
  <si>
    <t>五穀かおり茶</t>
  </si>
  <si>
    <t>24袋</t>
  </si>
  <si>
    <t>五穀ほうじ茶</t>
  </si>
  <si>
    <t>２４袋</t>
  </si>
  <si>
    <t>なたまめ茶ティーパック</t>
  </si>
  <si>
    <t>３Ｇ＊２０Ｐ</t>
  </si>
  <si>
    <t>共立食品　ホームメイドケーキコーンスターチ__１６０ｇ</t>
  </si>
  <si>
    <t>もちとり粉</t>
  </si>
  <si>
    <t>おいしいはと麦粉</t>
  </si>
  <si>
    <t>玉露園</t>
  </si>
  <si>
    <t>ｷﾞｮｸﾛｴﾝ</t>
  </si>
  <si>
    <t>ザックザク発芽玄米フレーク粗目</t>
  </si>
  <si>
    <t>ﾊﾂｶﾞｹﾞﾝﾏｲ</t>
  </si>
  <si>
    <t>さくさく発芽玄米フレーク細目</t>
  </si>
  <si>
    <t>玉三季節を手作り吉野本葛</t>
  </si>
  <si>
    <t>四季の花もちとり粉</t>
  </si>
  <si>
    <t>おちらし粉</t>
  </si>
  <si>
    <t>もちとり粉_２００ｇ</t>
  </si>
  <si>
    <t>麦こがし</t>
  </si>
  <si>
    <t>東和食品工業</t>
  </si>
  <si>
    <t>ﾄｳﾜ</t>
  </si>
  <si>
    <t>和っ簡単鬼まんじゅう</t>
  </si>
  <si>
    <t>味風情わらび餅セット</t>
  </si>
  <si>
    <t>くず粉</t>
  </si>
  <si>
    <t>国採り本葛粉</t>
  </si>
  <si>
    <t>餅とり粉</t>
  </si>
  <si>
    <t>はったい粉</t>
  </si>
  <si>
    <t>吉野くず</t>
  </si>
  <si>
    <t>タピオカ澱粉</t>
  </si>
  <si>
    <t>おいしく食べられる米ぬかパウダー</t>
  </si>
  <si>
    <t>麦こうせん千葉県産</t>
  </si>
  <si>
    <t>えごまパウダー</t>
  </si>
  <si>
    <t>おきな_そば粉</t>
  </si>
  <si>
    <t>横山製粉</t>
  </si>
  <si>
    <t>ﾖｺﾔﾏｾｲﾌﾝ</t>
  </si>
  <si>
    <t>こうせん</t>
  </si>
  <si>
    <t>もちとりこ</t>
  </si>
  <si>
    <t>伊福穀粉工場</t>
  </si>
  <si>
    <t>ｲﾌｸ</t>
  </si>
  <si>
    <t>新潟県産道明寺粉</t>
  </si>
  <si>
    <t>本吉野くず</t>
  </si>
  <si>
    <t>松屋製粉</t>
  </si>
  <si>
    <t>粉の郷・わらび粉上</t>
  </si>
  <si>
    <t>粉末ピーナッツ</t>
  </si>
  <si>
    <t>富士正食品</t>
  </si>
  <si>
    <t>ﾌｼﾞｼﾖｳ</t>
  </si>
  <si>
    <t>くず粉　１００ｇ袋</t>
  </si>
  <si>
    <t>手作りはったい粉　１３０ｇ</t>
  </si>
  <si>
    <t>国内産そば粉</t>
  </si>
  <si>
    <t>いりごま</t>
  </si>
  <si>
    <t>白</t>
  </si>
  <si>
    <t>深煎り胡麻ソフト白</t>
  </si>
  <si>
    <t>煎りごま白</t>
  </si>
  <si>
    <t>ミル付き　白いりごま</t>
  </si>
  <si>
    <t>旭　いりごま白</t>
  </si>
  <si>
    <t>旭食_いりごま白</t>
  </si>
  <si>
    <t>からだのごちそういりごま（白）</t>
  </si>
  <si>
    <t>香かおりいりごま白</t>
  </si>
  <si>
    <t>浅煎りいりごま　白</t>
  </si>
  <si>
    <t>深煎りいりごま　白</t>
  </si>
  <si>
    <t>淡口いりごま_白</t>
  </si>
  <si>
    <t>濃口いりごま_白</t>
  </si>
  <si>
    <t>いりゴマ　白</t>
  </si>
  <si>
    <t>有機いりごま白</t>
  </si>
  <si>
    <t>煎りたて一番いりごま白</t>
  </si>
  <si>
    <t>いりごま白大袋</t>
  </si>
  <si>
    <t>いりごま　白</t>
  </si>
  <si>
    <t>マコト</t>
  </si>
  <si>
    <t>ﾏｺﾄ</t>
  </si>
  <si>
    <t>白いりごま</t>
  </si>
  <si>
    <t>旨みいりごま_白</t>
  </si>
  <si>
    <t>いり胡麻白</t>
  </si>
  <si>
    <t>のいりごま白</t>
  </si>
  <si>
    <t>オニザキコーポレーション</t>
  </si>
  <si>
    <t>ｵﾆｻﾞｷCorp</t>
  </si>
  <si>
    <t>京いりごま</t>
  </si>
  <si>
    <t>京いりごま大</t>
  </si>
  <si>
    <t>皮むきいりごま</t>
  </si>
  <si>
    <t>徳用いりごま白</t>
  </si>
  <si>
    <t>みわび皮むきいりごま個分け</t>
  </si>
  <si>
    <t>いり胡麻_白</t>
  </si>
  <si>
    <t>ﾏﾂﾓﾄﾌ-ｽﾞ</t>
  </si>
  <si>
    <t>ﾏﾂﾓﾄﾌｰｽﾞ</t>
  </si>
  <si>
    <t>黒</t>
  </si>
  <si>
    <t>深煎り胡麻ソフト黒</t>
  </si>
  <si>
    <t>煎りごま黒</t>
  </si>
  <si>
    <t>ミル付き　黒いりごま</t>
  </si>
  <si>
    <t>旭食　いりごま黒</t>
  </si>
  <si>
    <t>イリゴマ（クロ）</t>
  </si>
  <si>
    <t>からだのごちそういりごま（黒）</t>
  </si>
  <si>
    <t>香かおりいりごま黒</t>
  </si>
  <si>
    <t>いりゴマ黒</t>
  </si>
  <si>
    <t>真誠　いりゴマ黒　袋６０ｇ</t>
  </si>
  <si>
    <t>煎りたて一番いりごま黒</t>
  </si>
  <si>
    <t>黒いりごま</t>
  </si>
  <si>
    <t>旨みいりごま_黒</t>
  </si>
  <si>
    <t>いり胡麻黒</t>
  </si>
  <si>
    <t>黒ごま</t>
  </si>
  <si>
    <t>徳用いりごま黒</t>
  </si>
  <si>
    <t>いり胡麻_黒</t>
  </si>
  <si>
    <t>110g×20</t>
  </si>
  <si>
    <t>金</t>
  </si>
  <si>
    <t>旭　いりごま金</t>
  </si>
  <si>
    <t>４５ｇ</t>
  </si>
  <si>
    <t>旭食　いりごま金</t>
  </si>
  <si>
    <t>こんがり金ごまいりごま</t>
  </si>
  <si>
    <t>こんがり金いりごま</t>
  </si>
  <si>
    <t>ｶﾀｷﾞｼｮｸﾋﾝ</t>
  </si>
  <si>
    <t>金ごまこんがりごま</t>
  </si>
  <si>
    <t>煎りたて一番金</t>
  </si>
  <si>
    <t>煎りたて一番　金ごま</t>
  </si>
  <si>
    <t>いりごま金</t>
  </si>
  <si>
    <t>金いりごま</t>
  </si>
  <si>
    <t>マツモトフーツ　金いり胡麻　1</t>
  </si>
  <si>
    <t>有機いりごま黒</t>
  </si>
  <si>
    <t>有機いりごま金</t>
  </si>
  <si>
    <t>有機いりゴマ白</t>
  </si>
  <si>
    <t>有機皮むきいりごま</t>
  </si>
  <si>
    <t>すりごま</t>
  </si>
  <si>
    <t>旭すりごま白</t>
  </si>
  <si>
    <t>旭食　すりごま白</t>
  </si>
  <si>
    <t>からだのごちそうすりごま白</t>
  </si>
  <si>
    <t>香かおりすりごま白</t>
  </si>
  <si>
    <t>うまかすりごま白</t>
  </si>
  <si>
    <t>うまかあじすりごま白</t>
  </si>
  <si>
    <t>うまか焙煎_すりごま_白</t>
  </si>
  <si>
    <t>うまかあじすり胡麻白</t>
  </si>
  <si>
    <t>すりゴマ　白</t>
  </si>
  <si>
    <t>職人の技_すりごま_白</t>
  </si>
  <si>
    <t>擂り立て一番白</t>
  </si>
  <si>
    <t>すりたて一番すり胡麻白</t>
  </si>
  <si>
    <t>すりごま白大袋</t>
  </si>
  <si>
    <t>日清_すりたてむきごま瓶70</t>
  </si>
  <si>
    <t>ミニパックすり胡麻白</t>
  </si>
  <si>
    <t>ミニパックすりごま白</t>
  </si>
  <si>
    <t>しっとり香味すりごま白</t>
  </si>
  <si>
    <t>香味厳選すりごま白</t>
  </si>
  <si>
    <t>サラッとひと味すりごま白</t>
  </si>
  <si>
    <t>miwabiミニパックすりごま白</t>
  </si>
  <si>
    <t>白すりごま</t>
  </si>
  <si>
    <t>マイクロ焙煎白すりごま</t>
  </si>
  <si>
    <t>香りすりごま_白</t>
  </si>
  <si>
    <t>スリ胡麻白</t>
  </si>
  <si>
    <t>山城屋京すりごま</t>
  </si>
  <si>
    <t>みわびすりごま白個分け</t>
  </si>
  <si>
    <t>すり胡麻_白</t>
  </si>
  <si>
    <t>すりいりごま白</t>
  </si>
  <si>
    <t>すりゴマ黒</t>
  </si>
  <si>
    <t>からだのごちそうすりごま黒</t>
  </si>
  <si>
    <t>香かおりすりごま黒</t>
  </si>
  <si>
    <t>うまかあじすりごま黒</t>
  </si>
  <si>
    <t>真誠　すりゴマ黒　袋５５ｇ</t>
  </si>
  <si>
    <t>職人の技_すりごま_黒</t>
  </si>
  <si>
    <t>擂り立て一番黒</t>
  </si>
  <si>
    <t>すりたて一番すり胡麻黒</t>
  </si>
  <si>
    <t>ミニパックすり胡麻黒</t>
  </si>
  <si>
    <t>ミニパックすりごま黒</t>
  </si>
  <si>
    <t>しっとり香味すりごま黒</t>
  </si>
  <si>
    <t>香味厳選すりごま黒</t>
  </si>
  <si>
    <t>サラッとひと味すりごま黒</t>
  </si>
  <si>
    <t>miwabiミニパックすりごま黒</t>
  </si>
  <si>
    <t>香りすりごま_黒</t>
  </si>
  <si>
    <t>スリ胡麻黒</t>
  </si>
  <si>
    <t>みわびすりごま黒個分け</t>
  </si>
  <si>
    <t>すり胡麻_黒</t>
  </si>
  <si>
    <t>マツモトフーツ　黒すり胡麻　1</t>
  </si>
  <si>
    <t>すりいりごま黒</t>
  </si>
  <si>
    <t>旭　すりごま金</t>
  </si>
  <si>
    <t>旭食　すりごま金</t>
  </si>
  <si>
    <t>うまかあじすりごま金50g</t>
  </si>
  <si>
    <t>うまかあじすりごま金</t>
  </si>
  <si>
    <t>すりたて一番　金ごま</t>
  </si>
  <si>
    <t>擂りたて一番金</t>
  </si>
  <si>
    <t>すりごま金</t>
  </si>
  <si>
    <t>マイクロ焙煎金すりごま</t>
  </si>
  <si>
    <t>金すりごま</t>
  </si>
  <si>
    <t>有機すりごま白</t>
  </si>
  <si>
    <t>有機すりごま黒</t>
  </si>
  <si>
    <t>有機すりごま金</t>
  </si>
  <si>
    <t>有機すりごま_白</t>
  </si>
  <si>
    <t>有機すりゴマ黒</t>
  </si>
  <si>
    <t>有機すりゴマ白</t>
  </si>
  <si>
    <t>有機　金ごま入りすりごま白</t>
  </si>
  <si>
    <t>ねりごま</t>
  </si>
  <si>
    <t>なめらか自慢ねりごま白</t>
  </si>
  <si>
    <t>胡麻ソフト白</t>
  </si>
  <si>
    <t>練り胡麻一番　白</t>
  </si>
  <si>
    <t>カタギ　皮付き純ねりごま白</t>
  </si>
  <si>
    <t>有機ねりごま白</t>
  </si>
  <si>
    <t>食卓のねりごま白</t>
  </si>
  <si>
    <t>なめらかねりスタンド白</t>
  </si>
  <si>
    <t>純おいしいねりごま白パウチ</t>
  </si>
  <si>
    <t>純おいしいねりごま白皮付パウチ</t>
  </si>
  <si>
    <t>花練り白</t>
  </si>
  <si>
    <t>コハク味付きねりごま</t>
  </si>
  <si>
    <t>ﾉｼﾞﾏ</t>
  </si>
  <si>
    <t>きぬごしゴマ　白　５００ｇ</t>
  </si>
  <si>
    <t>大村屋</t>
  </si>
  <si>
    <t>練りごま白</t>
  </si>
  <si>
    <t>マツモトフーツ　純ねり胡麻_白　1</t>
  </si>
  <si>
    <t>なめらか自慢ねりごま黒</t>
  </si>
  <si>
    <t>ごまベースト　チューブ入り</t>
  </si>
  <si>
    <t>ねりごま一番黒</t>
  </si>
  <si>
    <t>胡麻ソフト黒</t>
  </si>
  <si>
    <t>練りごま（チューブ）</t>
  </si>
  <si>
    <t>純ねりごまチューブ黒</t>
  </si>
  <si>
    <t>食卓のねりごま黒</t>
  </si>
  <si>
    <t>なめらかねりごま　黒　パウチ</t>
  </si>
  <si>
    <t>純おいしいねりごま黒</t>
  </si>
  <si>
    <t>花練り黒</t>
  </si>
  <si>
    <t>きぬごしゴマ　黒　５００ｇ</t>
  </si>
  <si>
    <t>練りごま黒</t>
  </si>
  <si>
    <t>野菜たっぷりみそ汁の具</t>
  </si>
  <si>
    <t>マツモトフーツ　純ねり胡麻_黒　1</t>
  </si>
  <si>
    <t>味付ねりごま</t>
  </si>
  <si>
    <t>味付ねりくるみ</t>
  </si>
  <si>
    <t>ねりくるみ</t>
  </si>
  <si>
    <t>むきごま</t>
  </si>
  <si>
    <t>皮むきタイプすりゴマ</t>
  </si>
  <si>
    <t>いりごま皮むきタイプ</t>
  </si>
  <si>
    <t>サラットひと味皮むきいりごま</t>
  </si>
  <si>
    <t>miwabiミニパック皮むきいりごま分包</t>
  </si>
  <si>
    <t>つきごま</t>
  </si>
  <si>
    <t>マイクロ焙煎黒すりごま</t>
  </si>
  <si>
    <t>つきごま白</t>
  </si>
  <si>
    <t>つきごま黒</t>
  </si>
  <si>
    <t>洗いごま</t>
  </si>
  <si>
    <t>アーモンドすり胡麻</t>
  </si>
  <si>
    <t>洗いごま　白</t>
  </si>
  <si>
    <t>すりゴマ金</t>
  </si>
  <si>
    <t>特選洗いごま</t>
  </si>
  <si>
    <t>熊本産椎茸スライス</t>
  </si>
  <si>
    <t>25Ｇ</t>
  </si>
  <si>
    <t>熊本産椎茸中葉</t>
  </si>
  <si>
    <t>中国産椎茸スライス</t>
  </si>
  <si>
    <t>国内産椎茸ｽﾗｲｽ</t>
  </si>
  <si>
    <t>乾椎茸　未選別</t>
  </si>
  <si>
    <t>九州産椎茸（未選別）</t>
  </si>
  <si>
    <t>ｱｲﾎｰ</t>
  </si>
  <si>
    <t>九州産椎茸　はねだし</t>
  </si>
  <si>
    <t>熊本県産徳用どんこ</t>
  </si>
  <si>
    <t>九州産椎茸徳用香信</t>
  </si>
  <si>
    <t>洗いごま（黒ゴマ国内産）</t>
  </si>
  <si>
    <t>鹿北製油</t>
  </si>
  <si>
    <t>ｶﾎｸｾｲﾕ</t>
  </si>
  <si>
    <t>洗いごま（白ゴマ国内産）</t>
  </si>
  <si>
    <t>まんてん佐賀県産すりごま白</t>
  </si>
  <si>
    <t>まんてん佐賀県産いりごま白</t>
  </si>
  <si>
    <t>味付きごま</t>
  </si>
  <si>
    <t>カタギのあなたのキムチ</t>
  </si>
  <si>
    <t>カタギの手前味噌</t>
  </si>
  <si>
    <t>味付けいりごま</t>
  </si>
  <si>
    <t>味付けいり黒ごま</t>
  </si>
  <si>
    <t>味付けいりごま梅干し風味</t>
  </si>
  <si>
    <t>味付きいち胡麻梅風味</t>
  </si>
  <si>
    <t>利久胡麻わさびごま</t>
  </si>
  <si>
    <t>プレミアム香ばし金ごま塩</t>
  </si>
  <si>
    <t>しょうゆ味ごま</t>
  </si>
  <si>
    <t>真誠しょうゆ味ゴマ</t>
  </si>
  <si>
    <t>うめ味ごま</t>
  </si>
  <si>
    <t>赤みそ味ごま</t>
  </si>
  <si>
    <t>真誠しそすりゴマ</t>
  </si>
  <si>
    <t>減塩タイプごましお</t>
  </si>
  <si>
    <t>しょうゆ味ゴマ60g</t>
  </si>
  <si>
    <t>ふりかけごま_藻塩味</t>
  </si>
  <si>
    <t>俺がえらぶ黒ごまにんにく味</t>
  </si>
  <si>
    <t>俺がえらぶおかず黒ごましょうゆ味</t>
  </si>
  <si>
    <t>うめ味　ゴマ</t>
  </si>
  <si>
    <t>胡麻香彩ゆず香るごま</t>
  </si>
  <si>
    <t>彩りごま</t>
  </si>
  <si>
    <t>27ｇ</t>
  </si>
  <si>
    <t>食べる味付けいりごま</t>
  </si>
  <si>
    <t>味つきいりごま</t>
  </si>
  <si>
    <t>喜一郎ごまだし入</t>
  </si>
  <si>
    <t>味噌ごま</t>
  </si>
  <si>
    <t>麺に合う輪切りゴマ</t>
  </si>
  <si>
    <t>味付けごましょうゆ味</t>
  </si>
  <si>
    <t>味付けごま梅味</t>
  </si>
  <si>
    <t>ごまミックス</t>
  </si>
  <si>
    <t>ごまにんにく</t>
  </si>
  <si>
    <t>ｶﾀｷﾞｼﾖｸﾋﾝ</t>
  </si>
  <si>
    <t>ごまあえ</t>
  </si>
  <si>
    <t>ごま豆腐の素</t>
  </si>
  <si>
    <t>いろいろ風味</t>
  </si>
  <si>
    <t>野菜百珍ごま和えの素</t>
  </si>
  <si>
    <t>ピーナッツ和えの素</t>
  </si>
  <si>
    <t>無添加ごま塩減塩</t>
  </si>
  <si>
    <t>クラッシュアーモンドすりごま</t>
  </si>
  <si>
    <t>明太子すりごま</t>
  </si>
  <si>
    <t>野菜を食べるごまあえの素</t>
  </si>
  <si>
    <t>野菜を食べる雑穀あえの素</t>
  </si>
  <si>
    <t>ごま和えの素</t>
  </si>
  <si>
    <t>だし香るごまあえの素</t>
  </si>
  <si>
    <t>胡麻和えの素</t>
  </si>
  <si>
    <t>ピーナッツ和え</t>
  </si>
  <si>
    <t>コハク味付きねりくるみ</t>
  </si>
  <si>
    <t>胡麻あえの素</t>
  </si>
  <si>
    <t>ピーナッツコナ</t>
  </si>
  <si>
    <t>まつもと豆</t>
  </si>
  <si>
    <t>ﾏﾂﾓﾄ</t>
  </si>
  <si>
    <t>どんこ・肉厚　国産</t>
  </si>
  <si>
    <t>徳用厚肉椎茸</t>
  </si>
  <si>
    <t>ｲｲﾎﾞｼｼｮｳﾃﾝ</t>
  </si>
  <si>
    <t>100g×12P</t>
  </si>
  <si>
    <t>国産椎茸中粒どんこ</t>
  </si>
  <si>
    <t>国産椎茸小葉</t>
  </si>
  <si>
    <t>国内産椎茸小葉</t>
  </si>
  <si>
    <t>国内産どんこ椎茸</t>
  </si>
  <si>
    <t>九州産椎茸どんこ</t>
  </si>
  <si>
    <t>九州産椎茸小葉</t>
  </si>
  <si>
    <t>国内産_どんこ椎茸</t>
  </si>
  <si>
    <t>九州産椎茸小粒どんこ</t>
  </si>
  <si>
    <t>大分産どんこ椎茸</t>
  </si>
  <si>
    <t>九州産　肉厚　椎茸</t>
  </si>
  <si>
    <t>九州産椎茸　大玉どんこ</t>
  </si>
  <si>
    <t>機能性表示国内産椎茸どんこ</t>
  </si>
  <si>
    <t>どんこ鳥取産</t>
  </si>
  <si>
    <t>菌興椎茸協同組合</t>
  </si>
  <si>
    <t>ｷﾝｺｳｼｲﾀｹ</t>
  </si>
  <si>
    <t>九州産どんこ椎茸</t>
  </si>
  <si>
    <t>飯干商店</t>
  </si>
  <si>
    <t>九州産厚肉椎茸</t>
  </si>
  <si>
    <t>九州産中小葉椎茸</t>
  </si>
  <si>
    <t>九州産小粒どんこ椎茸</t>
  </si>
  <si>
    <t>宮崎県産どんこ椎茸</t>
  </si>
  <si>
    <t>宮崎県産徳用厚肉椎茸</t>
  </si>
  <si>
    <t>九州産上どんこ椎茸</t>
  </si>
  <si>
    <t>宮崎県産厚肉はね出し椎茸</t>
  </si>
  <si>
    <t>九州産厚肉しいたけ</t>
  </si>
  <si>
    <t>国内産どんこしいたけ</t>
  </si>
  <si>
    <t>ｵｳｼｮｳｼｲﾀｹ</t>
  </si>
  <si>
    <t>九州産どんこ椎茸上</t>
  </si>
  <si>
    <t>九州産どんこ椎茸90g</t>
  </si>
  <si>
    <t>Ｈ九州産椎茸どんこ</t>
  </si>
  <si>
    <t>ｵｳｼﾖｳﾉﾓﾘ</t>
  </si>
  <si>
    <t>宮崎産椎茸どんこ</t>
  </si>
  <si>
    <t>国産椎茸</t>
  </si>
  <si>
    <t>宮崎県産どんこ</t>
  </si>
  <si>
    <t>椎茸国内産どんこ</t>
  </si>
  <si>
    <t>大分県産どんこ</t>
  </si>
  <si>
    <t>大分県椎茸農業協同組合</t>
  </si>
  <si>
    <t>大分県産どんこ　徳用</t>
  </si>
  <si>
    <t>姫野一郎大分県竹田産冬椎茸</t>
  </si>
  <si>
    <t>姫野一郎大分県竹田産厚肉椎茸</t>
  </si>
  <si>
    <t>安藤　椎茸どんこ宮崎産</t>
  </si>
  <si>
    <t>安藤商店</t>
  </si>
  <si>
    <t>ｱﾝﾄﾞｳ</t>
  </si>
  <si>
    <t>国産椎茸中小葉</t>
  </si>
  <si>
    <t>国産椎茸　どんこ</t>
  </si>
  <si>
    <t>国産椎茸どんこ</t>
  </si>
  <si>
    <t>大分産どんこ椎茸（原木育ち）</t>
  </si>
  <si>
    <t>国内産椎茸どんこ</t>
  </si>
  <si>
    <t>信栄</t>
  </si>
  <si>
    <t>ｼﾝｴｲ</t>
  </si>
  <si>
    <t>九州産冬</t>
  </si>
  <si>
    <t>国産どんこ椎茸</t>
  </si>
  <si>
    <t>三共椎茸</t>
  </si>
  <si>
    <t>ｻﾝｷｮｳｼｲﾀｹ</t>
  </si>
  <si>
    <t>国産肉厚椎茸</t>
  </si>
  <si>
    <t>九州産徳用どんこ椎茸</t>
  </si>
  <si>
    <t>国内産厚肉どんこ椎茸</t>
  </si>
  <si>
    <t>国産しいたけどんこ</t>
  </si>
  <si>
    <t>丸晶</t>
  </si>
  <si>
    <t>大分産肉厚椎茸</t>
  </si>
  <si>
    <t>カンシイ大分</t>
  </si>
  <si>
    <t>ｶﾝｼｲｵｵｲﾀ</t>
  </si>
  <si>
    <t>椎茸　どんこ</t>
  </si>
  <si>
    <t>五十川</t>
  </si>
  <si>
    <t>ｲｿｶﾜ</t>
  </si>
  <si>
    <t>九州産肉厚椎茸</t>
  </si>
  <si>
    <t>九州産乾椎茸どんこ</t>
  </si>
  <si>
    <t>九物食品工業</t>
  </si>
  <si>
    <t>ｷｭｳﾌﾞﾂ</t>
  </si>
  <si>
    <t>ｷｭｳｼｭｳｼｮｸﾋ</t>
  </si>
  <si>
    <t>兼貞　国内産どんこ椎茸</t>
  </si>
  <si>
    <t>兼貞物産</t>
  </si>
  <si>
    <t>ｶﾈｻﾀﾞ</t>
  </si>
  <si>
    <t>国内産小粒どんこ椎茸</t>
  </si>
  <si>
    <t>ｶﾈｻﾀﾞﾌﾞｯｻﾝ</t>
  </si>
  <si>
    <t>国内産厚肉椎茸</t>
  </si>
  <si>
    <t>国内産徳用無選別椎茸</t>
  </si>
  <si>
    <t>SP-25九州産冬</t>
  </si>
  <si>
    <t>椎茸どんこ</t>
  </si>
  <si>
    <t>国内産お徳用椎茸</t>
  </si>
  <si>
    <t>九州産椎茸徳用どんこ</t>
  </si>
  <si>
    <t>国内産徳用どんこ</t>
  </si>
  <si>
    <t>丸石食品</t>
  </si>
  <si>
    <t>ﾏﾙｲｼｼｮｸﾋﾝ</t>
  </si>
  <si>
    <t>国産　どんこ椎茸</t>
  </si>
  <si>
    <t>大分県産椎茸どんこ</t>
  </si>
  <si>
    <t>茂里商店</t>
  </si>
  <si>
    <t>ﾓﾘｼｮｳﾃﾝ</t>
  </si>
  <si>
    <t>どんこ・肉厚　中国産</t>
  </si>
  <si>
    <t>椎茸　大厚</t>
  </si>
  <si>
    <t>中国産どんこ干し椎茸</t>
  </si>
  <si>
    <t>どんこ</t>
  </si>
  <si>
    <t>特選どんこ</t>
  </si>
  <si>
    <t>小粒どんこ</t>
  </si>
  <si>
    <t>椎茸花どんこ</t>
  </si>
  <si>
    <t>美味良香どんこ椎茸</t>
  </si>
  <si>
    <t>乾しいたけどんこ</t>
  </si>
  <si>
    <t>中国産どんこ椎茸</t>
  </si>
  <si>
    <t>お特用　中小葉</t>
  </si>
  <si>
    <t>茶花どんこ</t>
  </si>
  <si>
    <t>どんこ大　中国産</t>
  </si>
  <si>
    <t>健翔　中国産椎茸　美味良香　どんこ</t>
  </si>
  <si>
    <t>中国産椎茸どんこ</t>
  </si>
  <si>
    <t>中国産　美味良香　どんこ</t>
  </si>
  <si>
    <t>中国産椎茸　足切肉厚椎茸</t>
  </si>
  <si>
    <t>中国産椎茸　どんこ</t>
  </si>
  <si>
    <t>中国産どんこしいたけ</t>
  </si>
  <si>
    <t>加藤　中国産どんこ</t>
  </si>
  <si>
    <t>どんこ椎茸</t>
  </si>
  <si>
    <t>茶花どんこ　中国産</t>
  </si>
  <si>
    <t>冬茹椎茸</t>
  </si>
  <si>
    <t>中国産茶花どんこ</t>
  </si>
  <si>
    <t>中国産椎茸茶花どんこ</t>
  </si>
  <si>
    <t>中国産椎茸茶花どんこ足付</t>
  </si>
  <si>
    <t>中国産茶花どんこ椎茸</t>
  </si>
  <si>
    <t>遠赤仕上げ　どんこ</t>
  </si>
  <si>
    <t>椎茸　茶花どんこ</t>
  </si>
  <si>
    <t>マルホ物産</t>
  </si>
  <si>
    <t>どんこ椎茸（中国産）</t>
  </si>
  <si>
    <t>乾椎茸（どんこ）</t>
  </si>
  <si>
    <t>椎茸（小葉）</t>
  </si>
  <si>
    <t>中国産足付どんこ</t>
  </si>
  <si>
    <t>中国産原木どんこ</t>
  </si>
  <si>
    <t>原木どんこ</t>
  </si>
  <si>
    <t>椎茸どんこ中国産</t>
  </si>
  <si>
    <t>中共小葉しいたけ</t>
  </si>
  <si>
    <t>小葉椎茸</t>
  </si>
  <si>
    <t>神石物産</t>
  </si>
  <si>
    <t>ｼﾞﾝｾｷ</t>
  </si>
  <si>
    <t>SP-28小粒椎茸</t>
  </si>
  <si>
    <t>菌床栽培どんこ椎茸</t>
  </si>
  <si>
    <t>神官中国産椎茸どんこ</t>
  </si>
  <si>
    <t>神乾</t>
  </si>
  <si>
    <t>ｼﾝｶﾝ</t>
  </si>
  <si>
    <t>椎茸小葉</t>
  </si>
  <si>
    <t>一番採り生どんこ使用椎茸</t>
  </si>
  <si>
    <t>ホクト</t>
  </si>
  <si>
    <t>香信　国産</t>
  </si>
  <si>
    <t>国産椎茸徳用山なり</t>
  </si>
  <si>
    <t>国産徳用椎茸</t>
  </si>
  <si>
    <t>能登のしいたけ</t>
  </si>
  <si>
    <t>棒寒天</t>
  </si>
  <si>
    <t>２本</t>
  </si>
  <si>
    <t>ｹｰﾃｨｰｴﾑ</t>
  </si>
  <si>
    <t>国内産香信椎茸</t>
  </si>
  <si>
    <t>国内産徳用椎茸</t>
  </si>
  <si>
    <t>国内産しいたけ</t>
  </si>
  <si>
    <t>国内産椎茸</t>
  </si>
  <si>
    <t>国内産シイタケ</t>
  </si>
  <si>
    <t>九州産椎茸お徳用未選別</t>
  </si>
  <si>
    <t>国内産椎茸カケ葉</t>
  </si>
  <si>
    <t>九州産椎茸徳用</t>
  </si>
  <si>
    <t>健翔九州産椎茸お徳用</t>
  </si>
  <si>
    <t>健翔　九州産椎茸　中葉</t>
  </si>
  <si>
    <t>九州産椎茸　お徳用</t>
  </si>
  <si>
    <t>大分産　中葉　椎茸</t>
  </si>
  <si>
    <t>九州産　大葉　椎茸</t>
  </si>
  <si>
    <t>九州産椎茸上香信</t>
  </si>
  <si>
    <t>九州産椎茸かけ葉</t>
  </si>
  <si>
    <t>ころりんしいたけ</t>
  </si>
  <si>
    <t>どどーんとしいたけ</t>
  </si>
  <si>
    <t>えのほり大分県産原木椎茸香信40Gコウシン</t>
  </si>
  <si>
    <t>九州産香信椎茸</t>
  </si>
  <si>
    <t>九州産未選別椎茸</t>
  </si>
  <si>
    <t>九州産ひと手間椎茸</t>
  </si>
  <si>
    <t>九州産カケ葉椎茸</t>
  </si>
  <si>
    <t>九州産割れ葉椎茸</t>
  </si>
  <si>
    <t>宮崎県産上香信椎茸</t>
  </si>
  <si>
    <t>原木椎茸愛媛産</t>
  </si>
  <si>
    <t>旭食　椎茸無選別国産</t>
  </si>
  <si>
    <t>加藤九州産お徳用椎茸50g</t>
  </si>
  <si>
    <t>国内産中葉椎茸</t>
  </si>
  <si>
    <t>国内産香信しいたけ</t>
  </si>
  <si>
    <t>即席焼きﾋﾞｰﾌﾝ3食</t>
  </si>
  <si>
    <t>九州産椎茸香信中葉</t>
  </si>
  <si>
    <t>国内産われ葉椎茸</t>
  </si>
  <si>
    <t>国内産椎茸厚肉香信</t>
  </si>
  <si>
    <t>九州産香信中葉</t>
  </si>
  <si>
    <t>日本産椎茸香信</t>
  </si>
  <si>
    <t>宮崎産椎茸香信</t>
  </si>
  <si>
    <t>国産椎茸香信</t>
  </si>
  <si>
    <t>九州産椎茸香信</t>
  </si>
  <si>
    <t>国内産割れ椎茸</t>
  </si>
  <si>
    <t>宮崎経済連直販</t>
  </si>
  <si>
    <t>ﾐﾔｻﾞｷｹｲｻﾞｲ</t>
  </si>
  <si>
    <t>国内産　割れ椎茸</t>
  </si>
  <si>
    <t>ﾐﾔｻﾞｷ</t>
  </si>
  <si>
    <t>宮崎県産乾しいたけの水煮</t>
  </si>
  <si>
    <t>ﾐﾔｻﾞｷｹｲﾚﾝ</t>
  </si>
  <si>
    <t>徳用香信国内産</t>
  </si>
  <si>
    <t>マルハン</t>
  </si>
  <si>
    <t>ﾏﾙﾊﾝ</t>
  </si>
  <si>
    <t>椎茸国内産香信</t>
  </si>
  <si>
    <t>健食家族日本産規格外のしいたけ</t>
  </si>
  <si>
    <t>殿村食品</t>
  </si>
  <si>
    <t>ﾄﾉﾑﾗ</t>
  </si>
  <si>
    <t>大分県産香信</t>
  </si>
  <si>
    <t>大分県産未選別スタンドパック</t>
  </si>
  <si>
    <t>大分県産香信　徳用</t>
  </si>
  <si>
    <t>姫野一郎大分県竹田産香信椎茸</t>
  </si>
  <si>
    <t>島根県産椎茸</t>
  </si>
  <si>
    <t>新日本の味覚</t>
  </si>
  <si>
    <t>国産椎茸荒葉</t>
  </si>
  <si>
    <t>九州産香信</t>
  </si>
  <si>
    <t>国内産椎茸香信</t>
  </si>
  <si>
    <t>日本産徳用椎茸</t>
  </si>
  <si>
    <t>三共　九州産香信椎茸40ｇ</t>
  </si>
  <si>
    <t>ｻﾝｷｮｳ</t>
  </si>
  <si>
    <t>日本産香信椎茸九州産</t>
  </si>
  <si>
    <t>しいたけお徳用折れ葉国内産</t>
  </si>
  <si>
    <t>大分産未選別椎茸</t>
  </si>
  <si>
    <t>香信徳用　国内産</t>
  </si>
  <si>
    <t>九州産徳用椎茸</t>
  </si>
  <si>
    <t>九州産乾椎茸香信</t>
  </si>
  <si>
    <t>九州産乾椎茸徳用･無選別</t>
  </si>
  <si>
    <t>日本産香信椎茸足切菌床</t>
  </si>
  <si>
    <t>九州産こうしん椎茸（中小葉）</t>
  </si>
  <si>
    <t>ｷｭｳﾌﾞﾂｼｮｸﾋ</t>
  </si>
  <si>
    <t>九州産こうしん椎茸</t>
  </si>
  <si>
    <t>九州産今年おすすめの椎茸</t>
  </si>
  <si>
    <t>国内産あつにく椎茸</t>
  </si>
  <si>
    <t>SP-23九州産香信</t>
  </si>
  <si>
    <t>香信　大分しいたけ</t>
  </si>
  <si>
    <t>薄葉　大分しいたけ</t>
  </si>
  <si>
    <t>椎茸うす葉（大分産）</t>
  </si>
  <si>
    <t>大分県産椎茸</t>
  </si>
  <si>
    <t>九州産椎茸</t>
  </si>
  <si>
    <t>大分産椎茸バレ葉</t>
  </si>
  <si>
    <t>丸加　熊本産椎茸　厚葉</t>
  </si>
  <si>
    <t>国産しいたけ未選別</t>
  </si>
  <si>
    <t>九州四国産　われ葉</t>
  </si>
  <si>
    <t>国内産徳用香信</t>
  </si>
  <si>
    <t>村岡産乾椎茸</t>
  </si>
  <si>
    <t>国産　お徳用椎茸</t>
  </si>
  <si>
    <t>香信　中国産</t>
  </si>
  <si>
    <t>里の味</t>
  </si>
  <si>
    <t>コロンブスかわの</t>
  </si>
  <si>
    <t>中国産干し椎茸</t>
  </si>
  <si>
    <t>中葉しいたけ</t>
  </si>
  <si>
    <t>中葉</t>
  </si>
  <si>
    <t>徳用椎茸</t>
  </si>
  <si>
    <t>椎茸香信</t>
  </si>
  <si>
    <t>しいたけ香信</t>
  </si>
  <si>
    <t>香信椎茸</t>
  </si>
  <si>
    <t>椎茸こうしん</t>
  </si>
  <si>
    <t>美味良香香信椎茸</t>
  </si>
  <si>
    <t>中国産香信椎茸</t>
  </si>
  <si>
    <t>お徳用こうしん</t>
  </si>
  <si>
    <t>中国産足切香信椎茸業務用</t>
  </si>
  <si>
    <t>中国産椎茸　香信</t>
  </si>
  <si>
    <t>中国産椎茸香信</t>
  </si>
  <si>
    <t>中国産　美味良香　香信</t>
  </si>
  <si>
    <t>中国産椎茸　香信椎茸</t>
  </si>
  <si>
    <t>中国産椎茸こうしん</t>
  </si>
  <si>
    <t>乾なま椎茸</t>
  </si>
  <si>
    <t>香信</t>
  </si>
  <si>
    <t>中国産乾燥しいたけ香信</t>
  </si>
  <si>
    <t>磯じまんしいたけ</t>
  </si>
  <si>
    <t>中国産大葉乾し椎茸</t>
  </si>
  <si>
    <t>中国産大葉しいたけ</t>
  </si>
  <si>
    <t>香信しいたけ</t>
  </si>
  <si>
    <t>中国産足付椎茸</t>
  </si>
  <si>
    <t>生活応援椎茸</t>
  </si>
  <si>
    <t>乾しいたけ</t>
  </si>
  <si>
    <t>中国産椎茸香信原木</t>
  </si>
  <si>
    <t>遠赤仕上げ　香信</t>
  </si>
  <si>
    <t>匠庵　愛情料理　香信</t>
  </si>
  <si>
    <t>愛情料理香信</t>
  </si>
  <si>
    <t>ｼｮｳｱﾝ</t>
  </si>
  <si>
    <t>椎茸中国産</t>
  </si>
  <si>
    <t>椎茸（中葉）</t>
  </si>
  <si>
    <t>椎茸　中国</t>
  </si>
  <si>
    <t>中国産菌床椎茸</t>
  </si>
  <si>
    <t>中国産菌床椎茸　１００ｇ</t>
  </si>
  <si>
    <t>椎茸　原木　中国</t>
  </si>
  <si>
    <t>中国産菌床足切椎茸</t>
  </si>
  <si>
    <t>椎茸香信足切</t>
  </si>
  <si>
    <t>ﾔﾏｶ</t>
  </si>
  <si>
    <t>中国原木しいたけお徳用</t>
  </si>
  <si>
    <t>シイタケ</t>
  </si>
  <si>
    <t>薄葉椎茸</t>
  </si>
  <si>
    <t>神乾　中国産　椎茸　香信</t>
  </si>
  <si>
    <t>中国産椎茸原木香信</t>
  </si>
  <si>
    <t>スライス　国産</t>
  </si>
  <si>
    <t>国産スライス椎茸</t>
  </si>
  <si>
    <t>国産椎茸スライス</t>
  </si>
  <si>
    <t>国内産椎茸スライス</t>
  </si>
  <si>
    <t>大分産スライス椎茸</t>
  </si>
  <si>
    <t>九州産椎茸スライス</t>
  </si>
  <si>
    <t>九州産椎茸使い切りパック　スライス</t>
  </si>
  <si>
    <t>九州産椎茸使い切りパック</t>
  </si>
  <si>
    <t>九州産スライス椎茸</t>
  </si>
  <si>
    <t>国内産スライス椎茸</t>
  </si>
  <si>
    <t>藤沢スライス椎茸</t>
  </si>
  <si>
    <t>国産椎茸スライス２０ｇ</t>
  </si>
  <si>
    <t>姫野一郎大分県竹田産厚切椎茸</t>
  </si>
  <si>
    <t>九州産スライス椎茸（菌床）</t>
  </si>
  <si>
    <t>日本産スライス椎茸</t>
  </si>
  <si>
    <t>国内産スライス椎茸菌床</t>
  </si>
  <si>
    <t>スライス　中国産</t>
  </si>
  <si>
    <t>中国産スライス干し椎茸</t>
  </si>
  <si>
    <t>アツキリスライス椎茸</t>
  </si>
  <si>
    <t>スライス椎茸</t>
  </si>
  <si>
    <t>スライスしいたけ</t>
  </si>
  <si>
    <t>椎茸スライス</t>
  </si>
  <si>
    <t>中国産スライス椎茸</t>
  </si>
  <si>
    <t>椎茸スライス　中国産</t>
  </si>
  <si>
    <t>中国産スライス椎茸業務用</t>
  </si>
  <si>
    <t>健翔　中国産椎茸　スライス</t>
  </si>
  <si>
    <t>中国産椎茸　　スライス</t>
  </si>
  <si>
    <t>中国産　美味良香　スライス</t>
  </si>
  <si>
    <t>中国産椎茸　スライス</t>
  </si>
  <si>
    <t>早もどり千切りしいたけ</t>
  </si>
  <si>
    <t>早もどり千切り椎茸</t>
  </si>
  <si>
    <t>ｸｯｸﾄﾞﾗｲ　炒め物にどうぞ</t>
  </si>
  <si>
    <t>ｸｯｸﾄﾞﾗｲ　ご飯にどうぞ</t>
  </si>
  <si>
    <t>ｸｯｸﾄﾞﾗｲ　具にどうぞ</t>
  </si>
  <si>
    <t>ｸｯｸﾄﾞﾗｲ　煮物にどうぞ</t>
  </si>
  <si>
    <t>ｸｯｸﾄﾞﾗｲ　汁物にどうぞ</t>
  </si>
  <si>
    <t>中国産乾燥しいたけスライス</t>
  </si>
  <si>
    <t>味紀行しいたけスライス</t>
  </si>
  <si>
    <t>加藤_中国産ｽﾗｲｽ椎茸_25g</t>
  </si>
  <si>
    <t>中国産スライスしいたけ</t>
  </si>
  <si>
    <t>生活応援スライス椎茸</t>
  </si>
  <si>
    <t>中国産スライス</t>
  </si>
  <si>
    <t>中国産菌床椎茸スライス</t>
  </si>
  <si>
    <t>中国産　スライス椎茸</t>
  </si>
  <si>
    <t>兼貞　中国産スライス椎茸</t>
  </si>
  <si>
    <t>SP-15しいたけスライス</t>
  </si>
  <si>
    <t>神乾　中国産　椎茸スライス</t>
  </si>
  <si>
    <t>きくらげ</t>
  </si>
  <si>
    <t>きくらげ　国産</t>
  </si>
  <si>
    <t>エヴァウェイ熊本県人吉産乾燥きくらげホール</t>
  </si>
  <si>
    <t>エヴァウェイ熊本県人吉産乾燥きくらげスライ</t>
  </si>
  <si>
    <t>国内産きくらげホール</t>
  </si>
  <si>
    <t>鷹乃産業</t>
  </si>
  <si>
    <t>ﾀｶﾉｻﾝｷﾞｮｳ</t>
  </si>
  <si>
    <t>国内産きくらげスライス</t>
  </si>
  <si>
    <t>ニチモフーズのスーパーきくらげ黒</t>
  </si>
  <si>
    <t>東日本ハルカ</t>
  </si>
  <si>
    <t>ﾋｶﾞｼﾆﾎﾝﾊﾙｶ</t>
  </si>
  <si>
    <t>裏白きくらげ</t>
  </si>
  <si>
    <t>ベストＰ　匠庵国産素材愛媛産きくらげ　袋１０ｇ</t>
  </si>
  <si>
    <t>日本産きくらげ</t>
  </si>
  <si>
    <t>日本産きくらげスライス</t>
  </si>
  <si>
    <t>木くらげ</t>
  </si>
  <si>
    <t>クリエイション・ボックス</t>
  </si>
  <si>
    <t>ｸﾘｴｲｼｮﾝﾎﾞｯ</t>
  </si>
  <si>
    <t>熊本県産きくらげ</t>
  </si>
  <si>
    <t>山口県産有機きくらげ</t>
  </si>
  <si>
    <t>福岡県産きくらげ</t>
  </si>
  <si>
    <t>安本</t>
  </si>
  <si>
    <t>ﾔｽﾓﾄ</t>
  </si>
  <si>
    <t>きくらげ　中国産</t>
  </si>
  <si>
    <t>きくらげ（黒）</t>
  </si>
  <si>
    <t>裏白スライスきくらげ</t>
  </si>
  <si>
    <t>きくらげ黒</t>
  </si>
  <si>
    <t>裏白きくらげスライス</t>
  </si>
  <si>
    <t>裏白きくらげホール</t>
  </si>
  <si>
    <t>黒きくらげ</t>
  </si>
  <si>
    <t>裏白きくらげ（ホール）</t>
  </si>
  <si>
    <t>中華用黒きくらげ</t>
  </si>
  <si>
    <t>きくらげスライス</t>
  </si>
  <si>
    <t>きくらげホール</t>
  </si>
  <si>
    <t>塩きくらげかつお仕立て</t>
  </si>
  <si>
    <t>中国産　裏白きくらげホール</t>
  </si>
  <si>
    <t>中国産　裏白きくらげスライス</t>
  </si>
  <si>
    <t>業務用きくらげスライス</t>
  </si>
  <si>
    <t>業務用きくらげホール</t>
  </si>
  <si>
    <t>きくらげスライス業務用</t>
  </si>
  <si>
    <t>きくらげホール業務用</t>
  </si>
  <si>
    <t>料理人　肉厚早採りきくらげ</t>
  </si>
  <si>
    <t>生活応援_裏白木耳</t>
  </si>
  <si>
    <t>ホッカン中国産黒きくらげ</t>
  </si>
  <si>
    <t>中国産きくらげ</t>
  </si>
  <si>
    <t>キクラゲ</t>
  </si>
  <si>
    <t>ｶﾝﾌﾞﾂｲﾁﾊﾞ</t>
  </si>
  <si>
    <t>白キクラゲ</t>
  </si>
  <si>
    <t>適量パックきくらげ</t>
  </si>
  <si>
    <t>きくらげ（ホール）</t>
  </si>
  <si>
    <t>中国産白きくらげ</t>
  </si>
  <si>
    <t>ウラシロキクラゲ</t>
  </si>
  <si>
    <t>白木茸雪花ごろも</t>
  </si>
  <si>
    <t>兼貞　きくらげホール</t>
  </si>
  <si>
    <t>兼貞　きくらげスライス</t>
  </si>
  <si>
    <t>中国産きくらげスライス</t>
  </si>
  <si>
    <t>ｼﾞﾝｾｷﾌﾞｯｻﾝ</t>
  </si>
  <si>
    <t>中国産木くらげ</t>
  </si>
  <si>
    <t>中国産木くらげスライス</t>
  </si>
  <si>
    <t>大分県産椎茸どんこ　　　　　　　</t>
  </si>
  <si>
    <t>３５g</t>
  </si>
  <si>
    <t>大分県産椎茸中葉厚肉</t>
  </si>
  <si>
    <t>４０g</t>
  </si>
  <si>
    <t>大分県豊後大野市産椎茸香信　　</t>
  </si>
  <si>
    <t>２５g</t>
  </si>
  <si>
    <t>椎茸大分県産中小葉</t>
  </si>
  <si>
    <t>椎茸どんこ愛媛産</t>
  </si>
  <si>
    <t>塩ふき椎茸袋</t>
  </si>
  <si>
    <t>大分県産椎茸スライス　</t>
  </si>
  <si>
    <t>１５g</t>
  </si>
  <si>
    <t>島根県産中葉椎茸</t>
  </si>
  <si>
    <t>松江塩干魚</t>
  </si>
  <si>
    <t>ﾏﾂｴｴﾝｶﾝｷﾞｮ</t>
  </si>
  <si>
    <t>島根県産小葉椎茸</t>
  </si>
  <si>
    <t>島根県産小間椎茸</t>
  </si>
  <si>
    <t>島根県産どんこ椎茸</t>
  </si>
  <si>
    <t>島根県産どんこ椎茸肉厚</t>
  </si>
  <si>
    <t>熊本産　椎茸　徳用</t>
  </si>
  <si>
    <t>６０g</t>
  </si>
  <si>
    <t>丸加</t>
  </si>
  <si>
    <t>ﾏﾙｶｸ</t>
  </si>
  <si>
    <t>春雨</t>
  </si>
  <si>
    <t>緑豆</t>
  </si>
  <si>
    <t>緑豆粉皮</t>
  </si>
  <si>
    <t>ﾄｳﾘﾝ</t>
  </si>
  <si>
    <t>ライジング緑豆春雨</t>
  </si>
  <si>
    <t>緑豆春雨　５個セット</t>
  </si>
  <si>
    <t>緑豆春雨2個セット</t>
  </si>
  <si>
    <t>緑豆はるさめ</t>
  </si>
  <si>
    <t>100g×4</t>
  </si>
  <si>
    <t>緑豆春雨　100g_4個ｾｯﾄ</t>
  </si>
  <si>
    <t>100g*4</t>
  </si>
  <si>
    <t>吉村商店　はるさめ　緑豆＋えんどう</t>
  </si>
  <si>
    <t>ﾖｼﾑﾗｼｮｳﾃﾝ</t>
  </si>
  <si>
    <t>はるさめ日和</t>
  </si>
  <si>
    <t>徳輝</t>
  </si>
  <si>
    <t>茹でずに使える緑豆春雨</t>
  </si>
  <si>
    <t>15g×6</t>
  </si>
  <si>
    <t>ダーリジャパン</t>
  </si>
  <si>
    <t>ﾀﾞｰﾘｼﾞｬﾊﾟﾝ</t>
  </si>
  <si>
    <t>新葉貿易</t>
  </si>
  <si>
    <t>ﾆｲﾊﾞｼｮｸﾋﾝ</t>
  </si>
  <si>
    <t>ＫＴＭ健康ネット　美味彩館　緑豆はるさめ　１２０ｇ</t>
  </si>
  <si>
    <t>緑豆春雨　中国産</t>
  </si>
  <si>
    <t>50ｇ*5袋入</t>
  </si>
  <si>
    <t>信明緑豆はるさめ</t>
  </si>
  <si>
    <t>平太はるさめタンミョン</t>
  </si>
  <si>
    <t>選んでeはるさめ</t>
  </si>
  <si>
    <t>ｱﾘｮｳﾌｰｽﾞ</t>
  </si>
  <si>
    <t>サン・セントラル</t>
  </si>
  <si>
    <t>ｻﾝｾﾝﾄﾗﾙ</t>
  </si>
  <si>
    <t>ヨネザワフーズ</t>
  </si>
  <si>
    <t>ﾖﾈｻﾞﾜﾌｰｽﾞ</t>
  </si>
  <si>
    <t>緑豆サラダはるさめ</t>
  </si>
  <si>
    <t>緑豆はるさめブロック</t>
  </si>
  <si>
    <t>イオン</t>
  </si>
  <si>
    <t>ｱｲｸ</t>
  </si>
  <si>
    <t>緑豆はるさめ使いきりパック</t>
  </si>
  <si>
    <t>はるさめくるくるボール</t>
  </si>
  <si>
    <t>ｹﾝﾐﾝｼｮｸﾋﾝ</t>
  </si>
  <si>
    <t>緑豆はるさめサラダカット</t>
  </si>
  <si>
    <t>これいいね緑豆はるさめ</t>
  </si>
  <si>
    <t>緑豆春雨ショート</t>
  </si>
  <si>
    <t>丸成商事</t>
  </si>
  <si>
    <t>ｴﾇｱｲｴｽ</t>
  </si>
  <si>
    <t>緑豆春雨小玉</t>
  </si>
  <si>
    <t>ﾏﾙｾｲｼｮｳｼﾞ</t>
  </si>
  <si>
    <t>緑豆春雨　</t>
  </si>
  <si>
    <t>ﾏﾙｾｲ</t>
  </si>
  <si>
    <t>森井食品　国産春雨　120g</t>
  </si>
  <si>
    <t>国産はるさめ</t>
  </si>
  <si>
    <t>緑豆春雨４Ｐ</t>
  </si>
  <si>
    <t>40g×40</t>
  </si>
  <si>
    <t>緑豆澱粉入　はるさめ</t>
  </si>
  <si>
    <t>ﾓﾘｲ</t>
  </si>
  <si>
    <t>森井食品　緑豆澱粉入り春雨ショート　２Ｐ　８０ｇ</t>
  </si>
  <si>
    <t>森井食品　緑豆澱粉入り春雨ブロック　３Ｐ　９０ｇ</t>
  </si>
  <si>
    <t>おねうち小分けはるさめ</t>
  </si>
  <si>
    <t>30gX2</t>
  </si>
  <si>
    <t>中国緑豆はるさめ</t>
  </si>
  <si>
    <t>緑豆はるさめＮ</t>
  </si>
  <si>
    <t>緑豆サラダ春雨</t>
  </si>
  <si>
    <t>ポンDEはるさめ</t>
  </si>
  <si>
    <t>天長食品工業緑豆春雨100g</t>
  </si>
  <si>
    <t>緑豆春雨　太麺</t>
  </si>
  <si>
    <t>東豊通商</t>
  </si>
  <si>
    <t>ﾄｳﾎｳﾂｳｼｮｳ</t>
  </si>
  <si>
    <t>皇帝はるさめ緑豆</t>
  </si>
  <si>
    <t>皇帝はるさめ</t>
  </si>
  <si>
    <t>６４g</t>
  </si>
  <si>
    <t>ｼﾉｻﾞｷｶｽﾞｵ</t>
  </si>
  <si>
    <t>緑豆はるさめ　お徳用</t>
  </si>
  <si>
    <t>緑豆以外</t>
  </si>
  <si>
    <t>吉村商店　はるさめ日和</t>
  </si>
  <si>
    <t>晴れのちちょこっとはる雨</t>
  </si>
  <si>
    <t>はるさめ</t>
  </si>
  <si>
    <t>ヴォークス・トレーディング</t>
  </si>
  <si>
    <t>ｳﾞｫｰｸｽ</t>
  </si>
  <si>
    <t>おかわりはるさめ</t>
  </si>
  <si>
    <t>阿蘇発はるさめ</t>
  </si>
  <si>
    <t>Ｓ麺自然派はるさめ</t>
  </si>
  <si>
    <t>海藻はるさめサラダ</t>
  </si>
  <si>
    <t>旭食品国産はるさめ60g</t>
  </si>
  <si>
    <t>ｱｻﾋﾌﾚﾌﾚｯｼｭ</t>
  </si>
  <si>
    <t>春雨サラダ</t>
  </si>
  <si>
    <t>はるさめ使い切り</t>
  </si>
  <si>
    <t>かね七小玉はるさめ袋64g</t>
  </si>
  <si>
    <t>かもめはるさめ国産原料100%</t>
  </si>
  <si>
    <t>ｼﾛｲｼ</t>
  </si>
  <si>
    <t>かもめ印はるさめ</t>
  </si>
  <si>
    <t>中華はるさめ</t>
  </si>
  <si>
    <t>短く切れてるはるさめ</t>
  </si>
  <si>
    <t>サラダ春雨</t>
  </si>
  <si>
    <t>ミツカンハルサメ</t>
  </si>
  <si>
    <t>はるさめ麺　ちゅるさめ</t>
  </si>
  <si>
    <t>ミニ春雨</t>
  </si>
  <si>
    <t>春雨サラダディ</t>
  </si>
  <si>
    <t>春雨サラダデイ</t>
  </si>
  <si>
    <t>国産徳用はるさめ</t>
  </si>
  <si>
    <t>平はるさめ</t>
  </si>
  <si>
    <t>平はるさめタンミョン</t>
  </si>
  <si>
    <t>ミニはるさめ</t>
  </si>
  <si>
    <t>スープによく合う春雨</t>
  </si>
  <si>
    <t>10g×2</t>
  </si>
  <si>
    <t>すーぷによく合う春雨</t>
  </si>
  <si>
    <t>煮物に美味しい春雨</t>
  </si>
  <si>
    <t>25g×2</t>
  </si>
  <si>
    <t>新はるさめ</t>
  </si>
  <si>
    <t>森井_新はるさめ</t>
  </si>
  <si>
    <t>サラダに楽しい春雨</t>
  </si>
  <si>
    <t>さらだに楽しいはるさめ</t>
  </si>
  <si>
    <t>使いきりミニ春雨</t>
  </si>
  <si>
    <t>7g×10</t>
  </si>
  <si>
    <t>7g×8P</t>
  </si>
  <si>
    <t>国産春雨天国</t>
  </si>
  <si>
    <t>国産春雨</t>
  </si>
  <si>
    <t>便利はるさめ</t>
  </si>
  <si>
    <t>サラダはるさめ</t>
  </si>
  <si>
    <t>ﾕﾈｻﾞﾜ</t>
  </si>
  <si>
    <t>魚の屋春雨の中華サラダドレッシング付</t>
  </si>
  <si>
    <t>魚の屋春雨の青じそサラダ</t>
  </si>
  <si>
    <t>煮物の具ひじきと春雨</t>
  </si>
  <si>
    <t>翁はるさめ</t>
  </si>
  <si>
    <t>オキナ_ハルサメ</t>
  </si>
  <si>
    <t>翁はるさめ大</t>
  </si>
  <si>
    <t>和風はるさめ</t>
  </si>
  <si>
    <t>はるさめのピリ辛炒め</t>
  </si>
  <si>
    <t>112.1g</t>
  </si>
  <si>
    <t>はるさめ大好き和風はるさめ</t>
  </si>
  <si>
    <t>はるさめ大好き中華風はるさめ</t>
  </si>
  <si>
    <t>はるさめ大好き　イタリア風はるさめ</t>
  </si>
  <si>
    <t>56G</t>
  </si>
  <si>
    <t>国産無添加はるさめ</t>
  </si>
  <si>
    <t>カワシマ</t>
  </si>
  <si>
    <t>山東龍口春雨</t>
  </si>
  <si>
    <t>50gx5</t>
  </si>
  <si>
    <t>塔林</t>
  </si>
  <si>
    <t>サツマイモ春雨</t>
  </si>
  <si>
    <t>ﾌｯｹﾝ</t>
  </si>
  <si>
    <t>チャプチェ春雨</t>
  </si>
  <si>
    <t>大象ジャパン　民俗春雨</t>
  </si>
  <si>
    <t>ビーフン</t>
  </si>
  <si>
    <t>即席焼ビーフン</t>
  </si>
  <si>
    <t>即席焼ビーフン3個セット</t>
  </si>
  <si>
    <t>新竹米粉</t>
  </si>
  <si>
    <t>Super_Q</t>
  </si>
  <si>
    <t>白ビーフン　ショートタイプ</t>
  </si>
  <si>
    <t>白ビーフンショートトレー入り</t>
  </si>
  <si>
    <t>即席焼ビーフンもっちり平めん</t>
  </si>
  <si>
    <t>汁ビーフン</t>
  </si>
  <si>
    <t>即席焼きビーフン　もっちり平めん</t>
  </si>
  <si>
    <t>即席焼きビーフン3個パックスクラッチカード付き</t>
  </si>
  <si>
    <t>即席焼ビーフンこく旨塩味</t>
  </si>
  <si>
    <t>即席焼ビーフン幻のカレー味</t>
  </si>
  <si>
    <t>ケンミン食品　お米１００％ビーフン　１５０ｇ</t>
  </si>
  <si>
    <t>お米100%ビーフン</t>
  </si>
  <si>
    <t>カット野菜とチンする焼ビーフン</t>
  </si>
  <si>
    <t>８１ｇ</t>
  </si>
  <si>
    <t>味なし焼ビーフンプレーン</t>
  </si>
  <si>
    <t>味なし汁ビーフンプレーン</t>
  </si>
  <si>
    <t>46g×3</t>
  </si>
  <si>
    <t>焼ビーフンお買得パック</t>
  </si>
  <si>
    <t>焼ビーフン３袋+１袋</t>
  </si>
  <si>
    <t>２６０ｇ</t>
  </si>
  <si>
    <t>カレー焼ビーフン</t>
  </si>
  <si>
    <t>クィックビーフン</t>
  </si>
  <si>
    <t>タイ産ソース付ビーフン</t>
  </si>
  <si>
    <t>お米の麺ビーフン</t>
  </si>
  <si>
    <t>ブントゥオイ</t>
  </si>
  <si>
    <t>Safoco</t>
  </si>
  <si>
    <t>ブンガオ</t>
  </si>
  <si>
    <t>HSC_JAPAN</t>
  </si>
  <si>
    <t>チャプチェ</t>
  </si>
  <si>
    <t>野菜を入れて作るチャプチェ</t>
  </si>
  <si>
    <t>くずきり</t>
  </si>
  <si>
    <t>カットタイプ</t>
  </si>
  <si>
    <t>くずきりカット</t>
  </si>
  <si>
    <t>くずきりくるくるボール</t>
  </si>
  <si>
    <t>葛切りカット</t>
  </si>
  <si>
    <t>葛きりクイック</t>
  </si>
  <si>
    <t>ポンDEくずきり</t>
  </si>
  <si>
    <t>くずきり（小分けタイプ）</t>
  </si>
  <si>
    <t>15ｇ×5</t>
  </si>
  <si>
    <t>葛きり</t>
  </si>
  <si>
    <t>カット以外</t>
  </si>
  <si>
    <t>徳用くずきり</t>
  </si>
  <si>
    <t>生活派_くずきり_鍋だより_90G</t>
  </si>
  <si>
    <t>生活派_鍋もの用葛きり_180G</t>
  </si>
  <si>
    <t>鍋物用くずきり鍋だより</t>
  </si>
  <si>
    <t>国産徳用葛きり</t>
  </si>
  <si>
    <t>くずきり徳用</t>
  </si>
  <si>
    <t>くず千寿</t>
  </si>
  <si>
    <t>マロニー</t>
  </si>
  <si>
    <t>お鍋に葛きり</t>
  </si>
  <si>
    <t>国産葛きり</t>
  </si>
  <si>
    <t>森井　くずきり</t>
  </si>
  <si>
    <t>葛きり徳用</t>
  </si>
  <si>
    <t>国産くずきり</t>
  </si>
  <si>
    <t>本葛入料亭くずきり</t>
  </si>
  <si>
    <t>ミニくずきりボール</t>
  </si>
  <si>
    <t>太麺</t>
  </si>
  <si>
    <t>マロニーちゃん</t>
  </si>
  <si>
    <t>お鍋にマロニーちゃん</t>
  </si>
  <si>
    <t>お鍋にちゃん太麺</t>
  </si>
  <si>
    <t>ﾏﾛﾆ-</t>
  </si>
  <si>
    <t>お鍋にチャン太麺</t>
  </si>
  <si>
    <t>焼きマロニーＸＯ醤炒め</t>
  </si>
  <si>
    <t>焼きマロニーしお炒め</t>
  </si>
  <si>
    <t>麻婆マロニー</t>
  </si>
  <si>
    <t>焼マロニー海鮮しお炒め</t>
  </si>
  <si>
    <t>焼マロニーすき焼き炒め</t>
  </si>
  <si>
    <t>マロニーチャン　１００</t>
  </si>
  <si>
    <t>細麺</t>
  </si>
  <si>
    <t>ショートタイプマロニーちゃん</t>
  </si>
  <si>
    <t>天玉</t>
  </si>
  <si>
    <t>ｴｺｰ</t>
  </si>
  <si>
    <t>焼ビーフン3袋入</t>
  </si>
  <si>
    <t>即席焼ビーフン3Ｐ</t>
  </si>
  <si>
    <t>3Ｐ</t>
  </si>
  <si>
    <t>高野豆腐　徳用</t>
  </si>
  <si>
    <t>１６５Ｇ</t>
  </si>
  <si>
    <t>ｶｸﾊﾞﾌﾀｴ</t>
  </si>
  <si>
    <t>国内産大豆</t>
  </si>
  <si>
    <t>粉寒天</t>
  </si>
  <si>
    <t>粉末寒天</t>
  </si>
  <si>
    <t>健康食品開発機構</t>
  </si>
  <si>
    <t>ｹﾝｺｳｼｮｸﾋﾝ</t>
  </si>
  <si>
    <t>カンテンクック</t>
  </si>
  <si>
    <t>伊那食品工業</t>
  </si>
  <si>
    <t>ｲﾅｼｮｸﾋﾝ</t>
  </si>
  <si>
    <t>かんてんクック</t>
  </si>
  <si>
    <t>4g×2</t>
  </si>
  <si>
    <t>かんてんクック顆粒2g×6</t>
  </si>
  <si>
    <t>お湯で溶ける粉末寒天</t>
  </si>
  <si>
    <t>粉末かんてん</t>
  </si>
  <si>
    <t>4g×4P</t>
  </si>
  <si>
    <t>寒天パウダー</t>
  </si>
  <si>
    <t>ﾄﾞﾘｰﾑ</t>
  </si>
  <si>
    <t>4g×5P</t>
  </si>
  <si>
    <t>北原産業</t>
  </si>
  <si>
    <t>ｷﾀﾊﾗｻﾝｷﾞｮｳ</t>
  </si>
  <si>
    <t>粉末カンテン</t>
  </si>
  <si>
    <t>寒天箱</t>
  </si>
  <si>
    <t>２パック</t>
  </si>
  <si>
    <t>ﾀﾂﾐ</t>
  </si>
  <si>
    <t>分包以外</t>
  </si>
  <si>
    <t>粉かんてん</t>
  </si>
  <si>
    <t>イナアガーL</t>
  </si>
  <si>
    <t>250g×2P</t>
  </si>
  <si>
    <t>オールライフサービス</t>
  </si>
  <si>
    <t>ｵｰﾙﾗｲﾌ</t>
  </si>
  <si>
    <t>寒天雪椿</t>
  </si>
  <si>
    <t>3.5g×2P</t>
  </si>
  <si>
    <t>カンピーかんてん（白）２本</t>
  </si>
  <si>
    <t>信州産無漂白寒天</t>
  </si>
  <si>
    <t>棒寒天国産</t>
  </si>
  <si>
    <t>かんてん白</t>
  </si>
  <si>
    <t>地紙世商店</t>
  </si>
  <si>
    <t>ｼﾞｶﾞﾐｾ</t>
  </si>
  <si>
    <t>かんてん赤</t>
  </si>
  <si>
    <t>かんてん緑</t>
  </si>
  <si>
    <t>寒天白</t>
  </si>
  <si>
    <t>松木寒天産業</t>
  </si>
  <si>
    <t>寒天赤</t>
  </si>
  <si>
    <t>寒天_青</t>
  </si>
  <si>
    <t>板寒天</t>
  </si>
  <si>
    <t>かんてん　白</t>
  </si>
  <si>
    <t>ﾍﾞﾈﾌｰｽﾞ</t>
  </si>
  <si>
    <t>かんてん　赤</t>
  </si>
  <si>
    <t>かんてん　青</t>
  </si>
  <si>
    <t>寒天青</t>
  </si>
  <si>
    <t>紅白寒天</t>
  </si>
  <si>
    <t>イチカネト商店</t>
  </si>
  <si>
    <t>ｲﾁｶﾈﾄ</t>
  </si>
  <si>
    <t>寒天（白）　袋</t>
  </si>
  <si>
    <t>イリイチ</t>
  </si>
  <si>
    <t>角寒天短縮白</t>
  </si>
  <si>
    <t>角寒天短縮赤</t>
  </si>
  <si>
    <t>溝口　寒天白　２本</t>
  </si>
  <si>
    <t>ハーフ</t>
  </si>
  <si>
    <t>かんてんハーフ1/2カット</t>
  </si>
  <si>
    <t>寒天1/24本</t>
  </si>
  <si>
    <t>角寒天白</t>
  </si>
  <si>
    <t>4本</t>
  </si>
  <si>
    <t>ﾏﾂｷｶﾝﾃﾝ</t>
  </si>
  <si>
    <t>寒天の恵み　白</t>
  </si>
  <si>
    <t>寒天の恵み　赤</t>
  </si>
  <si>
    <t>糸寒天</t>
  </si>
  <si>
    <t>50ｇ以下</t>
  </si>
  <si>
    <t>野原の極細寒天</t>
  </si>
  <si>
    <t>イースマイルジャパン</t>
  </si>
  <si>
    <t>ｲｰｽﾏｲﾙJP</t>
  </si>
  <si>
    <t>スープ用糸寒天</t>
  </si>
  <si>
    <t>糸かんてん</t>
  </si>
  <si>
    <t>かんてんフレーク</t>
  </si>
  <si>
    <t>7g×2</t>
  </si>
  <si>
    <t>細切りカンテン</t>
  </si>
  <si>
    <t>8g×2</t>
  </si>
  <si>
    <t>寒天海藻サラダ</t>
  </si>
  <si>
    <t>松木　糸寒天　白</t>
  </si>
  <si>
    <t>糸かんてん白</t>
  </si>
  <si>
    <t>糸かんてん赤</t>
  </si>
  <si>
    <t>食べる寒天</t>
  </si>
  <si>
    <t>原田商店</t>
  </si>
  <si>
    <t>ﾊﾗﾀﾞｼｮｳﾃﾝ</t>
  </si>
  <si>
    <t>国内産糸かんてん</t>
  </si>
  <si>
    <t>カット糸寒天</t>
  </si>
  <si>
    <t>細切り寒天</t>
  </si>
  <si>
    <t>ｷﾀﾊﾗ</t>
  </si>
  <si>
    <t>食べちゃう寒天</t>
  </si>
  <si>
    <t>51ｇ以上</t>
  </si>
  <si>
    <t>乾燥糸蒟蒻ぷるんぷあん</t>
  </si>
  <si>
    <t>宮崎県特産せんぎり大根</t>
  </si>
  <si>
    <t>うまかおつゆ麩</t>
  </si>
  <si>
    <t>包丁いらず　たっぷり野菜わかめ</t>
  </si>
  <si>
    <t>包丁いらず　たっぷり根菜とひじき</t>
  </si>
  <si>
    <t>こだわり九州産切り干し大根</t>
  </si>
  <si>
    <t>中国産切干大根</t>
  </si>
  <si>
    <t>豆</t>
  </si>
  <si>
    <t>小豆</t>
  </si>
  <si>
    <t>ラミネート袋（大納言２５０ｇ）</t>
  </si>
  <si>
    <t>北海道産小豆</t>
  </si>
  <si>
    <t>北海道産　大納言</t>
  </si>
  <si>
    <t>大納言小豆</t>
  </si>
  <si>
    <t>北海道産大納言2個セット</t>
  </si>
  <si>
    <t>250g×12P</t>
  </si>
  <si>
    <t>北海道産小豆2個セット</t>
  </si>
  <si>
    <t>北海道産大納言</t>
  </si>
  <si>
    <t>赤飯用あずき水煮</t>
  </si>
  <si>
    <t>赤飯用あずき水煮缶</t>
  </si>
  <si>
    <t>北海道小豆お赤飯の素３合用</t>
  </si>
  <si>
    <t>炊飯器ですぐ炊けるお赤飯の素</t>
  </si>
  <si>
    <t>甘美庵_お赤飯の素</t>
  </si>
  <si>
    <t>加藤_北海道産契約栽培小豆_250G</t>
  </si>
  <si>
    <t>北海道産契約栽培大納言</t>
  </si>
  <si>
    <t>ゆで小豆北海道</t>
  </si>
  <si>
    <t>ささげ</t>
  </si>
  <si>
    <t>備中ささげ</t>
  </si>
  <si>
    <t>手より大納言</t>
  </si>
  <si>
    <t>ダイヤスター</t>
  </si>
  <si>
    <t>ﾀﾞｲﾔｽﾀ-</t>
  </si>
  <si>
    <t>ﾀﾞｲﾔｽﾀｰ</t>
  </si>
  <si>
    <t>十勝産小豆</t>
  </si>
  <si>
    <t>北海道産規格外小豆</t>
  </si>
  <si>
    <t>あずき水煮</t>
  </si>
  <si>
    <t>赤飯用大納言小豆</t>
  </si>
  <si>
    <t>小豆水煮スタック缶</t>
  </si>
  <si>
    <t>ﾄﾗﾔｻﾝｷﾞｮｳ</t>
  </si>
  <si>
    <t>北海道十勝産小豆</t>
  </si>
  <si>
    <t>岡山県産備中ささげ</t>
  </si>
  <si>
    <t>お赤飯用国内産丹波大納言</t>
  </si>
  <si>
    <t>国内産ささげ</t>
  </si>
  <si>
    <t>さくらあんJAところお赤飯の素</t>
  </si>
  <si>
    <t>豆印小豆</t>
  </si>
  <si>
    <t>北海道小豆</t>
  </si>
  <si>
    <t>小豆水煮赤飯用</t>
  </si>
  <si>
    <t>大納言</t>
  </si>
  <si>
    <t>帯広市川西農業協同組合</t>
  </si>
  <si>
    <t>ｶﾜﾆｼ</t>
  </si>
  <si>
    <t>ｶﾜｶﾐ</t>
  </si>
  <si>
    <t>アサヒ物産四季の花大納言250g</t>
  </si>
  <si>
    <t>古閑産業</t>
  </si>
  <si>
    <t>ｺﾊﾞｻﾝｷﾞｮｳ</t>
  </si>
  <si>
    <t>北海道産あずき</t>
  </si>
  <si>
    <t>十勝産お赤飯の素</t>
  </si>
  <si>
    <t>契約栽培手より大納言</t>
  </si>
  <si>
    <t>契約栽培手より小豆</t>
  </si>
  <si>
    <t>あずき</t>
  </si>
  <si>
    <t>森光_北海道産_小豆</t>
  </si>
  <si>
    <t>森光商店</t>
  </si>
  <si>
    <t>ﾓﾘﾐﾂｼｮｳﾃﾝ</t>
  </si>
  <si>
    <t>森光　北海道産　大納言</t>
  </si>
  <si>
    <t>十勝産小豆　２５０ｇ</t>
  </si>
  <si>
    <t>北海道産大納言　２５０ｇ</t>
  </si>
  <si>
    <t>マツモトフーツ　北海道産　小豆　1ｋｇ</t>
  </si>
  <si>
    <t>山松松田商店</t>
  </si>
  <si>
    <t>業務用　小豆</t>
  </si>
  <si>
    <t>太平洋</t>
  </si>
  <si>
    <t>ﾀｲﾍｲﾖｳ</t>
  </si>
  <si>
    <t>お赤飯の素</t>
  </si>
  <si>
    <t>赤飯用あずき水煮_225G</t>
  </si>
  <si>
    <t>小豆煮豆用</t>
  </si>
  <si>
    <t>規格外_小豆</t>
  </si>
  <si>
    <t>輸入ささげ</t>
  </si>
  <si>
    <t>カナダ産小豆</t>
  </si>
  <si>
    <t>天津小豆</t>
  </si>
  <si>
    <t>赤ささげ</t>
  </si>
  <si>
    <t>ささげ豆</t>
  </si>
  <si>
    <t>森光　中国産　小豆</t>
  </si>
  <si>
    <t>赤飯用ささげ</t>
  </si>
  <si>
    <t>北海道産大豆の水煮</t>
  </si>
  <si>
    <t>ﾆﾎﾝﾚﾄﾙﾄ</t>
  </si>
  <si>
    <t>北海道産大豆</t>
  </si>
  <si>
    <t>四季の花うち豆袋</t>
  </si>
  <si>
    <t>サラダにかける大豆ベーコン</t>
  </si>
  <si>
    <t>サラダにかける大豆チーズ</t>
  </si>
  <si>
    <t>北海大豆</t>
  </si>
  <si>
    <t>加藤_北海道産契約栽培大豆_250G</t>
  </si>
  <si>
    <t>あら挽き大豆</t>
  </si>
  <si>
    <t>北海道産　大豆</t>
  </si>
  <si>
    <t>十勝産大豆</t>
  </si>
  <si>
    <t>規格外_大豆</t>
  </si>
  <si>
    <t>北海道産規格外大豆</t>
  </si>
  <si>
    <t>大豆のお肉レトルトスライス</t>
  </si>
  <si>
    <t>豆印大玉大豆</t>
  </si>
  <si>
    <t>徳用大豆</t>
  </si>
  <si>
    <t>北海道十勝産大豆水煮</t>
  </si>
  <si>
    <t>大豆　福岡県産</t>
  </si>
  <si>
    <t>国産大豆</t>
  </si>
  <si>
    <t>北海道大豆</t>
  </si>
  <si>
    <t>マツモトフーツ　北海道産　大豆　1</t>
  </si>
  <si>
    <t>業務用　大豆</t>
  </si>
  <si>
    <t>黒豆</t>
  </si>
  <si>
    <t>北海道産黒豆</t>
  </si>
  <si>
    <t>丹波黒豆２Ｌ</t>
  </si>
  <si>
    <t>丹波産黒豆</t>
  </si>
  <si>
    <t>北海道産黒豆2個セット</t>
  </si>
  <si>
    <t>丹波黒大豆</t>
  </si>
  <si>
    <t>ﾀﾝﾊﾞﾉｳｻﾝ</t>
  </si>
  <si>
    <t>北海道産契約栽培黒豆</t>
  </si>
  <si>
    <t>北海道十勝産契約栽培黒豆</t>
  </si>
  <si>
    <t>十勝産黒豆</t>
  </si>
  <si>
    <t>規格外_黒豆</t>
  </si>
  <si>
    <t>北海道産規格外黒豆</t>
  </si>
  <si>
    <t>北海道産黒大豆</t>
  </si>
  <si>
    <t>ホッカイドウサンクロセンゴクダイズ</t>
  </si>
  <si>
    <t>兵庫県産丹波黒大豆２L</t>
  </si>
  <si>
    <t>丹波黒豆</t>
  </si>
  <si>
    <t>豆印上磯黒豆</t>
  </si>
  <si>
    <t>光黒大豆</t>
  </si>
  <si>
    <t>兵庫県産丹波黒豆</t>
  </si>
  <si>
    <t>北海道産_丹波黒豆２Ｌ</t>
  </si>
  <si>
    <t>滋賀産丹波黒豆</t>
  </si>
  <si>
    <t>丹波黒豆Ｌ</t>
  </si>
  <si>
    <t>小田垣商店</t>
  </si>
  <si>
    <t>ｵﾀﾞｶﾞｷ</t>
  </si>
  <si>
    <t>小田垣煮汁黒豆</t>
  </si>
  <si>
    <t>丹波黒大豆特選</t>
  </si>
  <si>
    <t>滋賀県黒大豆</t>
  </si>
  <si>
    <t>契約栽培手より大豆</t>
  </si>
  <si>
    <t>オオツブダイズ</t>
  </si>
  <si>
    <t>大豆　北海</t>
  </si>
  <si>
    <t>森光　佐賀県産　大豆</t>
  </si>
  <si>
    <t>森光　北海道産　黒豆</t>
  </si>
  <si>
    <t>佐賀県産大豆</t>
  </si>
  <si>
    <t>十勝産大豆　　２５０ｇ</t>
  </si>
  <si>
    <t>十勝産黒豆　２５０ｇ</t>
  </si>
  <si>
    <t>マツモト　北海道産黒豆　５００ｇ</t>
  </si>
  <si>
    <t>滋賀県産丹波種黒豆</t>
  </si>
  <si>
    <t>マツモトフーツ北海道産黒豆</t>
  </si>
  <si>
    <t>煎り黒豆</t>
  </si>
  <si>
    <t>中国黒豆</t>
  </si>
  <si>
    <t>金時</t>
  </si>
  <si>
    <t>北海道産大正金時</t>
  </si>
  <si>
    <t>北海道産　金時豆_２個セット</t>
  </si>
  <si>
    <t>250g*2</t>
  </si>
  <si>
    <t>大正金時</t>
  </si>
  <si>
    <t>北海道産金時豆</t>
  </si>
  <si>
    <t>北海道産　金時豆</t>
  </si>
  <si>
    <t>北海道産契約栽培金時豆</t>
  </si>
  <si>
    <t>十勝産_大正金時</t>
  </si>
  <si>
    <t>北海道十勝産大正金時</t>
  </si>
  <si>
    <t>ホクレン　大正金時　２５０ｇ</t>
  </si>
  <si>
    <t>北海道産_大正金時</t>
  </si>
  <si>
    <t>北海金時豆</t>
  </si>
  <si>
    <t>十勝産大正金時</t>
  </si>
  <si>
    <t>森光　北海道産　大正金時</t>
  </si>
  <si>
    <t>十勝産大正金時　２５０ｇ</t>
  </si>
  <si>
    <t>業務用　大正金時</t>
  </si>
  <si>
    <t>押し大豆</t>
  </si>
  <si>
    <t>打豆</t>
  </si>
  <si>
    <t>北海道産白花豆</t>
  </si>
  <si>
    <t>千葉県産みそピーナッツ</t>
  </si>
  <si>
    <t>東出農園小豆</t>
  </si>
  <si>
    <t>東出農園黒豆</t>
  </si>
  <si>
    <t>東出農園トラ豆</t>
  </si>
  <si>
    <t>東出農園大納言</t>
  </si>
  <si>
    <t>東出農園大豆</t>
  </si>
  <si>
    <t>堂前さん家黒豆</t>
  </si>
  <si>
    <t>堂前さん家大豆</t>
  </si>
  <si>
    <t>【明治屋】ミックスビーンズ</t>
  </si>
  <si>
    <t>1000　ｇ</t>
  </si>
  <si>
    <t>＜小豆＞</t>
  </si>
  <si>
    <t>＜小豆その他＞</t>
  </si>
  <si>
    <t>＜大納言＞</t>
  </si>
  <si>
    <t>トラ豆</t>
  </si>
  <si>
    <t>赤花豆</t>
  </si>
  <si>
    <t>350　ｇ</t>
  </si>
  <si>
    <t>大豆まるごとミートミンチタイプ</t>
  </si>
  <si>
    <t>かるなぁ</t>
  </si>
  <si>
    <t>ｶﾙﾅｧ</t>
  </si>
  <si>
    <t>大豆まるごとミートバラ肉タイプ</t>
  </si>
  <si>
    <t>大豆まるごとミートスライス</t>
  </si>
  <si>
    <t>クロダイズ</t>
  </si>
  <si>
    <t>キントキマメ</t>
  </si>
  <si>
    <t>トラマメ</t>
  </si>
  <si>
    <t>アカハナマメ</t>
  </si>
  <si>
    <t>シロハナマメ</t>
  </si>
  <si>
    <t>塩えんどう</t>
  </si>
  <si>
    <t>北海道産うずら豆</t>
  </si>
  <si>
    <t>磯豆</t>
  </si>
  <si>
    <t>福味豆</t>
  </si>
  <si>
    <t>手よりひたし豆</t>
  </si>
  <si>
    <t>クイック+プラスミックスビーンズ</t>
  </si>
  <si>
    <t>金時豆</t>
  </si>
  <si>
    <t>ひじき豆</t>
  </si>
  <si>
    <t>北海道産　大正金時豆</t>
  </si>
  <si>
    <t>大正金時豆</t>
  </si>
  <si>
    <t>ｷﾝｸﾞﾌｰｽﾞ</t>
  </si>
  <si>
    <t>つぶつぶゆであずき缶6号</t>
  </si>
  <si>
    <t>235ｇ</t>
  </si>
  <si>
    <t>そば米</t>
  </si>
  <si>
    <t>横関食糧工業</t>
  </si>
  <si>
    <t>ﾖｺｾﾞｷ</t>
  </si>
  <si>
    <t>5000　袋</t>
  </si>
  <si>
    <t>光黒豆大豆</t>
  </si>
  <si>
    <t>とら豆</t>
  </si>
  <si>
    <t>白目大豆</t>
  </si>
  <si>
    <t>320　ｇ</t>
  </si>
  <si>
    <t>北海道産光黒大豆大袋</t>
  </si>
  <si>
    <t>850　ｇ</t>
  </si>
  <si>
    <t>ドースイ北海道産煎り大豆</t>
  </si>
  <si>
    <t>85　ｇ</t>
  </si>
  <si>
    <t>北海道産大豆巾着</t>
  </si>
  <si>
    <t>乾燥枝豆徳用</t>
  </si>
  <si>
    <t>宮城県産ひたし豆</t>
  </si>
  <si>
    <t>北海道産虎豆</t>
  </si>
  <si>
    <t>北海道産紫花豆</t>
  </si>
  <si>
    <t>豆印うずら豆</t>
  </si>
  <si>
    <t>うずら</t>
  </si>
  <si>
    <t>中長うずら豆</t>
  </si>
  <si>
    <t>大福豆</t>
  </si>
  <si>
    <t>秘伝ハッピー豆</t>
  </si>
  <si>
    <t>私のとうふお料理おから</t>
  </si>
  <si>
    <t>おとうふ工房いしかわ</t>
  </si>
  <si>
    <t>ｵﾄｳﾌｺｳﾎﾞ</t>
  </si>
  <si>
    <t>宮崎産尾鈴落花生</t>
  </si>
  <si>
    <t>味善</t>
  </si>
  <si>
    <t>ｱｼﾞﾖｼ</t>
  </si>
  <si>
    <t>紫花豆</t>
  </si>
  <si>
    <t>タンバクロマメ</t>
  </si>
  <si>
    <t>国内産もちきび</t>
  </si>
  <si>
    <t>加藤製菓</t>
  </si>
  <si>
    <t>ｶﾄｳｾｲｶ</t>
  </si>
  <si>
    <t>国内産たかきび</t>
  </si>
  <si>
    <t>ひたし豆</t>
  </si>
  <si>
    <t>北海道産祝い黒豆</t>
  </si>
  <si>
    <t>祝い黒豆</t>
  </si>
  <si>
    <t>山形産ひたし豆</t>
  </si>
  <si>
    <t>北見産白花豆袋</t>
  </si>
  <si>
    <t>北見産紫花豆</t>
  </si>
  <si>
    <t>落花生</t>
  </si>
  <si>
    <t>ムングビーンズ</t>
  </si>
  <si>
    <t>ﾜｰﾙﾄﾞﾘﾝｸｽ</t>
  </si>
  <si>
    <t>ゴイアニーニョプレット豆</t>
  </si>
  <si>
    <t>Ｈ＆Ｂジャパン</t>
  </si>
  <si>
    <t>HBｼﾞｬﾊﾟﾝ</t>
  </si>
  <si>
    <t>プレット豆　中国産</t>
  </si>
  <si>
    <t>ﾌﾟﾚﾐｱﾑﾌｰｽﾞ</t>
  </si>
  <si>
    <t>MUNGOVERDE緑豆</t>
  </si>
  <si>
    <t>ﾑﾝｺﾞ</t>
  </si>
  <si>
    <t>ﾑﾝｺﾞﾍﾞﾙﾃﾞ</t>
  </si>
  <si>
    <t>れんず豆</t>
  </si>
  <si>
    <t>中国産花豆</t>
  </si>
  <si>
    <t>手より白花豆</t>
  </si>
  <si>
    <t>白いんげん</t>
  </si>
  <si>
    <t>大福豆煮豆用</t>
  </si>
  <si>
    <t>クイック+プラスひよこ豆バター風味</t>
  </si>
  <si>
    <t>レンジdeポップコーン</t>
  </si>
  <si>
    <t>豆印かち栗</t>
  </si>
  <si>
    <t>ホクレン　ポップコーン</t>
  </si>
  <si>
    <t>クローバー</t>
  </si>
  <si>
    <t>ｸﾛｰﾊﾞｰ</t>
  </si>
  <si>
    <t>グロン　ビッコ（ひよこ豆）</t>
  </si>
  <si>
    <t>ラテン大和</t>
  </si>
  <si>
    <t>アルベルジッタ（グリーンスプリット）</t>
  </si>
  <si>
    <t>レンチーリャ</t>
  </si>
  <si>
    <t>マスコットガルバンゾー</t>
  </si>
  <si>
    <t>花豆</t>
  </si>
  <si>
    <t>青豆</t>
  </si>
  <si>
    <t>カナダ産うずら豆</t>
  </si>
  <si>
    <t>中国うずら豆</t>
  </si>
  <si>
    <t>中国産白花豆</t>
  </si>
  <si>
    <t>中長鶉豆</t>
  </si>
  <si>
    <t>とら豆　袋</t>
  </si>
  <si>
    <t>徳用ポップコーン</t>
  </si>
  <si>
    <t>ポップマジック</t>
  </si>
  <si>
    <t>そら豆</t>
  </si>
  <si>
    <t>ポップコーン　Ｎ</t>
  </si>
  <si>
    <t>森光_中国産_白花</t>
  </si>
  <si>
    <t>森光_カナダ産_うずら豆</t>
  </si>
  <si>
    <t>ポップコーン原料</t>
  </si>
  <si>
    <t>プレット豆ブラジル産</t>
  </si>
  <si>
    <t>ｶﾐﾙ</t>
  </si>
  <si>
    <t>カリオカ豆ブラジル産</t>
  </si>
  <si>
    <t>高野豆腐</t>
  </si>
  <si>
    <t>通常サイズ</t>
  </si>
  <si>
    <t>だし無</t>
  </si>
  <si>
    <t>高野豆腐（７個入り）</t>
  </si>
  <si>
    <t>羽二重こうや豆腐</t>
  </si>
  <si>
    <t>カナカン味だし付きこうや豆腐5個</t>
  </si>
  <si>
    <t>こうや豆腐８個入り</t>
  </si>
  <si>
    <t>ころころこうやサイコロ</t>
  </si>
  <si>
    <t>ころころこうや細切り</t>
  </si>
  <si>
    <t>こうや豆腐</t>
  </si>
  <si>
    <t>ポケットモンスターこうや豆腐</t>
  </si>
  <si>
    <t>こうや豆腐ポリ</t>
  </si>
  <si>
    <t>ころころこうやみそ汁用</t>
  </si>
  <si>
    <t>凍み豆腐３０枚入</t>
  </si>
  <si>
    <t>こうや豆腐折れ</t>
  </si>
  <si>
    <t>こうや豆腐チャック付き</t>
  </si>
  <si>
    <t>くちどけこうやとうふ</t>
  </si>
  <si>
    <t>59.2g</t>
  </si>
  <si>
    <t>小さなこうやミニパック</t>
  </si>
  <si>
    <t>こうや豆腐小さめカット</t>
  </si>
  <si>
    <t>こうや豆腐細切りカット</t>
  </si>
  <si>
    <t>新あさひ豆腐10個入</t>
  </si>
  <si>
    <t>新あさひ豆腐5個入</t>
  </si>
  <si>
    <t>旭松　新あさひ豆腐６個ポリ　９９ｇ</t>
  </si>
  <si>
    <t>新あさひ豆腐5個入ポリ</t>
  </si>
  <si>
    <t>5個入</t>
  </si>
  <si>
    <t>新あさひ豆腐1/6サイズ</t>
  </si>
  <si>
    <t>ラクラク使えるKOUYAみそ汁用</t>
  </si>
  <si>
    <t>新あさひ豆腐</t>
  </si>
  <si>
    <t>ラクラク使えるKOUYA小さめ</t>
  </si>
  <si>
    <t>ラクラク使えるKOUYA細切り</t>
  </si>
  <si>
    <t>新あさひ豆腐サイコロ</t>
  </si>
  <si>
    <t>新あさひ豆腐細切り</t>
  </si>
  <si>
    <t>新あさひ豆腐_みそ汁用</t>
  </si>
  <si>
    <t>旭松　新　あさひ豆腐　うす切り　１２０ｇ</t>
  </si>
  <si>
    <t>新あさひ豆腐1/20サイズ</t>
  </si>
  <si>
    <t>新あさひ豆腐1/60サイズ</t>
  </si>
  <si>
    <t>新あさひ豆腐1/150サイズ</t>
  </si>
  <si>
    <t>新あさひ豆腐うす切り</t>
  </si>
  <si>
    <t>こうや豆腐うすぎり</t>
  </si>
  <si>
    <t>鶴羽二重みそ汁用こうや豆腐</t>
  </si>
  <si>
    <t>ﾄｷﾜﾚｲｼｮｸ</t>
  </si>
  <si>
    <t>５P</t>
  </si>
  <si>
    <t>ﾄｷﾜ</t>
  </si>
  <si>
    <t>八百屋さんが選んだおいしいとうふ</t>
  </si>
  <si>
    <t>信州産大豆使用こうや豆腐4枚入り</t>
  </si>
  <si>
    <t>鶴羽二重おいしい豆腐しかくい煮物用</t>
  </si>
  <si>
    <t>鶴羽二重こうや豆腐</t>
  </si>
  <si>
    <t>高野豆腐1/2カット</t>
  </si>
  <si>
    <t>こうや豆腐徳用</t>
  </si>
  <si>
    <t>ﾄｷﾜﾚｲﾄｳ</t>
  </si>
  <si>
    <t>こうや豆腐10枚ポリ</t>
  </si>
  <si>
    <t>細切こうや豆腐</t>
  </si>
  <si>
    <t>サイコロこうや豆腐</t>
  </si>
  <si>
    <t>北海道十勝産大豆使用こうや豆腐</t>
  </si>
  <si>
    <t>コウヤトウフ</t>
  </si>
  <si>
    <t>5切</t>
  </si>
  <si>
    <t>ひとくちの凍り豆腐</t>
  </si>
  <si>
    <t>アンパンマンこうや豆腐</t>
  </si>
  <si>
    <t>５３ｇ</t>
  </si>
  <si>
    <t>田舎風凍み豆腐　３０個</t>
  </si>
  <si>
    <t>ひとくちさん</t>
  </si>
  <si>
    <t>銀雪凍豆腐4個</t>
  </si>
  <si>
    <t>みすず　こうや豆腐１／２０カット　機能性　６０ｇ</t>
  </si>
  <si>
    <t>銀雪凍豆腐1/2カット</t>
  </si>
  <si>
    <t>煮物の具　高野豆腐</t>
  </si>
  <si>
    <t>みそ汁の具高野豆腐</t>
  </si>
  <si>
    <t>だし付き</t>
  </si>
  <si>
    <t>カナカンひとくちこうや豆腐だし付き79．5g</t>
  </si>
  <si>
    <t>79.5G</t>
  </si>
  <si>
    <t>小さなこうやプチパック玉子とじ</t>
  </si>
  <si>
    <t>小さなこうやプチパック含め煮</t>
  </si>
  <si>
    <t>小さなこうやミニＰふくめ煮</t>
  </si>
  <si>
    <t>小さなこうや_味だし付き</t>
  </si>
  <si>
    <t>小さなこうや玉子とじ</t>
  </si>
  <si>
    <t>68.5g</t>
  </si>
  <si>
    <t>小さなこうやミニＰ玉子とじ</t>
  </si>
  <si>
    <t>小さな高野　青菜とこうや</t>
  </si>
  <si>
    <t>63.5g</t>
  </si>
  <si>
    <t>小さな高野　ゴーヤとこうや</t>
  </si>
  <si>
    <t>小さなこうや旨味だし付</t>
  </si>
  <si>
    <t>こうや豆腐旨味出し付</t>
  </si>
  <si>
    <t>ミニパックたまごとじ用</t>
  </si>
  <si>
    <t>ミニパックふくめ煮旨みだし付</t>
  </si>
  <si>
    <t>48.8g</t>
  </si>
  <si>
    <t>小さなこうやミニパックたまごとじ</t>
  </si>
  <si>
    <t>ポケットモンスターXY_こうや豆腐_旨味だし付</t>
  </si>
  <si>
    <t>こうや豆腐だし付5個</t>
  </si>
  <si>
    <t>133G</t>
  </si>
  <si>
    <t>小さな新あさひ豆腐粉末調味料付</t>
  </si>
  <si>
    <t>79.5g</t>
  </si>
  <si>
    <t>新あさひ豆腐減塩旨味だし付５個</t>
  </si>
  <si>
    <t>１３２．５ｇ</t>
  </si>
  <si>
    <t>新あさひ豆腐たまごとじ用だし付</t>
  </si>
  <si>
    <t>新あさひ豆腐寿旨味だし付</t>
  </si>
  <si>
    <t>新あさひ豆腐どうぶつえんだし付</t>
  </si>
  <si>
    <t>あさひ豆腐プラス</t>
  </si>
  <si>
    <t>新アサヒ豆腐動物園ダシ付き</t>
  </si>
  <si>
    <t>新あさひ豆腐ふんわりたまごとじ用</t>
  </si>
  <si>
    <t>しまじろうのなかよしこうや豆腐</t>
  </si>
  <si>
    <t>新玉子とじ用こうや</t>
  </si>
  <si>
    <t>ﾄｷﾊﾚｲﾄｳ</t>
  </si>
  <si>
    <t>新ふくめ煮用こうや</t>
  </si>
  <si>
    <t>味だし付豆腐ひとくちさん</t>
  </si>
  <si>
    <t>アンパンマン高野豆腐</t>
  </si>
  <si>
    <t>こうや豆腐火鍋風味</t>
  </si>
  <si>
    <t>粉豆腐</t>
  </si>
  <si>
    <t>ドライおから_国産</t>
  </si>
  <si>
    <t>フード・ミールリサイクル</t>
  </si>
  <si>
    <t>ﾌｰﾄﾞﾐｰﾙ</t>
  </si>
  <si>
    <t>ダイエットこうや　あらびき</t>
  </si>
  <si>
    <t>ダイエットこうや　粉末</t>
  </si>
  <si>
    <t>高野豆腐あらびき</t>
  </si>
  <si>
    <t>新あさひ粉豆腐</t>
  </si>
  <si>
    <t>粉どうふ</t>
  </si>
  <si>
    <t>八百屋さんが選んだおいしいこうや豆腐粉末</t>
  </si>
  <si>
    <t>みすず粉とうふ</t>
  </si>
  <si>
    <t>減塩タイプ</t>
  </si>
  <si>
    <t>小さなこうや　減塩</t>
  </si>
  <si>
    <t>83ｇ</t>
  </si>
  <si>
    <t>小さな新あさひ豆腐減塩粉末調味料付</t>
  </si>
  <si>
    <t>減塩ひとくちさん</t>
  </si>
  <si>
    <t>徳用サイズ</t>
  </si>
  <si>
    <t>羽二重お徳こうや</t>
  </si>
  <si>
    <t>こうや豆腐うす切り</t>
  </si>
  <si>
    <t>新あさひ豆腐12個</t>
  </si>
  <si>
    <t>新あさひ豆腐お徳用200g折れ</t>
  </si>
  <si>
    <t>新あさひ豆腐ひとくち巾着</t>
  </si>
  <si>
    <t>新あさひ豆腐みそ汁用</t>
  </si>
  <si>
    <t>八百屋さんが選んだこうや豆腐うすじり</t>
  </si>
  <si>
    <t>高野とうふ</t>
  </si>
  <si>
    <t>高野豆腐大袋</t>
  </si>
  <si>
    <t>八百屋さんのとうふ　１０切</t>
  </si>
  <si>
    <t>八百屋さん薄切り</t>
  </si>
  <si>
    <t>高野豆腐お徳用</t>
  </si>
  <si>
    <t>高野豆腐うす切り</t>
  </si>
  <si>
    <t>鶴羽二重　高野豆腐１／２四角</t>
  </si>
  <si>
    <t>とくまるこうやカット</t>
  </si>
  <si>
    <t>とくまるこうや</t>
  </si>
  <si>
    <t>高野豆腐１／２四角カット</t>
  </si>
  <si>
    <t>幕の内こうや</t>
  </si>
  <si>
    <t>お徳用こうや豆腐</t>
  </si>
  <si>
    <t>赤袋</t>
  </si>
  <si>
    <t>高野豆腐_お徳用</t>
  </si>
  <si>
    <t>お手頃こうや</t>
  </si>
  <si>
    <t>こうや豆腐　徳用　1/2カット</t>
  </si>
  <si>
    <t>鶴羽二重高野豆腐</t>
  </si>
  <si>
    <t>こうや御膳</t>
  </si>
  <si>
    <t>９８ｇ</t>
  </si>
  <si>
    <t>高野豆腐　１／４カット　業務用</t>
  </si>
  <si>
    <t>登喜和鶴羽二重こうや豆腐10枚</t>
  </si>
  <si>
    <t>登喜和鶴羽二重徳用高野1/2カット</t>
  </si>
  <si>
    <t>高野豆腐割れ</t>
  </si>
  <si>
    <t>高野豆腐徳用割れ</t>
  </si>
  <si>
    <t>こうや豆腐はねだし1/2カット</t>
  </si>
  <si>
    <t>徳用高野豆腐</t>
  </si>
  <si>
    <t>こうや豆腐　お徳用</t>
  </si>
  <si>
    <t>みすず　銀雪凍豆腐お徳用　１６０G</t>
  </si>
  <si>
    <t>煮物が好きになりました高野豆腐</t>
  </si>
  <si>
    <t>極小こうや豆腐</t>
  </si>
  <si>
    <t>信濃雪</t>
  </si>
  <si>
    <t>ｼﾅﾉﾕｷ</t>
  </si>
  <si>
    <t>ポケモンXYこうや豆腐だし付</t>
  </si>
  <si>
    <t>新あさひ豆腐粉末調味料付5個入</t>
  </si>
  <si>
    <t>132.5g</t>
  </si>
  <si>
    <t>新あさひ豆腐調味料付</t>
  </si>
  <si>
    <t>こうや豆腐味だし付</t>
  </si>
  <si>
    <t>122.5g</t>
  </si>
  <si>
    <t>ラクラク使えるこうやあらびき</t>
  </si>
  <si>
    <t>みすず銀雪凍豆腐1/2カット100ｇ</t>
  </si>
  <si>
    <t>選んでe高野豆腐徳用1/2ｶｯﾄ</t>
  </si>
  <si>
    <t>葛尾の凍みもち</t>
  </si>
  <si>
    <t>ふるさとのおふくろフーズ</t>
  </si>
  <si>
    <t>ﾌﾙｻﾄﾉｵﾌｸﾛﾌ</t>
  </si>
  <si>
    <t>あさひ豆腐ハロウィンこうや</t>
  </si>
  <si>
    <t>７９．５ｇ</t>
  </si>
  <si>
    <t>立子山凍豆腐</t>
  </si>
  <si>
    <t>ﾀﾂｺﾔﾏｼﾐﾄﾞｳ</t>
  </si>
  <si>
    <t>麩</t>
  </si>
  <si>
    <t>焼き麩</t>
  </si>
  <si>
    <t>おつゆ麩・こまち麩</t>
  </si>
  <si>
    <t>万能麩</t>
  </si>
  <si>
    <t>おつゆ麩</t>
  </si>
  <si>
    <t>生活派山芋入り手焼きおつゆ麩</t>
  </si>
  <si>
    <t>生活派手焼麩</t>
  </si>
  <si>
    <t>生活派手焼おつゆ麩</t>
  </si>
  <si>
    <t>手焼麩</t>
  </si>
  <si>
    <t>手焼おつゆ麩</t>
  </si>
  <si>
    <t>手焼きおつゆ麩</t>
  </si>
  <si>
    <t>カンピー手焼麩</t>
  </si>
  <si>
    <t>ｶﾝﾋﾟ</t>
  </si>
  <si>
    <t>手焼き小町麩</t>
  </si>
  <si>
    <t>小町麩</t>
  </si>
  <si>
    <t>北海道産小麦使用焼き麩</t>
  </si>
  <si>
    <t>常陸屋　京小町麩</t>
  </si>
  <si>
    <t>常陸屋焼き麩</t>
  </si>
  <si>
    <t>ﾋﾀﾁﾔﾎﾝﾎﾟ</t>
  </si>
  <si>
    <t>おつゆ麸</t>
  </si>
  <si>
    <t>玄米粉入り京小町麩</t>
  </si>
  <si>
    <t>常陸屋山芋粉入り焼麩</t>
  </si>
  <si>
    <t>半兵衛麸</t>
  </si>
  <si>
    <t>ﾊﾝﾍﾞｴﾌ</t>
  </si>
  <si>
    <t>山芋入り手焼麩</t>
  </si>
  <si>
    <t>長田産業</t>
  </si>
  <si>
    <t>ﾅｶﾞﾀ</t>
  </si>
  <si>
    <t>オツユフ</t>
  </si>
  <si>
    <t>手焼きやき麩</t>
  </si>
  <si>
    <t>手焼やき麩</t>
  </si>
  <si>
    <t>おつゆの友</t>
  </si>
  <si>
    <t>伊之助製麺</t>
  </si>
  <si>
    <t>ｲﾉｽｹｾｲﾒﾝ</t>
  </si>
  <si>
    <t>すき焼麩</t>
  </si>
  <si>
    <t>国内産小麦京手焼麸</t>
  </si>
  <si>
    <t>敷島おつゆ麩</t>
  </si>
  <si>
    <t>敷島　おつゆふ</t>
  </si>
  <si>
    <t>敷島産業しきしまおつゆふ27g</t>
  </si>
  <si>
    <t>27G</t>
  </si>
  <si>
    <t>お焼麩</t>
  </si>
  <si>
    <t>敷島特用麩</t>
  </si>
  <si>
    <t>しきしま焼き麩</t>
  </si>
  <si>
    <t>しきしま麩</t>
  </si>
  <si>
    <t>焼麩</t>
  </si>
  <si>
    <t>ｼｷｼﾏｻﾝｷﾞﾖｳ</t>
  </si>
  <si>
    <t>お麩パック</t>
  </si>
  <si>
    <t>10g×3</t>
  </si>
  <si>
    <t>お手軽お麩</t>
  </si>
  <si>
    <t>徳用お麩パック</t>
  </si>
  <si>
    <t>徳用お麩</t>
  </si>
  <si>
    <t>白菊麸袋</t>
  </si>
  <si>
    <t>みそ汁のふ</t>
  </si>
  <si>
    <t>あわゆき麩</t>
  </si>
  <si>
    <t>やき麸</t>
  </si>
  <si>
    <t>滋養麩</t>
  </si>
  <si>
    <t>澤田製麸所</t>
  </si>
  <si>
    <t>ｻﾜﾀﾞｾｲﾌｼﾞｮ</t>
  </si>
  <si>
    <t>スギタニ玉子麸天着30g</t>
  </si>
  <si>
    <t>スギタニ</t>
  </si>
  <si>
    <t>ｽｷﾞﾀﾆ</t>
  </si>
  <si>
    <t>スギタニ切麩おつゆ麸袋52g</t>
  </si>
  <si>
    <t>52G</t>
  </si>
  <si>
    <t>山芋入りおつゆ麸</t>
  </si>
  <si>
    <t>高瀬製麸所</t>
  </si>
  <si>
    <t>白えびおつゆ麩</t>
  </si>
  <si>
    <t>甘えびおつゆ麩</t>
  </si>
  <si>
    <t>前原食品工業</t>
  </si>
  <si>
    <t>ﾏｴﾊﾗｼｮｸﾋﾝ</t>
  </si>
  <si>
    <t>前原北海道小麦おつゆ麩</t>
  </si>
  <si>
    <t>おつゆ麸小</t>
  </si>
  <si>
    <t>ﾏｴﾊﾗ</t>
  </si>
  <si>
    <t>御焼麩</t>
  </si>
  <si>
    <t>手焼き麩</t>
  </si>
  <si>
    <t>松尾　お徳用　やきふ　袋７５g</t>
  </si>
  <si>
    <t>松尾</t>
  </si>
  <si>
    <t>徳用やきふ</t>
  </si>
  <si>
    <t>山中製麸所</t>
  </si>
  <si>
    <t>ﾔﾏﾅｶｾｲﾌｼﾞｮ</t>
  </si>
  <si>
    <t>徳用おつゆふ</t>
  </si>
  <si>
    <t>やき麩　自然素材</t>
  </si>
  <si>
    <t>おつゆ麩　自然素材</t>
  </si>
  <si>
    <t>こまき麩</t>
  </si>
  <si>
    <t>巻き麩</t>
  </si>
  <si>
    <t>渦巻麸</t>
  </si>
  <si>
    <t>池田食品</t>
  </si>
  <si>
    <t>村上製麸</t>
  </si>
  <si>
    <t>ﾑﾗｶﾐ</t>
  </si>
  <si>
    <t>こまき麩　業務用</t>
  </si>
  <si>
    <t>ﾑﾗｶﾐｾｲﾌ</t>
  </si>
  <si>
    <t>車麩</t>
  </si>
  <si>
    <t>かりゆしちゃんぷるー麩</t>
  </si>
  <si>
    <t>ｶﾘﾕｼｾｲﾌ</t>
  </si>
  <si>
    <t>カナカン車麩スライス25g</t>
  </si>
  <si>
    <t>手焼きくるま麩</t>
  </si>
  <si>
    <t>越後車麩</t>
  </si>
  <si>
    <t>みに車麩</t>
  </si>
  <si>
    <t>6枚入</t>
  </si>
  <si>
    <t>常陸屋　車麩チャック付</t>
  </si>
  <si>
    <t>車麩小型</t>
  </si>
  <si>
    <t>飯島食品</t>
  </si>
  <si>
    <t>ｲｲｼﾞﾏｼｮｸﾋﾝ</t>
  </si>
  <si>
    <t>厚釜焼き車麩</t>
  </si>
  <si>
    <t>車麩スライス</t>
  </si>
  <si>
    <t>スギタニ車麩2本</t>
  </si>
  <si>
    <t>スギタニ車麩スライス7枚</t>
  </si>
  <si>
    <t>白えびくるま麩</t>
  </si>
  <si>
    <t>白えびくるま麸</t>
  </si>
  <si>
    <t>白玉麩</t>
  </si>
  <si>
    <t>常陸屋　白玉麩</t>
  </si>
  <si>
    <t>常陸屋タマゴ麩</t>
  </si>
  <si>
    <t>常陸屋白玉麩</t>
  </si>
  <si>
    <t>もち麩</t>
  </si>
  <si>
    <t>モチフ</t>
  </si>
  <si>
    <t>おたま麩</t>
  </si>
  <si>
    <t>志ら玉麩</t>
  </si>
  <si>
    <t>御もち麩</t>
  </si>
  <si>
    <t>小もち麩</t>
  </si>
  <si>
    <t>ｶﾊﾞｼﾏ</t>
  </si>
  <si>
    <t>白玉麸袋</t>
  </si>
  <si>
    <t>もちふ</t>
  </si>
  <si>
    <t>スギタニ小細工麩20g</t>
  </si>
  <si>
    <t>白玉麸</t>
  </si>
  <si>
    <t>塚原麸店</t>
  </si>
  <si>
    <t>ﾂｶﾊﾗﾌﾃﾝ</t>
  </si>
  <si>
    <t>まんじゅう麩</t>
  </si>
  <si>
    <t>庄内麩</t>
  </si>
  <si>
    <t>常陸屋荘内麸中形袋</t>
  </si>
  <si>
    <t>常陸屋　荘内麸　中形半切　袋１０枚</t>
  </si>
  <si>
    <t>きざみ庄内麩</t>
  </si>
  <si>
    <t>庄内板麩小</t>
  </si>
  <si>
    <t>マルサ佐藤製麸所</t>
  </si>
  <si>
    <t>ﾏﾙｻｻﾄｳｾｲﾌ</t>
  </si>
  <si>
    <t>使い切りうず巻荘内麩</t>
  </si>
  <si>
    <t>手焼　うず巻荘内麩</t>
  </si>
  <si>
    <t>厚釜焼ききざみ庄内麩</t>
  </si>
  <si>
    <t>庄内板ふ</t>
  </si>
  <si>
    <t>うず巻庄内麩</t>
  </si>
  <si>
    <t>荘内麩</t>
  </si>
  <si>
    <t>こまき庄内麩</t>
  </si>
  <si>
    <t>花麩・星麩</t>
  </si>
  <si>
    <t>花麩</t>
  </si>
  <si>
    <t>常陸屋花麩</t>
  </si>
  <si>
    <t>カラふルハート</t>
  </si>
  <si>
    <t>カラふル星</t>
  </si>
  <si>
    <t>カラふル花</t>
  </si>
  <si>
    <t>手まり麩</t>
  </si>
  <si>
    <t>星の麩　小粒</t>
  </si>
  <si>
    <t>紅梅花麸チャック付</t>
  </si>
  <si>
    <t>紅梅花麸</t>
  </si>
  <si>
    <t>お花麩</t>
  </si>
  <si>
    <t>大梅麩</t>
  </si>
  <si>
    <t>京花ふ</t>
  </si>
  <si>
    <t>厚釜焼き京花麩</t>
  </si>
  <si>
    <t>敷島　久助京花ふ　８０ｇ</t>
  </si>
  <si>
    <t>スギタニ小花麩30g</t>
  </si>
  <si>
    <t>花麸</t>
  </si>
  <si>
    <t>小花麩</t>
  </si>
  <si>
    <t>その他焼き麩</t>
  </si>
  <si>
    <t>ハート麩</t>
  </si>
  <si>
    <t>生活派国内産緑黄野菜使用もち粉入り野菜ミックス麩</t>
  </si>
  <si>
    <t>生活派手焼すきやき麩</t>
  </si>
  <si>
    <t>野菜ミックス麩</t>
  </si>
  <si>
    <t>手焼野菜ミックス麩</t>
  </si>
  <si>
    <t>手焼き野菜ミックス麩</t>
  </si>
  <si>
    <t>永谷園　あさげのお麩　２０ｇ</t>
  </si>
  <si>
    <t>常陸屋　江戸観世麩</t>
  </si>
  <si>
    <t>常陸屋　宝麩</t>
  </si>
  <si>
    <t>たまご麩</t>
  </si>
  <si>
    <t>竹輪麩</t>
  </si>
  <si>
    <t>新宝麸</t>
  </si>
  <si>
    <t>江戸観世麩</t>
  </si>
  <si>
    <t>玄米粉入り宝麩</t>
  </si>
  <si>
    <t>しじみ麩</t>
  </si>
  <si>
    <t>野菜麩ミックス</t>
  </si>
  <si>
    <t>手まり麸</t>
  </si>
  <si>
    <t>手まり麸チャック付</t>
  </si>
  <si>
    <t>小町焼き麩</t>
  </si>
  <si>
    <t>ﾊﾝﾍﾞｲ</t>
  </si>
  <si>
    <t>イトツキチクワフ</t>
  </si>
  <si>
    <t>まつたけ麩</t>
  </si>
  <si>
    <t>ちくわ麩</t>
  </si>
  <si>
    <t>ヨードちくわ麩</t>
  </si>
  <si>
    <t>健康麩</t>
  </si>
  <si>
    <t>てまり麩</t>
  </si>
  <si>
    <t>手焼すきやき麩</t>
  </si>
  <si>
    <t>もっちり手焼き麩</t>
  </si>
  <si>
    <t>安平麩</t>
  </si>
  <si>
    <t>竹内食品</t>
  </si>
  <si>
    <t>ﾀｹｳﾁｼｮｸﾋﾝ</t>
  </si>
  <si>
    <t>10個入</t>
  </si>
  <si>
    <t>村上製麸店</t>
  </si>
  <si>
    <t>ﾑﾗｶﾐｾｲﾌｼﾞｮ</t>
  </si>
  <si>
    <t>槻山あげ麩</t>
  </si>
  <si>
    <t>槻山製麸所</t>
  </si>
  <si>
    <t>ﾂｷﾔﾏｾｲﾌｼﾞｮ</t>
  </si>
  <si>
    <t>やまと麸</t>
  </si>
  <si>
    <t>鈴木製麸所</t>
  </si>
  <si>
    <t>ｽｽﾞｷｾｲﾌｼﾞｮ</t>
  </si>
  <si>
    <t>徳用焼麩</t>
  </si>
  <si>
    <t>ｲｲｼﾞﾏ</t>
  </si>
  <si>
    <t>職人手焼麩　棒麩</t>
  </si>
  <si>
    <t>ｸｻﾉｼｮｸﾋﾝ</t>
  </si>
  <si>
    <t>棒麸</t>
  </si>
  <si>
    <t>喜多屋焼麸製造所</t>
  </si>
  <si>
    <t>ｷﾀﾔｾｲｿﾞｳ</t>
  </si>
  <si>
    <t>松島麸</t>
  </si>
  <si>
    <t>6本</t>
  </si>
  <si>
    <t>ｷﾀﾔ</t>
  </si>
  <si>
    <t>豆麸</t>
  </si>
  <si>
    <t>七色麸</t>
  </si>
  <si>
    <t>古式まんじゅう麩</t>
  </si>
  <si>
    <t>国内産小麦すきやき麸袋</t>
  </si>
  <si>
    <t>使い切り手まり麸</t>
  </si>
  <si>
    <t>使い切り　松茸麩</t>
  </si>
  <si>
    <t>豆麩</t>
  </si>
  <si>
    <t>松茸ふ</t>
  </si>
  <si>
    <t>アッサクふ</t>
  </si>
  <si>
    <t>色かんぜ麩</t>
  </si>
  <si>
    <t>たまごふ</t>
  </si>
  <si>
    <t>敷島産業　敷島京やきふ　４０ｇ</t>
  </si>
  <si>
    <t>文化麩</t>
  </si>
  <si>
    <t>緑黄野菜麩</t>
  </si>
  <si>
    <t>五種の穀物麩</t>
  </si>
  <si>
    <t>カルシウム麩</t>
  </si>
  <si>
    <t>発芽玄米入り麩</t>
  </si>
  <si>
    <t>コラーゲン入り麩</t>
  </si>
  <si>
    <t>乳酸菌入り麸</t>
  </si>
  <si>
    <t>栄養麩</t>
  </si>
  <si>
    <t>すきやき麩</t>
  </si>
  <si>
    <t>棒麩</t>
  </si>
  <si>
    <t>徳用切麩</t>
  </si>
  <si>
    <t>清水商店</t>
  </si>
  <si>
    <t>菊水麩</t>
  </si>
  <si>
    <t>ｼﾐｽﾞｼｮｳﾃﾝ</t>
  </si>
  <si>
    <t>中地紙麩</t>
  </si>
  <si>
    <t>丁字麸</t>
  </si>
  <si>
    <t>スギタニちくわ麸袋40g</t>
  </si>
  <si>
    <t>スギタニこがね麩20枚</t>
  </si>
  <si>
    <t>スギタニ角麸10枚</t>
  </si>
  <si>
    <t>スギタニ松茸麸30g</t>
  </si>
  <si>
    <t>きり麩</t>
  </si>
  <si>
    <t>徳用板麩</t>
  </si>
  <si>
    <t>南部切板麩</t>
  </si>
  <si>
    <t>高瀬めがね麩100g</t>
  </si>
  <si>
    <t>花あられ</t>
  </si>
  <si>
    <t>不二食品</t>
  </si>
  <si>
    <t>福岡麩研究会</t>
  </si>
  <si>
    <t>ｶﾍﾞｼﾏ</t>
  </si>
  <si>
    <t>堀釜てまり麩</t>
  </si>
  <si>
    <t>烏城麩</t>
  </si>
  <si>
    <t>ファイバー入り麩</t>
  </si>
  <si>
    <t>カルシウム入り麩</t>
  </si>
  <si>
    <t>内麦みそ汁麩</t>
  </si>
  <si>
    <t>手焼きすきやき麩</t>
  </si>
  <si>
    <t>松尾_棒麩</t>
  </si>
  <si>
    <t>松尾　細工麩　袋８個</t>
  </si>
  <si>
    <t>松尾　豆麩　袋２５ｇ</t>
  </si>
  <si>
    <t>松尾　はな麸　袋４０ｇ</t>
  </si>
  <si>
    <t>松尾　ラーメン麩45ｇ</t>
  </si>
  <si>
    <t>松尾　白きり麩　徳用　袋３６ｇ</t>
  </si>
  <si>
    <t>板きり麩（お徳用二つ折りカット）_１２６ｇ</t>
  </si>
  <si>
    <t>丸福製麸所</t>
  </si>
  <si>
    <t>ﾏﾙﾌｸｾｲﾌｼﾞｮ</t>
  </si>
  <si>
    <t>中寿紙麩</t>
  </si>
  <si>
    <t>大地麩</t>
  </si>
  <si>
    <t>中地麩</t>
  </si>
  <si>
    <t>角麩</t>
  </si>
  <si>
    <t>まったけ麩</t>
  </si>
  <si>
    <t>きざみいたふ</t>
  </si>
  <si>
    <t>矢沢製麸店</t>
  </si>
  <si>
    <t>ﾔｻﾞﾜ</t>
  </si>
  <si>
    <t>あぶら麩</t>
  </si>
  <si>
    <t>仙台麩</t>
  </si>
  <si>
    <t>仙台麩あぶら麩大</t>
  </si>
  <si>
    <t>ﾔﾏｶﾞﾀﾔ</t>
  </si>
  <si>
    <t>油麩小</t>
  </si>
  <si>
    <t>仙台麩スライス</t>
  </si>
  <si>
    <t>仙台麩あぶら麩スライス袋</t>
  </si>
  <si>
    <t>仙台麩二本入り小</t>
  </si>
  <si>
    <t>その他あぶら麩</t>
  </si>
  <si>
    <t>もっちりじゅわっとまる麩</t>
  </si>
  <si>
    <t>大型6枚</t>
  </si>
  <si>
    <t>扇カット麩</t>
  </si>
  <si>
    <t>二度揚げあぶら麩</t>
  </si>
  <si>
    <t>会津のこづゆお料理セット</t>
  </si>
  <si>
    <t>5人分</t>
  </si>
  <si>
    <t>オノギ食品</t>
  </si>
  <si>
    <t>ｵﾉｷﾞｼｮｸﾋﾝ</t>
  </si>
  <si>
    <t>加藤もち麩</t>
  </si>
  <si>
    <t>常陸屋本舗辛い麸袋</t>
  </si>
  <si>
    <t>大塚製麩　南部麩</t>
  </si>
  <si>
    <t>大塚製麸食品</t>
  </si>
  <si>
    <t>ｵｵﾂｶｾｲﾌ</t>
  </si>
  <si>
    <t>大塚製麩　南部　切いた麩</t>
  </si>
  <si>
    <t>川口食品本舗</t>
  </si>
  <si>
    <t>ｶﾜｸﾞﾁｼｮｸﾋﾝ</t>
  </si>
  <si>
    <t>あべかわ麩</t>
  </si>
  <si>
    <t>お徳用おつゆ麩</t>
  </si>
  <si>
    <t>玉子麸</t>
  </si>
  <si>
    <t>健栄製薬</t>
  </si>
  <si>
    <t>ﾔﾏﾀﾞｾｲﾌｼｮ</t>
  </si>
  <si>
    <t>槻山切麩</t>
  </si>
  <si>
    <t>ﾂｷﾔﾏ</t>
  </si>
  <si>
    <t>栄養麸袋</t>
  </si>
  <si>
    <t>小花麸袋</t>
  </si>
  <si>
    <t>七色麩袋</t>
  </si>
  <si>
    <t>徳用白玉麩</t>
  </si>
  <si>
    <t>松葉屋</t>
  </si>
  <si>
    <t>ﾏﾂﾊﾞﾔ</t>
  </si>
  <si>
    <t>会津名産車麩</t>
  </si>
  <si>
    <t>あいづ車麩</t>
  </si>
  <si>
    <t>扇麩</t>
  </si>
  <si>
    <t>南部麩</t>
  </si>
  <si>
    <t>前田製麸</t>
  </si>
  <si>
    <t>多賀てまり麸</t>
  </si>
  <si>
    <t>大車麩</t>
  </si>
  <si>
    <t>1ホン</t>
  </si>
  <si>
    <t>おいしいふ</t>
  </si>
  <si>
    <t>浅尾製ふ所</t>
  </si>
  <si>
    <t>ﾊﾟｲﾝ</t>
  </si>
  <si>
    <t>特用麩</t>
  </si>
  <si>
    <t>しきしま白菊麩</t>
  </si>
  <si>
    <t>しきしま文化麩</t>
  </si>
  <si>
    <t>しきしまあわ雪麩</t>
  </si>
  <si>
    <t>スギタニ乾燥すだれ麩80g</t>
  </si>
  <si>
    <t>せんべい汁のせんべい</t>
  </si>
  <si>
    <t>東北みやげ煎餅</t>
  </si>
  <si>
    <t>ﾄｳﾎｸﾐﾔｹﾞ</t>
  </si>
  <si>
    <t>とろーりたま麩</t>
  </si>
  <si>
    <t>4ｺ</t>
  </si>
  <si>
    <t>麸屋銀</t>
  </si>
  <si>
    <t>ﾌﾔｷﾞﾝ</t>
  </si>
  <si>
    <t>千鳥麩</t>
  </si>
  <si>
    <t>白麩</t>
  </si>
  <si>
    <t>こぎり麸</t>
  </si>
  <si>
    <t>うず巻麸</t>
  </si>
  <si>
    <t>五色麸</t>
  </si>
  <si>
    <t>湯葉</t>
  </si>
  <si>
    <t>乾燥野菜</t>
  </si>
  <si>
    <t>かんぴょう</t>
  </si>
  <si>
    <t>栃木産かんぴょう</t>
  </si>
  <si>
    <t>旭食品栃木産手選りかんぴょう20g</t>
  </si>
  <si>
    <t>無漂白干瓢</t>
  </si>
  <si>
    <t>小野口商店</t>
  </si>
  <si>
    <t>ｵﾉｸﾁ</t>
  </si>
  <si>
    <t>栃木県産かんぴょう</t>
  </si>
  <si>
    <t>ｵﾉｸﾞﾁ</t>
  </si>
  <si>
    <t>栃木県産干瓢</t>
  </si>
  <si>
    <t>篠原商店</t>
  </si>
  <si>
    <t>ｼﾉﾊﾗｼｮｳﾃﾝ</t>
  </si>
  <si>
    <t>島田かんぴょう</t>
  </si>
  <si>
    <t>ｼﾏﾀﾞｹｲｼﾞｼｮ</t>
  </si>
  <si>
    <t>カットかんぴょう</t>
  </si>
  <si>
    <t>国産_干ぴょう</t>
  </si>
  <si>
    <t>渡辺商店</t>
  </si>
  <si>
    <t>ﾜﾀﾅﾍﾞｼｮｳﾃﾝ</t>
  </si>
  <si>
    <t>干瓢すし日和栃木産</t>
  </si>
  <si>
    <t>白鳥印国産かんぴょう</t>
  </si>
  <si>
    <t>栃木県産大乾かんぴょう</t>
  </si>
  <si>
    <t>徳用かんぴょう</t>
  </si>
  <si>
    <t>高新</t>
  </si>
  <si>
    <t>かんぴょう_栃木</t>
  </si>
  <si>
    <t>栃木県産かんぴょうお徳用</t>
  </si>
  <si>
    <t>中国産かんぴょう</t>
  </si>
  <si>
    <t>ヤマザキ食販　中国産かんぴょう　500ｇ</t>
  </si>
  <si>
    <t>かね七かんぴょう</t>
  </si>
  <si>
    <t>篠原商店マルモかんぴょう</t>
  </si>
  <si>
    <t>谷野善平　かんぴょう　３０ｇ</t>
  </si>
  <si>
    <t>谷野善平商店</t>
  </si>
  <si>
    <t>ﾀﾆﾉ</t>
  </si>
  <si>
    <t>中国産干ぴょう</t>
  </si>
  <si>
    <t>干瓢中国産</t>
  </si>
  <si>
    <t>中国産_干ぴょう</t>
  </si>
  <si>
    <t>ﾜﾀﾅﾍﾞｼｮｳｶｲ</t>
  </si>
  <si>
    <t>かんぴょう中国産</t>
  </si>
  <si>
    <t>干瓢（中国産）</t>
  </si>
  <si>
    <t>ﾔﾏｹ_中国産無添加かんぴょう20G</t>
  </si>
  <si>
    <t>ヤマケ</t>
  </si>
  <si>
    <t>ﾔﾏｹ</t>
  </si>
  <si>
    <t>野菜のみ</t>
  </si>
  <si>
    <t>乾燥エリンギ</t>
  </si>
  <si>
    <t>アガリクス茸Ｂ</t>
  </si>
  <si>
    <t>乾燥エリンギスライス</t>
  </si>
  <si>
    <t>国産乾燥ほうれん草</t>
  </si>
  <si>
    <t>国産乾燥キャベツ</t>
  </si>
  <si>
    <t>大根菜</t>
  </si>
  <si>
    <t>乾燥野菜九州産大根葉</t>
  </si>
  <si>
    <t>乾燥野菜九州産小松菜</t>
  </si>
  <si>
    <t>乾燥野菜九州産ほうれん草</t>
  </si>
  <si>
    <t>九州産ごぼう</t>
  </si>
  <si>
    <t>チタケ</t>
  </si>
  <si>
    <t>乾燥野菜　小松菜</t>
  </si>
  <si>
    <t>乾燥野菜　キャベツ</t>
  </si>
  <si>
    <t>乾燥野菜　オクラ</t>
  </si>
  <si>
    <t>乾燥野菜　人参</t>
  </si>
  <si>
    <t>魚の屋煮物の具大根と人参</t>
  </si>
  <si>
    <t>野菜ミックス</t>
  </si>
  <si>
    <t>日本の野菜太切り大根</t>
  </si>
  <si>
    <t>日本の野菜輪切り大根</t>
  </si>
  <si>
    <t>日本の野菜笹切りごぼう</t>
  </si>
  <si>
    <t>日本の食材三種のきのこ</t>
  </si>
  <si>
    <t>日本の野菜細切りごぼう</t>
  </si>
  <si>
    <t>人参ミックス切干大根</t>
  </si>
  <si>
    <t>三色せんぎり</t>
  </si>
  <si>
    <t>ミックス野菜</t>
  </si>
  <si>
    <t>やまくらげ</t>
  </si>
  <si>
    <t>干しまいたけ</t>
  </si>
  <si>
    <t>雪国まいたけ</t>
  </si>
  <si>
    <t>ﾕｷｸﾞﾆ</t>
  </si>
  <si>
    <t>おかずの素</t>
  </si>
  <si>
    <t>毎日減塩おかずきんぴら</t>
  </si>
  <si>
    <t>毎日減塩おかずひじき煮</t>
  </si>
  <si>
    <t>毎日減塩おかず切干大根煮</t>
  </si>
  <si>
    <t>毎日減塩おかず里いも煮</t>
  </si>
  <si>
    <t>生活派　煮物の具大根</t>
  </si>
  <si>
    <t>国産乾燥五菜ミックス</t>
  </si>
  <si>
    <t>煮物の具春雨大根</t>
  </si>
  <si>
    <t>白和えの素</t>
  </si>
  <si>
    <t>彩り小鉢煮物の具春雨大根</t>
  </si>
  <si>
    <t>切干大根　惣菜</t>
  </si>
  <si>
    <t>人参入り千切大根</t>
  </si>
  <si>
    <t>煮物の具大根の小鉢</t>
  </si>
  <si>
    <t>煮物の具ひじきの小鉢</t>
  </si>
  <si>
    <t>煮物の具　ひじき</t>
  </si>
  <si>
    <t>煮物の具大根</t>
  </si>
  <si>
    <t>煮物の具　春雨大根の小鉢</t>
  </si>
  <si>
    <t>煮込んで切干大根</t>
  </si>
  <si>
    <t>炒めて春雨大根</t>
  </si>
  <si>
    <t>煮物の具　きざみ昆布の小鉢</t>
  </si>
  <si>
    <t>ひじきとにんじん</t>
  </si>
  <si>
    <t>ひじきと春雨</t>
  </si>
  <si>
    <t>大根と人参の小鉢</t>
  </si>
  <si>
    <t>ひじきと人参の小鉢</t>
  </si>
  <si>
    <t>ごぼうサラダ</t>
  </si>
  <si>
    <t>70.1g</t>
  </si>
  <si>
    <t>干し大根</t>
  </si>
  <si>
    <t>宮崎県産切干大根</t>
  </si>
  <si>
    <t>国内産千切大根</t>
  </si>
  <si>
    <t>宮崎県産千切大根</t>
  </si>
  <si>
    <t>千切大根宮崎産</t>
  </si>
  <si>
    <t>国産乾燥丸干し大根</t>
  </si>
  <si>
    <t>国産乾燥太切大根</t>
  </si>
  <si>
    <t>十勝めむろ産切干大根</t>
  </si>
  <si>
    <t>宮崎産切干大根</t>
  </si>
  <si>
    <t>宮崎県産切り干し大根</t>
  </si>
  <si>
    <t>平切り大根</t>
  </si>
  <si>
    <t>特別栽培切干大根</t>
  </si>
  <si>
    <t>ｶﾄﾞﾔ</t>
  </si>
  <si>
    <t>宮崎県産特別栽培切干大根</t>
  </si>
  <si>
    <t>徳用宮崎県産切干大根</t>
  </si>
  <si>
    <t>大崎農園山下さん謹製切干大根</t>
  </si>
  <si>
    <t>国産平切り大根</t>
  </si>
  <si>
    <t>宮崎県産わり干しだいこん</t>
  </si>
  <si>
    <t>国産寒干し大根人参プラス</t>
  </si>
  <si>
    <t>ゆでぼし大根</t>
  </si>
  <si>
    <t>北海道産皮付切り干し大根</t>
  </si>
  <si>
    <t>ゆがき大根長崎県特産</t>
  </si>
  <si>
    <t>南宮崎県産せんぎり大根</t>
  </si>
  <si>
    <t>矢野青果</t>
  </si>
  <si>
    <t>ﾔﾉｾｲｶ</t>
  </si>
  <si>
    <t>長崎産　千切り大根</t>
  </si>
  <si>
    <t>長崎産_ゆで干し大根</t>
  </si>
  <si>
    <t>花切大根</t>
  </si>
  <si>
    <t>割り干し大根</t>
  </si>
  <si>
    <t>切干大根極太</t>
  </si>
  <si>
    <t>ｱｽｸ</t>
  </si>
  <si>
    <t>ゆで干し大根</t>
  </si>
  <si>
    <t>野菜の引出し切り干し大根</t>
  </si>
  <si>
    <t>花切りダイコン</t>
  </si>
  <si>
    <t>千切大根　宮崎産</t>
  </si>
  <si>
    <t>長崎県産ゆがき大根</t>
  </si>
  <si>
    <t>切干大根</t>
  </si>
  <si>
    <t>せんぎり大根</t>
  </si>
  <si>
    <t>千切り大根</t>
  </si>
  <si>
    <t>国産切干しだいこん</t>
  </si>
  <si>
    <t>ゆがき大根</t>
  </si>
  <si>
    <t>むし干大根</t>
  </si>
  <si>
    <t>ベストＰ　宮崎産切干大根25ｇ</t>
  </si>
  <si>
    <t>茹干し大根</t>
  </si>
  <si>
    <t>宮崎県産　千切大根</t>
  </si>
  <si>
    <t>宮崎竹田物産</t>
  </si>
  <si>
    <t>千切り大根宮崎産</t>
  </si>
  <si>
    <t>大根でサラダ</t>
  </si>
  <si>
    <t>液体だし付　切り干し大根</t>
  </si>
  <si>
    <t>miwabi有機切干大根</t>
  </si>
  <si>
    <t>みわび有機切干大根</t>
  </si>
  <si>
    <t>まるほ　切干大根</t>
  </si>
  <si>
    <t>有機切干大根チャック付</t>
  </si>
  <si>
    <t>有機太切りせんぎり大根</t>
  </si>
  <si>
    <t>千切大根　　中国</t>
  </si>
  <si>
    <t>むしきり大根</t>
  </si>
  <si>
    <t>特別栽培大根使用　切干大根</t>
  </si>
  <si>
    <t>カット割干し大根</t>
  </si>
  <si>
    <t>山本勘一商店</t>
  </si>
  <si>
    <t>ﾔﾏｶﾝ</t>
  </si>
  <si>
    <t>宮崎県産　千切り大根</t>
  </si>
  <si>
    <t>会津のこづゆお料理セット5人前</t>
  </si>
  <si>
    <t>5人前</t>
  </si>
  <si>
    <t>いか人参の素</t>
  </si>
  <si>
    <t>九州産干し竹の子</t>
  </si>
  <si>
    <t>岡田商店</t>
  </si>
  <si>
    <t>ｵｶﾀﾞｼｮｳﾃﾝ</t>
  </si>
  <si>
    <t>いもがら</t>
  </si>
  <si>
    <t>花面商店</t>
  </si>
  <si>
    <t>ﾊﾅﾒﾝ</t>
  </si>
  <si>
    <t>大根のみそ漬</t>
  </si>
  <si>
    <t>生姜のみそ漬</t>
  </si>
  <si>
    <t>その他乾燥野菜</t>
  </si>
  <si>
    <t>ゆば</t>
  </si>
  <si>
    <t>470ｇ</t>
  </si>
  <si>
    <t>ドライ処分品</t>
  </si>
  <si>
    <t>信明煎りごま黒</t>
  </si>
  <si>
    <t>選んで鶉豆</t>
  </si>
  <si>
    <t>選んで大福豆</t>
  </si>
  <si>
    <t>ｱﾂﾞｻ</t>
  </si>
  <si>
    <t>ゴールド大納言小豆ぜんざい</t>
  </si>
  <si>
    <t>161ｇ</t>
  </si>
  <si>
    <t>ゴールド白小豆ぜんざい</t>
  </si>
  <si>
    <t>おいしい味ごま</t>
  </si>
  <si>
    <t>梅しそ</t>
  </si>
  <si>
    <t>青菜</t>
  </si>
  <si>
    <t>カリカリ梅</t>
  </si>
  <si>
    <t>ｼｿﾋｼﾞｷ</t>
  </si>
  <si>
    <t>直火焙煎いりごま</t>
  </si>
  <si>
    <t>直火焙煎すりごま</t>
  </si>
  <si>
    <t>直火焙煎いり胡麻白</t>
  </si>
  <si>
    <t>直火焙煎いり胡麻黒</t>
  </si>
  <si>
    <t>直火焙煎すりごま白</t>
  </si>
  <si>
    <t>直火焙煎すりごま黒</t>
  </si>
  <si>
    <t>香ばしごま</t>
  </si>
  <si>
    <t>ﾁｬｯｸ付ｲﾘｺﾞﾏ白</t>
  </si>
  <si>
    <t>ﾁｬｯｸ付ｽﾘｺﾞﾏ白</t>
  </si>
  <si>
    <t>料理人無着色ゆば３枚</t>
  </si>
  <si>
    <t>料理人平ゆば３枚</t>
  </si>
  <si>
    <t>素材そのまま　れんこんチップ</t>
  </si>
  <si>
    <t>素材そのまま　ごぼうチップス</t>
  </si>
  <si>
    <t>北山食品　御ゆば　袋３枚</t>
  </si>
  <si>
    <t>北山食品</t>
  </si>
  <si>
    <t>ｷﾀﾔﾏｼｮｸﾋﾝ</t>
  </si>
  <si>
    <t>平ゆば</t>
  </si>
  <si>
    <t>3枚入</t>
  </si>
  <si>
    <t>小巻ゆば</t>
  </si>
  <si>
    <t>真誠ねりごま一番白</t>
  </si>
  <si>
    <t>職人の技すりごま黒</t>
  </si>
  <si>
    <t>ﾏｺﾄﾏｺﾄ</t>
  </si>
  <si>
    <t>職人の技すりごま白</t>
  </si>
  <si>
    <t>熊本もっこす焦がしにんにく</t>
  </si>
  <si>
    <t>ブンセン　みざん　袋</t>
  </si>
  <si>
    <t>ﾊｼﾓﾄ富久あんこ300g</t>
  </si>
  <si>
    <t>水ようかんの素</t>
  </si>
  <si>
    <t>あんこ屋が作った珈琲ぜんざい</t>
  </si>
  <si>
    <t>あんこ屋が作った抹茶しるこ</t>
  </si>
  <si>
    <t>三島食品ゆかり胡麻</t>
  </si>
  <si>
    <t>ｺﾞﾏ合え素</t>
  </si>
  <si>
    <t>8G*6袋</t>
  </si>
  <si>
    <t>雪印かんたんマッシュポテト</t>
  </si>
  <si>
    <t>平ゆば　</t>
  </si>
  <si>
    <t>3枚入り</t>
  </si>
  <si>
    <t>乾燥高菜</t>
  </si>
  <si>
    <t>多良間産黒糖</t>
  </si>
  <si>
    <t>皇帝はるさめ細麺</t>
  </si>
  <si>
    <t>200Ｇ</t>
  </si>
  <si>
    <t>皇帝緑豆はるさめサラダ</t>
  </si>
  <si>
    <t>はるさめお徳用</t>
  </si>
  <si>
    <t>お徳用くずきり</t>
  </si>
  <si>
    <t>カットねぎ</t>
  </si>
  <si>
    <t>ひえゆば</t>
  </si>
  <si>
    <t>比叡ゆば本舗ゆば八</t>
  </si>
  <si>
    <t>ﾋｴｲ</t>
  </si>
  <si>
    <t>お徳用ゆば</t>
  </si>
  <si>
    <t>平ゆば３枚</t>
  </si>
  <si>
    <t>湯葉久商店</t>
  </si>
  <si>
    <t>ﾕﾊﾞﾋｻ</t>
  </si>
  <si>
    <t>しょうが湯</t>
  </si>
  <si>
    <t>17g5</t>
  </si>
  <si>
    <t>杉丸物産</t>
  </si>
  <si>
    <t>ｽｷﾞﾏﾙ</t>
  </si>
  <si>
    <t>熊本県産きなこ</t>
  </si>
  <si>
    <t>特別栽培しょうが湯</t>
  </si>
  <si>
    <t>イトク食品</t>
  </si>
  <si>
    <t>ｲﾄｸｼｮｸﾋﾝ</t>
  </si>
  <si>
    <t>しょうゆの実こうじ</t>
  </si>
  <si>
    <t>熊本産乾椎茸</t>
  </si>
  <si>
    <t>乾椎茸スライス</t>
  </si>
  <si>
    <t>特選乾椎茸丸</t>
  </si>
  <si>
    <t>北海道大納言</t>
  </si>
  <si>
    <t>北海道黒豆</t>
  </si>
  <si>
    <t>京平ゆば</t>
  </si>
  <si>
    <t>京うずまきゆば</t>
  </si>
  <si>
    <t>篠崎花切大根70g</t>
  </si>
  <si>
    <t>徳用麩</t>
  </si>
  <si>
    <t>丸加椎茸(厚葉)20</t>
  </si>
  <si>
    <t>丸加椎茸(小葉)30g</t>
  </si>
  <si>
    <t>丸加椎茸(ｽﾗｲｽ)20</t>
  </si>
  <si>
    <t>丸加椎茸(どんこ)3</t>
  </si>
  <si>
    <t>丸加椎茸徳用どん</t>
  </si>
  <si>
    <t>丸加椎茸(No.115)</t>
  </si>
  <si>
    <t>丸加きくらげ18g</t>
  </si>
  <si>
    <t>丸加きくらげ(ｽﾗｲｽ)</t>
  </si>
  <si>
    <t>熊本産椎茸</t>
  </si>
  <si>
    <t>熊本産椎茸小葉</t>
  </si>
  <si>
    <t>ﾏﾙｶｼｲﾀｹ</t>
  </si>
  <si>
    <t>熊本産徳用どんこ</t>
  </si>
  <si>
    <t>徳用香信</t>
  </si>
  <si>
    <t>ﾏﾙｲｼ</t>
  </si>
  <si>
    <t>徳用どんこ</t>
  </si>
  <si>
    <t>京ゆば</t>
  </si>
  <si>
    <t>腐竹(棒ゆば)</t>
  </si>
  <si>
    <t>にんにく・わけぎ</t>
  </si>
  <si>
    <t>かね七　スライスにんにく　３５ｇ</t>
  </si>
  <si>
    <t>料理人_ｽﾗｲｽにんにく_70g</t>
  </si>
  <si>
    <t>料理人乾燥ねぎﾐﾆﾊﾟｯｸわけぎ</t>
  </si>
  <si>
    <t>14袋</t>
  </si>
  <si>
    <t>スライスにんにく</t>
  </si>
  <si>
    <t>わけぎ</t>
  </si>
  <si>
    <t>0.2g×14P</t>
  </si>
  <si>
    <t>ねぎ</t>
  </si>
  <si>
    <t>乾燥野菜ねぎ白</t>
  </si>
  <si>
    <t>フジサワＦＤわけぎ</t>
  </si>
  <si>
    <t>0.2g×14</t>
  </si>
  <si>
    <t>にんにくスライス</t>
  </si>
  <si>
    <t>乾燥わけぎ</t>
  </si>
  <si>
    <t>浜乙女乾燥ねぎわけぎ袋5g</t>
  </si>
  <si>
    <t>5G</t>
  </si>
  <si>
    <t>乾燥ねぎ</t>
  </si>
  <si>
    <t>乾燥九条ねぎ</t>
  </si>
  <si>
    <t>フライドガーリック</t>
  </si>
  <si>
    <t>京都産九条ねぎ</t>
  </si>
  <si>
    <t>青森県産にんにくスライス</t>
  </si>
  <si>
    <t>河北省産鷹の爪さやとうがらし</t>
  </si>
  <si>
    <t>雲南省産輪切りとうがらし</t>
  </si>
  <si>
    <t>ガーリックスライス</t>
  </si>
  <si>
    <t>森商店</t>
  </si>
  <si>
    <t>大豆肉</t>
  </si>
  <si>
    <t>大豆ミート</t>
  </si>
  <si>
    <t>B大豆からできちゃいました</t>
  </si>
  <si>
    <t>F大豆からできちゃいました</t>
  </si>
  <si>
    <t>ダイズラボ大豆のお肉ミンチ</t>
  </si>
  <si>
    <t>ダイズラボ大豆のお肉フィレ</t>
  </si>
  <si>
    <t>ダイズラボ大豆のお肉ブロック</t>
  </si>
  <si>
    <t>ダイズラボ大豆肉乾燥ミンチ</t>
  </si>
  <si>
    <t>ダイズラボ大豆肉乾燥フィレ</t>
  </si>
  <si>
    <t>ダイズラボ大豆肉乾燥ブロック</t>
  </si>
  <si>
    <t>大豆のお肉レトルトミンチ</t>
  </si>
  <si>
    <t>大豆のお肉レトルトブロック</t>
  </si>
  <si>
    <t>大豆のお肉レトルトフィレ</t>
  </si>
  <si>
    <t>プルーン</t>
  </si>
  <si>
    <t>ピスタチオ</t>
  </si>
  <si>
    <t>ナッツ類</t>
  </si>
  <si>
    <t>ドライフルーツ類</t>
  </si>
  <si>
    <t>くるみ</t>
  </si>
  <si>
    <t>ドライプルーン</t>
  </si>
  <si>
    <t>レーズン</t>
  </si>
  <si>
    <t>バナナチップ</t>
  </si>
  <si>
    <t>カシューナッツ</t>
  </si>
  <si>
    <t>ベジタチップス</t>
  </si>
  <si>
    <t>ドライフルーツパック</t>
  </si>
  <si>
    <t>ドライフルーツ盛合せ</t>
  </si>
  <si>
    <t>やわらかメロン</t>
  </si>
  <si>
    <t>リンゴ（Ｄフルーツ）</t>
  </si>
  <si>
    <t>55　ｇ</t>
  </si>
  <si>
    <t>ムキクルミ</t>
  </si>
  <si>
    <t>アーモンド</t>
  </si>
  <si>
    <t>サクサクバナナチップ</t>
  </si>
  <si>
    <t>ミックスナッツ</t>
  </si>
  <si>
    <t>やわらかアプリコット</t>
  </si>
  <si>
    <t>キンカン</t>
  </si>
  <si>
    <t>ジャイアントコーン</t>
  </si>
  <si>
    <t>70　ｇ</t>
  </si>
  <si>
    <t>渋皮付ピーナッツ</t>
  </si>
  <si>
    <t>ドライパイン</t>
  </si>
  <si>
    <t>ドライマンゴー</t>
  </si>
  <si>
    <t>ドライブルーベリー</t>
  </si>
  <si>
    <t>ドライアンズ</t>
  </si>
  <si>
    <t>クルミ</t>
  </si>
  <si>
    <t>＜ドライフルーツナッツ類ミックス＞</t>
  </si>
  <si>
    <t>＜クルミ＞</t>
  </si>
  <si>
    <t>＜ピスタチオ＞</t>
  </si>
  <si>
    <t>＜落花生＞</t>
  </si>
  <si>
    <t>＜ナッツ類その他＞</t>
  </si>
  <si>
    <t>＜ドライフルーツフルーツ類ミックス＞</t>
  </si>
  <si>
    <t>＜ドライフルーツトロピカル＞</t>
  </si>
  <si>
    <t>＜ドライフルーツベリー類＞</t>
  </si>
  <si>
    <t>＜ドライフルーツピール類＞</t>
  </si>
  <si>
    <t>＜ドライフルーツフルーツ類＞</t>
  </si>
  <si>
    <t>＜ドライフルーツバナナ＞</t>
  </si>
  <si>
    <t>＜ドライフルーツその他＞</t>
  </si>
  <si>
    <t>＜ドライメロン＞</t>
  </si>
  <si>
    <t>＜ドライリンゴ＞</t>
  </si>
  <si>
    <t>＜ドライレーズン＞</t>
  </si>
  <si>
    <t>＜ドライ杏＞</t>
  </si>
  <si>
    <t>＜ドライいちじく＞</t>
  </si>
  <si>
    <t>＜ドライプルーン＞</t>
  </si>
  <si>
    <t>＜ドライブルーベリー＞</t>
  </si>
  <si>
    <t>＜ドライバナナ＞</t>
  </si>
  <si>
    <t>＜ドライパパイヤ＞</t>
  </si>
  <si>
    <t>＜ドライフルーツ類その他＞</t>
  </si>
  <si>
    <t>＜ドライトマト＞</t>
  </si>
  <si>
    <t>＜ドライゴーヤ＞</t>
  </si>
  <si>
    <t>＜ドライ生姜＞</t>
  </si>
  <si>
    <t>＜ドライベジタブル類その他＞</t>
  </si>
  <si>
    <t>＜ドライ野菜チップ＞</t>
  </si>
  <si>
    <t>＜ドライフルーツミックス＞</t>
  </si>
  <si>
    <t>＜ミックスナッツ＞</t>
  </si>
  <si>
    <t>＜ドライフルーツミックス類その他＞</t>
  </si>
  <si>
    <t>中手豊落花生</t>
  </si>
  <si>
    <t>はねだし落花生</t>
  </si>
  <si>
    <t>千葉半立落花生</t>
  </si>
  <si>
    <t>半立みそ落花生</t>
  </si>
  <si>
    <t>抹茶落花生</t>
  </si>
  <si>
    <t>チーズ落花生</t>
  </si>
  <si>
    <t>あとひき豆</t>
  </si>
  <si>
    <t>素焼きミックスナッツ</t>
  </si>
  <si>
    <t>生くるみ</t>
  </si>
  <si>
    <t>素焼きアーモンド</t>
  </si>
  <si>
    <t>素焼きピスタチオ</t>
  </si>
  <si>
    <t>素焼きカシューナッツ</t>
  </si>
  <si>
    <t>クランベリー</t>
  </si>
  <si>
    <t>ドライパイナップル</t>
  </si>
  <si>
    <t>フルーツミックス</t>
  </si>
  <si>
    <t>マンゴー＆パイン</t>
  </si>
  <si>
    <t>ココナッツチップス</t>
  </si>
  <si>
    <t>＜アーモンド＞</t>
  </si>
  <si>
    <t>＜カシュナッツ＞</t>
  </si>
  <si>
    <t>メガナッツ</t>
  </si>
  <si>
    <t>大粒レーズン</t>
  </si>
  <si>
    <t>殻付き落花生</t>
  </si>
  <si>
    <t>フィリピン産ドライマンゴー</t>
  </si>
  <si>
    <t>ﾊﾞﾅﾅﾁｯﾌﾟ</t>
  </si>
  <si>
    <t>落花生袋</t>
  </si>
  <si>
    <t>落花生徳用</t>
  </si>
  <si>
    <t>落花生詰め放題</t>
  </si>
  <si>
    <t>ブルベリー</t>
  </si>
  <si>
    <t>ドライレモン</t>
  </si>
  <si>
    <t>ドライグレープフルーツ</t>
  </si>
  <si>
    <t>ドライピンキーオレンジ</t>
  </si>
  <si>
    <t>ドライいちご</t>
  </si>
  <si>
    <t>ミックスベリー</t>
  </si>
  <si>
    <t>生落花生</t>
  </si>
  <si>
    <t>無塩アーモンド</t>
  </si>
  <si>
    <t>無塩カシューナッツ</t>
  </si>
  <si>
    <t>無塩ピスタチオ</t>
  </si>
  <si>
    <t>無塩ミックスナッツ</t>
  </si>
  <si>
    <t>５種有塩ミックスナッツ</t>
  </si>
  <si>
    <t>大粒花豆</t>
  </si>
  <si>
    <t>種ぬきプルーン</t>
  </si>
  <si>
    <t>味付きピーナッツ</t>
  </si>
  <si>
    <t>バターピーナッツ</t>
  </si>
  <si>
    <t>マンゴースライス</t>
  </si>
  <si>
    <t>パインスライス</t>
  </si>
  <si>
    <t>ゴールデンレーズン</t>
  </si>
  <si>
    <t>こんがりバナナ</t>
  </si>
  <si>
    <t>野菜チップス</t>
  </si>
  <si>
    <t>殻つき落花生　大</t>
  </si>
  <si>
    <t>450　ｇ</t>
  </si>
  <si>
    <t>煎り豆</t>
  </si>
  <si>
    <t>バタピー</t>
  </si>
  <si>
    <t>ココナッツ</t>
  </si>
  <si>
    <t>紅いもチップス</t>
  </si>
  <si>
    <t>黒落花生</t>
  </si>
  <si>
    <t>干したけのこスライス</t>
  </si>
  <si>
    <t>やまぶし茸</t>
  </si>
  <si>
    <t>アガリスク粉末</t>
  </si>
  <si>
    <t>やまぶし茸粉末</t>
  </si>
  <si>
    <t>乾燥山くらげ</t>
  </si>
  <si>
    <t>千葉県産カラ付落花生</t>
  </si>
  <si>
    <t>鷹の爪</t>
  </si>
  <si>
    <t>中国産殻付落花生</t>
  </si>
  <si>
    <t>Ｑナッツ</t>
  </si>
  <si>
    <t>中手豊種落花生袋</t>
  </si>
  <si>
    <t>国産殻付落花生（クラフト大）</t>
  </si>
  <si>
    <t>中手豊種落花生クラフト袋</t>
  </si>
  <si>
    <t>120g袋入</t>
  </si>
  <si>
    <t>殻付落下生</t>
  </si>
  <si>
    <t>中手豊落花生クラフト</t>
  </si>
  <si>
    <t>煎落花生</t>
  </si>
  <si>
    <t>半立落花生</t>
  </si>
  <si>
    <t>半立落花生　クラフト大</t>
  </si>
  <si>
    <t>半立種落花生クラフト袋</t>
  </si>
  <si>
    <t>千葉県産生落花生</t>
  </si>
  <si>
    <t>千葉県産殻付落花生</t>
  </si>
  <si>
    <t>半立落花生（千葉産）</t>
  </si>
  <si>
    <t>からつき落花生</t>
  </si>
  <si>
    <t>千葉豆乃華</t>
  </si>
  <si>
    <t>殻付落花生</t>
  </si>
  <si>
    <t>千葉県産落花生半立種徳用クラフト袋</t>
  </si>
  <si>
    <t>千葉県産からつき落花生</t>
  </si>
  <si>
    <t>千葉県産殻付落花生スタンドパック</t>
  </si>
  <si>
    <t>ゆで落花生</t>
  </si>
  <si>
    <t>有機　から付き落花生</t>
  </si>
  <si>
    <t>有機落花生</t>
  </si>
  <si>
    <t>400　ｇ</t>
  </si>
  <si>
    <t>黒にんにく</t>
  </si>
  <si>
    <t>ドライパパイヤ</t>
  </si>
  <si>
    <t>国産ドライみかん</t>
  </si>
  <si>
    <t>国産ドライ桃</t>
  </si>
  <si>
    <t>国産ドライ　りんご</t>
  </si>
  <si>
    <t>国産ドライ杏</t>
  </si>
  <si>
    <t>国産ドライかぼちゃ</t>
  </si>
  <si>
    <t>カラーレーズン</t>
  </si>
  <si>
    <t>フード・システム横浜</t>
  </si>
  <si>
    <t>おやつとまと</t>
  </si>
  <si>
    <t>温州みかんのドライオレンジ</t>
  </si>
  <si>
    <t>ノンオイルブルーベリー</t>
  </si>
  <si>
    <t>中落ちマンゴー</t>
  </si>
  <si>
    <t>半生マンゴースライス</t>
  </si>
  <si>
    <t>半生クランベリー</t>
  </si>
  <si>
    <t>半生パイナップル</t>
  </si>
  <si>
    <t>無添加ゴールドパイン</t>
  </si>
  <si>
    <t>無添加デーツ</t>
  </si>
  <si>
    <t>無添加アメリカンチェリー</t>
  </si>
  <si>
    <t>無添加いちじく</t>
  </si>
  <si>
    <t>砂糖不使用ソフトあんず</t>
  </si>
  <si>
    <t>ココナッツ＆フルーツ</t>
  </si>
  <si>
    <t>しょうが糖</t>
  </si>
  <si>
    <t>焼きココナッツ</t>
  </si>
  <si>
    <t>塩ばなな</t>
  </si>
  <si>
    <t>ココナッツ＆フルーツグラノーラ</t>
  </si>
  <si>
    <t>半生アップルシナモン</t>
  </si>
  <si>
    <t>ドライココナッツ</t>
  </si>
  <si>
    <t>ココナッツチップ</t>
  </si>
  <si>
    <t>キャラメルココナッツチップ</t>
  </si>
  <si>
    <t>生アーモンド</t>
  </si>
  <si>
    <t>イランデーツ（ファレコン）</t>
  </si>
  <si>
    <t>インカベリー</t>
  </si>
  <si>
    <t>チアシード（小）</t>
  </si>
  <si>
    <t>チアシード（中）</t>
  </si>
  <si>
    <t>キヌア（小）</t>
  </si>
  <si>
    <t>ローストあまに（小）</t>
  </si>
  <si>
    <t>ローストあまに（中）</t>
  </si>
  <si>
    <t>国産　ドライみかん</t>
  </si>
  <si>
    <t>輪切り国産レモン</t>
  </si>
  <si>
    <t>国産ドライいちご</t>
  </si>
  <si>
    <t>国産　ドライキウイ　ソフト</t>
  </si>
  <si>
    <t>輪切りバレンシアオレンジ</t>
  </si>
  <si>
    <t>ドライりんご</t>
  </si>
  <si>
    <t>スーパーシードミックス</t>
  </si>
  <si>
    <t>ドライピーチ</t>
  </si>
  <si>
    <t>ドライペアー</t>
  </si>
  <si>
    <t>ヘンプシード</t>
  </si>
  <si>
    <t>ヘンプシード（中）</t>
  </si>
  <si>
    <t>バジルシード（小）</t>
  </si>
  <si>
    <t>バジルシード（中）</t>
  </si>
  <si>
    <t>ヘンプナッツ（小）</t>
  </si>
  <si>
    <t>ホワイトチアシード</t>
  </si>
  <si>
    <t>キウイスライス</t>
  </si>
  <si>
    <t>無糖アップルマンゴー</t>
  </si>
  <si>
    <t>５種の大粒ミックスフルーツ</t>
  </si>
  <si>
    <t>カラフルレーズン</t>
  </si>
  <si>
    <t>温州ミカンのドライオレンジ</t>
  </si>
  <si>
    <t>中落マンゴー</t>
  </si>
  <si>
    <t>砂糖不使用ゴールデンパイン</t>
  </si>
  <si>
    <t>半生焼きアップルシナモン</t>
  </si>
  <si>
    <t>砂糖不使用アップルマンゴー</t>
  </si>
  <si>
    <t>５種のミックスフルーツ</t>
  </si>
  <si>
    <t>さや煎落花生</t>
  </si>
  <si>
    <t>ナチュラルクルミ　ハーフ</t>
  </si>
  <si>
    <t>スーパートンプソンレーズン</t>
  </si>
  <si>
    <t>無添加ドライマンゴー</t>
  </si>
  <si>
    <t>プレミアムミックスレーズン</t>
  </si>
  <si>
    <t>ドライトマトホール</t>
  </si>
  <si>
    <t>ソルトバナナチップ</t>
  </si>
  <si>
    <t>ウェイビーソルトバナナ</t>
  </si>
  <si>
    <t>バナナケチャップ</t>
  </si>
  <si>
    <t>ゴーヤチップス</t>
  </si>
  <si>
    <t>オーガニックアプリコット</t>
  </si>
  <si>
    <t>オーガニックヘーゼルナッツ</t>
  </si>
  <si>
    <t>オーガニックトレイルミックス</t>
  </si>
  <si>
    <t>オーガニックブルックマンゴー</t>
  </si>
  <si>
    <t>オーガニックプルーン</t>
  </si>
  <si>
    <t>オーガニックココナッツファイン</t>
  </si>
  <si>
    <t>バナナスティク</t>
  </si>
  <si>
    <t>野菜スティックバナナ入り</t>
  </si>
  <si>
    <t>キャンディングトレイルミックス</t>
  </si>
  <si>
    <t>ブラぺアーモンド</t>
  </si>
  <si>
    <t>オレンジピース</t>
  </si>
  <si>
    <t>１００％ナチュラルアーモンド</t>
  </si>
  <si>
    <t>１００％ナチュラルモイヤープルーン</t>
  </si>
  <si>
    <t>１００％ナチュラルクルミ</t>
  </si>
  <si>
    <t>１００％ナチュラルミックスナッツ</t>
  </si>
  <si>
    <t>１００％ナチュラルピスタチオ</t>
  </si>
  <si>
    <t>フルーツメドレー</t>
  </si>
  <si>
    <t>ローストココナッツチップス</t>
  </si>
  <si>
    <t>国産ドライアップル</t>
  </si>
  <si>
    <t>100%ナチュラルマンゴー</t>
  </si>
  <si>
    <t>100%ナチュラルフィグ</t>
  </si>
  <si>
    <t>100%ナチュラルセレクトイチジク</t>
  </si>
  <si>
    <t>100%ナチュラルアーモンド</t>
  </si>
  <si>
    <t>100%ナチュラルミックスナッツ</t>
  </si>
  <si>
    <t>100%ナチュラルドライフルーツミックス</t>
  </si>
  <si>
    <t>100%ナチュラルデーツ</t>
  </si>
  <si>
    <t>100%ナチュラルサンマスカット</t>
  </si>
  <si>
    <t>100%ナチュラルミックスレーズン</t>
  </si>
  <si>
    <t>アウトレットカシューナッツわさび味</t>
  </si>
  <si>
    <t>180　袋</t>
  </si>
  <si>
    <t>落花生（升）</t>
  </si>
  <si>
    <t>中国産落花生</t>
  </si>
  <si>
    <t>中国産落花生小袋</t>
  </si>
  <si>
    <t>バナナチップ（黒糖）</t>
  </si>
  <si>
    <t>バナナチップ（塩味）</t>
  </si>
  <si>
    <t>市田柿大粒</t>
  </si>
  <si>
    <t>フレックス</t>
  </si>
  <si>
    <t>寒天・こうや豆腐入りみそ汁の具</t>
  </si>
  <si>
    <t>天かすこってりみそ汁の具</t>
  </si>
  <si>
    <t>あがりすく茸</t>
  </si>
  <si>
    <t>ナッツ＆フルーツトレイルミックス</t>
  </si>
  <si>
    <t>野菜タップリみそ汁の具</t>
  </si>
  <si>
    <t>黒糖バナナチップ</t>
  </si>
  <si>
    <t>70　ｃｃ</t>
  </si>
  <si>
    <t>殻付落花生（中国３００ｇ）</t>
  </si>
  <si>
    <t>千葉県産ピーナッツ</t>
  </si>
  <si>
    <t>殻付落花生（中国２００ｇ）</t>
  </si>
  <si>
    <t>黒ゴマカシューナッツ</t>
  </si>
  <si>
    <t>黒糖くるみ</t>
  </si>
  <si>
    <t>きなこくるみ</t>
  </si>
  <si>
    <t>素煎りピーナッツ</t>
  </si>
  <si>
    <t>素材プラス甘熟王バナナチップチョコ</t>
  </si>
  <si>
    <t>三菱食品</t>
  </si>
  <si>
    <t>ﾐﾂﾋﾞｼｼｮｸﾋﾝ</t>
  </si>
  <si>
    <t>プルーン種付</t>
  </si>
  <si>
    <t>オーガニックレーズン</t>
  </si>
  <si>
    <t>バナナチップス</t>
  </si>
  <si>
    <t>松の実</t>
  </si>
  <si>
    <t>あんず</t>
  </si>
  <si>
    <t>太陽と大地の実</t>
  </si>
  <si>
    <t>ミ二パックアーモンド</t>
  </si>
  <si>
    <t>ミニパックカシューナッツ</t>
  </si>
  <si>
    <t>ミニパックピスタチオ</t>
  </si>
  <si>
    <t>ミニパックミックスナッツ</t>
  </si>
  <si>
    <t>ミニパックピーナッツ</t>
  </si>
  <si>
    <t>120　ｇ</t>
  </si>
  <si>
    <t>ミニパック太陽と大地の実</t>
  </si>
  <si>
    <t>ミニパックレーズン</t>
  </si>
  <si>
    <t>クルスタルキンカン</t>
  </si>
  <si>
    <t>ブルーベリーワイルド</t>
  </si>
  <si>
    <t>ドライクランベリー</t>
  </si>
  <si>
    <t>白いちじく</t>
  </si>
  <si>
    <t>旬のプルーン</t>
  </si>
  <si>
    <t>280　袋</t>
  </si>
  <si>
    <t>プルーンカリフォルニア</t>
  </si>
  <si>
    <t>かぼちゃの種</t>
  </si>
  <si>
    <t>カボチャの種</t>
  </si>
  <si>
    <t>エクセレントミックスナッツ</t>
  </si>
  <si>
    <t>味付落花生</t>
  </si>
  <si>
    <t>種つきプルーン</t>
  </si>
  <si>
    <t>マカダミアナッツ</t>
  </si>
  <si>
    <t>プルーン個包装</t>
  </si>
  <si>
    <t>ソフトマンゴー</t>
  </si>
  <si>
    <t>いちじく個包装</t>
  </si>
  <si>
    <t>ワイルドブルーベリー</t>
  </si>
  <si>
    <t>おうちで簡単デリサラダ５０ｇ</t>
  </si>
  <si>
    <t>50　ｇ</t>
  </si>
  <si>
    <t>カルフォルニアプルーン</t>
  </si>
  <si>
    <t>プルーン種抜</t>
  </si>
  <si>
    <t>ミニパックバナナチップ</t>
  </si>
  <si>
    <t>さくっとかる‐いバナナチップ</t>
  </si>
  <si>
    <t>無添加ミックスナッツ</t>
  </si>
  <si>
    <t>無添加アーモンド</t>
  </si>
  <si>
    <t>ワイルドベリー</t>
  </si>
  <si>
    <t>ミニパッククルミ</t>
  </si>
  <si>
    <t>ミニパックフルーツミックス</t>
  </si>
  <si>
    <t>金の干しぶどう</t>
  </si>
  <si>
    <t>プルーン種抜き４００ｇ</t>
  </si>
  <si>
    <t>プルーンシロップ漬け２６０ｇ</t>
  </si>
  <si>
    <t>260　ｇ</t>
  </si>
  <si>
    <t>ブルーベリーシロップ漬け２６０ｇ</t>
  </si>
  <si>
    <t>あんずシロップ漬け２６０ｇ</t>
  </si>
  <si>
    <t>無添加ローストクルミ</t>
  </si>
  <si>
    <t>ミニパック太陽と大地の実３５ｇ</t>
  </si>
  <si>
    <t>無添加カシューナッツ</t>
  </si>
  <si>
    <t>食塩不使用ローストクルミ</t>
  </si>
  <si>
    <t>有機栽培プルーン</t>
  </si>
  <si>
    <t>無添加エクセレントミックスナッツ</t>
  </si>
  <si>
    <t>６種のフルーツミックス</t>
  </si>
  <si>
    <t>155　切</t>
  </si>
  <si>
    <t>しっとり白いちじく</t>
  </si>
  <si>
    <t>フルーツ＆ナッツミックス</t>
  </si>
  <si>
    <t>果実まるごとゴールデンベリー</t>
  </si>
  <si>
    <t>ＳＲ食塩不使用アーモンド</t>
  </si>
  <si>
    <t>ＳＲ食塩不使用ミックスナッツ</t>
  </si>
  <si>
    <t>プルーン種抜き</t>
  </si>
  <si>
    <t>鉄＋プルーン　種抜き</t>
  </si>
  <si>
    <t>素材を生かしたトレイルミックス</t>
  </si>
  <si>
    <t>ＳＲフルーツミックス</t>
  </si>
  <si>
    <t>とれたて大粒プルーン２００ｇ</t>
  </si>
  <si>
    <t>食塩不使用ミックスナッツ低糖質</t>
  </si>
  <si>
    <t>ロカボミックス</t>
  </si>
  <si>
    <t>ｼｮｳｴｲｼｮｸﾋﾝ</t>
  </si>
  <si>
    <t>4種のロカボミックスナッツ</t>
  </si>
  <si>
    <t>やわらか落花生</t>
  </si>
  <si>
    <t>塩ゆで落花生</t>
  </si>
  <si>
    <t>大忠芽ひじき袋15g</t>
  </si>
  <si>
    <t>カリフォルニア・レーズン</t>
  </si>
  <si>
    <t>カリフォルニアレーズン</t>
  </si>
  <si>
    <t>カネタプルーン定番</t>
  </si>
  <si>
    <t>徳用ミックスナッツ</t>
  </si>
  <si>
    <t>230　ｇ</t>
  </si>
  <si>
    <t>アーモンド特用</t>
  </si>
  <si>
    <t>クルミ特用</t>
  </si>
  <si>
    <t>豆ってうまい10種ミックス</t>
  </si>
  <si>
    <t>カシューナッツ特用</t>
  </si>
  <si>
    <t>カネタゆでっピーうす塩味</t>
  </si>
  <si>
    <t>ドライオレンジスライス</t>
  </si>
  <si>
    <t>みそ汁の具まごころの味</t>
  </si>
  <si>
    <t>みそ汁の具ミニ</t>
  </si>
  <si>
    <t>舞茸小松菜白和えＦＤ</t>
  </si>
  <si>
    <t>卯の花ＦＤ</t>
  </si>
  <si>
    <t>みつばカレンダー</t>
  </si>
  <si>
    <t>桜でんぶ</t>
  </si>
  <si>
    <t>味噌汁の具カレンダー</t>
  </si>
  <si>
    <t>ドライフルーツ（パイン）</t>
  </si>
  <si>
    <t>ドライフルーツ（マンゴー）</t>
  </si>
  <si>
    <t>ドライフルーツ（しょうが糖）</t>
  </si>
  <si>
    <t>ドライフルーツ（クランベリー）</t>
  </si>
  <si>
    <t>ドライフルーツ（キウイ）</t>
  </si>
  <si>
    <t>ドライフルーツ（パパイヤ）</t>
  </si>
  <si>
    <t>ドライフルーツ（トマト）</t>
  </si>
  <si>
    <t>ドライフルーツ（Ｊレーズン）</t>
  </si>
  <si>
    <t>ドライフルーツ（オレンジ）</t>
  </si>
  <si>
    <t>バラエティーミックス</t>
  </si>
  <si>
    <t>フリーズドライ葱</t>
  </si>
  <si>
    <t>根菜チップス</t>
  </si>
  <si>
    <t>果物野菜チップス</t>
  </si>
  <si>
    <t>バナナチップスフジサワ</t>
  </si>
  <si>
    <t>いんげんチップス</t>
  </si>
  <si>
    <t>じゃがいもチップス</t>
  </si>
  <si>
    <t>カボチャチップス</t>
  </si>
  <si>
    <t>玉ねぎチップス</t>
  </si>
  <si>
    <t>れんこんチップス</t>
  </si>
  <si>
    <t>さつまいもチップス</t>
  </si>
  <si>
    <t>大根チップス</t>
  </si>
  <si>
    <t>りんごチップス</t>
  </si>
  <si>
    <t>桃チップス</t>
  </si>
  <si>
    <t>おくらチップス</t>
  </si>
  <si>
    <t>ごぼうチップス</t>
  </si>
  <si>
    <t>カップにんにく</t>
  </si>
  <si>
    <t>根菜ミックス</t>
  </si>
  <si>
    <t>にんにくチップス</t>
  </si>
  <si>
    <t>ＤＦフルーツミックス</t>
  </si>
  <si>
    <t>ＤＦキンカン</t>
  </si>
  <si>
    <t>バナナ＆ココナッツチップス</t>
  </si>
  <si>
    <t>サラトピ　クルミ</t>
  </si>
  <si>
    <t>32　ｇ</t>
  </si>
  <si>
    <t>サラトピ　ちりめん</t>
  </si>
  <si>
    <t>16　ｇ</t>
  </si>
  <si>
    <t>サラトピ　アーモンド</t>
  </si>
  <si>
    <t>28　ｇ</t>
  </si>
  <si>
    <t>サラトピ　ココナッツ</t>
  </si>
  <si>
    <t>マンゴー</t>
  </si>
  <si>
    <t>トマト</t>
  </si>
  <si>
    <t>パイナップル</t>
  </si>
  <si>
    <t>アプリコット</t>
  </si>
  <si>
    <t>オレンジ</t>
  </si>
  <si>
    <t>キウイ</t>
  </si>
  <si>
    <t>いちじく</t>
  </si>
  <si>
    <t>ドライイチジク</t>
  </si>
  <si>
    <t>ワールドナッツ（くるみ）</t>
  </si>
  <si>
    <t>うす切りバナナチップス</t>
  </si>
  <si>
    <t>うす切りバナナチップ塩味</t>
  </si>
  <si>
    <t>ピーナッツあえの素</t>
  </si>
  <si>
    <t>むきくるみ</t>
  </si>
  <si>
    <t>ジャンボクランベリー</t>
  </si>
  <si>
    <t>ジャンボトルコ杏</t>
  </si>
  <si>
    <t>ジャンボ生姜糖</t>
  </si>
  <si>
    <t>ドライマンゴー平袋</t>
  </si>
  <si>
    <t>カシス</t>
  </si>
  <si>
    <t>ＭＦドライアップル</t>
  </si>
  <si>
    <t>ＭＦドライアンズ</t>
  </si>
  <si>
    <t>ＭＦドライマンゴー</t>
  </si>
  <si>
    <t>生くるみ　ガゼット袋</t>
  </si>
  <si>
    <t>Ｇドライマンゴー</t>
  </si>
  <si>
    <t>Ｇドライアンズ</t>
  </si>
  <si>
    <t>Ｇドライパパイヤ</t>
  </si>
  <si>
    <t>185　ｇ</t>
  </si>
  <si>
    <t>Ｇドライアップル</t>
  </si>
  <si>
    <t>170　ｇ</t>
  </si>
  <si>
    <t>Ｇドライパイン</t>
  </si>
  <si>
    <t>140　ｇ</t>
  </si>
  <si>
    <t>Ｇドライキウイ</t>
  </si>
  <si>
    <t>Ｇ生姜糖</t>
  </si>
  <si>
    <t>Ｇドライトマト</t>
  </si>
  <si>
    <t>ＭＦドライパイン</t>
  </si>
  <si>
    <t>大袋マンゴー</t>
  </si>
  <si>
    <t>225　ｇ</t>
  </si>
  <si>
    <t>大袋ドライアップル</t>
  </si>
  <si>
    <t>ドライアップル平袋</t>
  </si>
  <si>
    <t>パパイヤ</t>
  </si>
  <si>
    <t>黒レーズン</t>
  </si>
  <si>
    <t>パンプキンシード</t>
  </si>
  <si>
    <t>くこの実</t>
  </si>
  <si>
    <t>グリーンレーズン</t>
  </si>
  <si>
    <t>ジューシーパイン</t>
  </si>
  <si>
    <t>白桃</t>
  </si>
  <si>
    <t>大袋パパイヤスティック</t>
  </si>
  <si>
    <t>大袋ジューシーパイン</t>
  </si>
  <si>
    <t>大袋ドライとまと</t>
  </si>
  <si>
    <t>トルコいちじく</t>
  </si>
  <si>
    <t>南仏　アジャンのプルーン</t>
  </si>
  <si>
    <t>バナナチップ　３種</t>
  </si>
  <si>
    <t>115　ｇ</t>
  </si>
  <si>
    <t>うどんそば用やくみ瓶</t>
  </si>
  <si>
    <t>おやつな果実　フリーズドライ　もも２０ｇ</t>
  </si>
  <si>
    <t>おやつな果実　フリーズドライ　りんご２０ｇ</t>
  </si>
  <si>
    <t>おやつな果実　フリーズドライ　いちご２０ｇ</t>
  </si>
  <si>
    <t>おやつな果実　フリーズドライ　バナナ２０ｇ</t>
  </si>
  <si>
    <t>わさび豆ミックス</t>
  </si>
  <si>
    <t>カレー豆ミックス</t>
  </si>
  <si>
    <t>チョウショクプルーン</t>
  </si>
  <si>
    <t>朝食プルーン</t>
  </si>
  <si>
    <t>朝食種抜きプルーン</t>
  </si>
  <si>
    <t>フルーツ黒ニンニク</t>
  </si>
  <si>
    <t>栃木屋</t>
  </si>
  <si>
    <t>ドースイくるみ</t>
  </si>
  <si>
    <t>65　ｇ</t>
  </si>
  <si>
    <t>理由ありピーナッツ</t>
  </si>
  <si>
    <t>600　ｇ</t>
  </si>
  <si>
    <t>ドースイ花豆</t>
  </si>
  <si>
    <t>205　ｇ</t>
  </si>
  <si>
    <t>べに塩バナナチップ</t>
  </si>
  <si>
    <t>黒豆スナック</t>
  </si>
  <si>
    <t>特用レーズン</t>
  </si>
  <si>
    <t>おつまみピスタチオ</t>
  </si>
  <si>
    <t>おつまみくるみ</t>
  </si>
  <si>
    <t>くるみ　スポット</t>
  </si>
  <si>
    <t>殻付アーモンド</t>
  </si>
  <si>
    <t>ドライアプルコット</t>
  </si>
  <si>
    <t>モハレーズン</t>
  </si>
  <si>
    <t>モヤイプルーン</t>
  </si>
  <si>
    <t>ジンジャー</t>
  </si>
  <si>
    <t>バナナ</t>
  </si>
  <si>
    <t>ミツリンゴ</t>
  </si>
  <si>
    <t>マンゴ</t>
  </si>
  <si>
    <t>ヨーグルトレーズン</t>
  </si>
  <si>
    <t>ヨークルトレーズン</t>
  </si>
  <si>
    <t>シロイイチジク</t>
  </si>
  <si>
    <t>ピロイチジク</t>
  </si>
  <si>
    <t>サルタナレーズン</t>
  </si>
  <si>
    <t>240　ｇ</t>
  </si>
  <si>
    <t>ドライフルーツモリアワセ</t>
  </si>
  <si>
    <t>カラツキクルミ</t>
  </si>
  <si>
    <t>ナッツ（木の実）</t>
  </si>
  <si>
    <t>ヒマワリノタネ</t>
  </si>
  <si>
    <t>フライビーンズ</t>
  </si>
  <si>
    <t>ピーナッツ</t>
  </si>
  <si>
    <t>ラッカセイ</t>
  </si>
  <si>
    <t>チアシード</t>
  </si>
  <si>
    <t>柿ドライフルーツ</t>
  </si>
  <si>
    <t>ドライフルーツルイ</t>
  </si>
  <si>
    <t>国産落花生</t>
  </si>
  <si>
    <t>丸果大分大同青果</t>
  </si>
  <si>
    <t>おさつチップ</t>
  </si>
  <si>
    <t>ラズベリー</t>
  </si>
  <si>
    <t>ファイバーソフトマンゴー</t>
  </si>
  <si>
    <t>大粒杏</t>
  </si>
  <si>
    <t>無添加大粒イチジク</t>
  </si>
  <si>
    <t>大粒クランベリーホール</t>
  </si>
  <si>
    <t>乾燥カンタロープメロン</t>
  </si>
  <si>
    <t>ドライカシス</t>
  </si>
  <si>
    <t>キウイフルーツ</t>
  </si>
  <si>
    <t>国産しょうがスライス</t>
  </si>
  <si>
    <t>ソフトイチジク</t>
  </si>
  <si>
    <t>国産レモンピール</t>
  </si>
  <si>
    <t>大粒ブルーベリー</t>
  </si>
  <si>
    <t>Ｄｏｌｅドライマンゴー</t>
  </si>
  <si>
    <t>60　袋</t>
  </si>
  <si>
    <t>Ｄｏｌｅバナナチップ</t>
  </si>
  <si>
    <t>バナナチップ（チョコ味）</t>
  </si>
  <si>
    <t>鬼に豆棒落花生</t>
  </si>
  <si>
    <t>蜜りんご</t>
  </si>
  <si>
    <t>種ぬきプラム（中国）</t>
  </si>
  <si>
    <t>枝付干しブドウ</t>
  </si>
  <si>
    <t>ドライプルーン（チリ産）</t>
  </si>
  <si>
    <t>くだもの屋さんのマンゴー</t>
  </si>
  <si>
    <t>くだもの屋さんのプルーン</t>
  </si>
  <si>
    <t>くだもの屋さんのブルーベリー</t>
  </si>
  <si>
    <t>ブルーベリーシロップ漬</t>
  </si>
  <si>
    <t>グリーンマンゴー</t>
  </si>
  <si>
    <t>くだもの屋さんのレーズン</t>
  </si>
  <si>
    <t>国産ドライりんご</t>
  </si>
  <si>
    <t>くだもの屋さんの生アーモンド</t>
  </si>
  <si>
    <t>くだもの屋さんの素焼きアーモンド</t>
  </si>
  <si>
    <t>くだもの屋さんのくるみ</t>
  </si>
  <si>
    <t>くだもの屋さんのミックスナッツ</t>
  </si>
  <si>
    <t>くだもの屋さんのカシューナッツ</t>
  </si>
  <si>
    <t>くだもの屋さんの大粒プルーン</t>
  </si>
  <si>
    <t>くだもの屋さんのパイナップル</t>
  </si>
  <si>
    <t>くだもの屋さんのクランベリー</t>
  </si>
  <si>
    <t>北海道産南瓜の種</t>
  </si>
  <si>
    <t>生クルミ</t>
  </si>
  <si>
    <t>国産ドライラフランス</t>
  </si>
  <si>
    <t>うす切バナナチップス</t>
  </si>
  <si>
    <t>くだもの屋さんパイン</t>
  </si>
  <si>
    <t>つぶつぶブルーベリー</t>
  </si>
  <si>
    <t>くだもの屋さんのしっとりやわらかいちじく</t>
  </si>
  <si>
    <t>くだもの屋さんのしっとりやわらかりんご</t>
  </si>
  <si>
    <t>さわやかドライマスカット（レーズン）</t>
  </si>
  <si>
    <t>くだもの屋さんのアーモンド</t>
  </si>
  <si>
    <t>くだもの屋さんの素焼きミックスナッツ</t>
  </si>
  <si>
    <t>くだもの屋さんの種ぬきプルーン</t>
  </si>
  <si>
    <t>まるごとドライマンゴー</t>
  </si>
  <si>
    <t>1　設定なし</t>
  </si>
  <si>
    <t>甘熟王バナナチップ</t>
  </si>
  <si>
    <t>竹皮</t>
  </si>
  <si>
    <t>宮崎県産　落花生（新物）</t>
  </si>
  <si>
    <t>デリシャスミックス</t>
  </si>
  <si>
    <t>大粒そら豆</t>
  </si>
  <si>
    <t>バナナチップ　チョコ</t>
  </si>
  <si>
    <t>サラダチップス</t>
  </si>
  <si>
    <t>キャベツみそ汁の具</t>
  </si>
  <si>
    <t>白菜みそ汁の具</t>
  </si>
  <si>
    <t>乾燥野菜九州産人参</t>
  </si>
  <si>
    <t>畑のお肉</t>
  </si>
  <si>
    <t>カントリーフーズ</t>
  </si>
  <si>
    <t>中国　落花生</t>
  </si>
  <si>
    <t>干パイナップル</t>
  </si>
  <si>
    <t>干バナナ</t>
  </si>
  <si>
    <t>干しもも</t>
  </si>
  <si>
    <t>ひまわりの実</t>
  </si>
  <si>
    <t>サンザシ</t>
  </si>
  <si>
    <t>ホシイチジク</t>
  </si>
  <si>
    <t>パンプキン</t>
  </si>
  <si>
    <t>干パパイヤ</t>
  </si>
  <si>
    <t>ドライマンゴ</t>
  </si>
  <si>
    <t>ﾐｯｸｽナッツ</t>
  </si>
  <si>
    <t>なつめ</t>
  </si>
  <si>
    <t>蜜りんご小袋</t>
  </si>
  <si>
    <t>レーズン小袋</t>
  </si>
  <si>
    <t>ミックスレーズン</t>
  </si>
  <si>
    <t>バナナチップ小袋</t>
  </si>
  <si>
    <t>サクサクバナナチップ小袋</t>
  </si>
  <si>
    <t>塩バナナチップス（スタンドパック）</t>
  </si>
  <si>
    <t>３種のバナナチップス</t>
  </si>
  <si>
    <t>３種のバナナチップ</t>
  </si>
  <si>
    <t>プルーン（農産加工）</t>
  </si>
  <si>
    <t>フルーツ屋のプルーン</t>
  </si>
  <si>
    <t>プルーン（巾着）</t>
  </si>
  <si>
    <t>ストロベリー</t>
  </si>
  <si>
    <t>ドライアップル</t>
  </si>
  <si>
    <t>くだもの屋のマンゴー</t>
  </si>
  <si>
    <t>プレミアムマンゴー</t>
  </si>
  <si>
    <t>サルタナレーズン小袋</t>
  </si>
  <si>
    <t>キンカン小袋</t>
  </si>
  <si>
    <t>ドライトマト</t>
  </si>
  <si>
    <t>フライビーンズ小袋</t>
  </si>
  <si>
    <t>むきくるみ小袋</t>
  </si>
  <si>
    <t>25　ｇ</t>
  </si>
  <si>
    <t>むきクルミ徳用</t>
  </si>
  <si>
    <t>ユウキラッカセイ</t>
  </si>
  <si>
    <t>アーモンド小袋</t>
  </si>
  <si>
    <t>素焼きアーモンド徳用</t>
  </si>
  <si>
    <t>カシューナッツ小袋</t>
  </si>
  <si>
    <t>ジャイアントコーン小袋</t>
  </si>
  <si>
    <t>バターピーナッツ小袋</t>
  </si>
  <si>
    <t>無塩ミックスナッツ徳用</t>
  </si>
  <si>
    <t>ミックスフルーツ</t>
  </si>
  <si>
    <t>ピスタチオ小袋</t>
  </si>
  <si>
    <t>クコの実</t>
  </si>
  <si>
    <t>渋皮付ピーナッツ小袋</t>
  </si>
  <si>
    <t>バラエティミックス</t>
  </si>
  <si>
    <t>台湾ピーナッツ</t>
  </si>
  <si>
    <t>ドライミカン</t>
  </si>
  <si>
    <t>国産落花生９５ｇ</t>
  </si>
  <si>
    <t>10　袋</t>
  </si>
  <si>
    <t>煎り</t>
  </si>
  <si>
    <t>落花生バタピー</t>
  </si>
  <si>
    <t>千葉産から付き落花生</t>
  </si>
  <si>
    <t>160　袋</t>
  </si>
  <si>
    <t>ベジタチップス＿ミックス</t>
  </si>
  <si>
    <t>ベジタチップス＿パンプキン</t>
  </si>
  <si>
    <t>ベジタチップス＿スイートポテト</t>
  </si>
  <si>
    <t>ベジタチップス＿インゲン</t>
  </si>
  <si>
    <t>ベジタチップス＿キャロット</t>
  </si>
  <si>
    <t>沖縄塩バナナチップ</t>
  </si>
  <si>
    <t>黒糖トーストバナナ</t>
  </si>
  <si>
    <t>魚の屋海鮮みそ汁の具</t>
  </si>
  <si>
    <t>だいこんとにんじん</t>
  </si>
  <si>
    <t>きゃべつとにんじん</t>
  </si>
  <si>
    <t>ｱｻﾋﾌﾞﾂｻﾝ</t>
  </si>
  <si>
    <t>杏グラッセ</t>
  </si>
  <si>
    <t>いちじくグラッセ</t>
  </si>
  <si>
    <t>メロングラッセ</t>
  </si>
  <si>
    <t>ももグラッセ</t>
  </si>
  <si>
    <t>りんごグラッセ</t>
  </si>
  <si>
    <t>さや煎り落花生</t>
  </si>
  <si>
    <t>スウィートミックスナッツ</t>
  </si>
  <si>
    <t>パイン</t>
  </si>
  <si>
    <t>ノンオイルレーズン</t>
  </si>
  <si>
    <t>生姜糖</t>
  </si>
  <si>
    <t>キヌアパフ</t>
  </si>
  <si>
    <t>かぼちゃのスムージー</t>
  </si>
  <si>
    <t>本かりんの蜂蜜漬け</t>
  </si>
  <si>
    <t>丸あんず</t>
  </si>
  <si>
    <t>アンズ</t>
  </si>
  <si>
    <t>本かりんの雫</t>
  </si>
  <si>
    <t>きんかんの雫</t>
  </si>
  <si>
    <t>ドライ梨</t>
  </si>
  <si>
    <t>梅オリゴの雫</t>
  </si>
  <si>
    <t>きんかんの実</t>
  </si>
  <si>
    <t>掘りたてごぼう</t>
  </si>
  <si>
    <t>京都産きざみ人参</t>
  </si>
  <si>
    <t>国産五菜ひじき</t>
  </si>
  <si>
    <t>わりな</t>
  </si>
  <si>
    <t>ｶｸｻ_桜でんぶ_40g</t>
  </si>
  <si>
    <t>アリコトレイルミックス</t>
  </si>
  <si>
    <t>カシューナッツアリコ</t>
  </si>
  <si>
    <t>アーモンドアリコ</t>
  </si>
  <si>
    <t>ピスタチオアリコ</t>
  </si>
  <si>
    <t>くるみアリコ</t>
  </si>
  <si>
    <t>三幸種抜きプルーン</t>
  </si>
  <si>
    <t>レーズン２００</t>
  </si>
  <si>
    <t>ドライフルーツミックス</t>
  </si>
  <si>
    <t>レーズンミックス</t>
  </si>
  <si>
    <t>ゴマクルミ</t>
  </si>
  <si>
    <t>果物アラカルト</t>
  </si>
  <si>
    <t>徳永製菓</t>
  </si>
  <si>
    <t>ﾄｸﾅｶﾞｾｲｶ</t>
  </si>
  <si>
    <t>千葉県産味付ピーナッツ</t>
  </si>
  <si>
    <t>生の落花生</t>
  </si>
  <si>
    <t>夕張メロンひとくち果実</t>
  </si>
  <si>
    <t>千葉産　半立からつき落花生</t>
  </si>
  <si>
    <t>千葉半立からつき落花生クラフト袋</t>
  </si>
  <si>
    <t>千葉八街産からつき落花生</t>
  </si>
  <si>
    <t>千葉県八街産からつき落花生</t>
  </si>
  <si>
    <t>Qナッツ</t>
  </si>
  <si>
    <t>ドライフルーツＤＸ</t>
  </si>
  <si>
    <t>ミックスフォー</t>
  </si>
  <si>
    <t>プルーン袋種抜き</t>
  </si>
  <si>
    <t>カラフルバスケット　フルーツ＆トマト</t>
  </si>
  <si>
    <t>カラフルバスケット　トレイルミックス</t>
  </si>
  <si>
    <t>ビッグパック　素焼きアーモンド</t>
  </si>
  <si>
    <t>ビッグパック　素焼きカシューナッツ</t>
  </si>
  <si>
    <t>ビッグパック　ミックスナッツ</t>
  </si>
  <si>
    <t>食塩無添加ミックスナッツ</t>
  </si>
  <si>
    <t>カラフルバスケット　ミックスナッツ</t>
  </si>
  <si>
    <t>カラフル・バスケット　むきクルミ</t>
  </si>
  <si>
    <t>アンクルギフトレーズン</t>
  </si>
  <si>
    <t>トレイルミックス</t>
  </si>
  <si>
    <t>桜の葉　１０枚</t>
  </si>
  <si>
    <t>ぬれ花豆</t>
  </si>
  <si>
    <t>マスイ製菓</t>
  </si>
  <si>
    <t>ﾏｽｲｾｲｶ</t>
  </si>
  <si>
    <t>ぬれあんず</t>
  </si>
  <si>
    <t>チェリートマト</t>
  </si>
  <si>
    <t>ぬれ白花</t>
  </si>
  <si>
    <t>蜜芋グラッセ</t>
  </si>
  <si>
    <t>みやさか　ココナッツシュガーバナナチップ</t>
  </si>
  <si>
    <t>みやさかグリーンピース</t>
  </si>
  <si>
    <t>みやさかハニーローストピーナッツ</t>
  </si>
  <si>
    <t>スーパーミックス</t>
  </si>
  <si>
    <t>380　ｇ</t>
  </si>
  <si>
    <t>バナナチップカップ</t>
  </si>
  <si>
    <t>ノンオイルレーズ</t>
  </si>
  <si>
    <t>ジャンボレーズン</t>
  </si>
  <si>
    <t>レッドレーズン</t>
  </si>
  <si>
    <t>メープルミックス</t>
  </si>
  <si>
    <t>みやさか食品スモークミックス</t>
  </si>
  <si>
    <t>みやさか食品ココナッツチップ</t>
  </si>
  <si>
    <t>みやさか花豆</t>
  </si>
  <si>
    <t>みやさか食品レーズン</t>
  </si>
  <si>
    <t>みやさかレーズン</t>
  </si>
  <si>
    <t>レーズン４５０ｇ</t>
  </si>
  <si>
    <t>１０種のドライフルーツアソート</t>
  </si>
  <si>
    <t>ドライマンゴー特用</t>
  </si>
  <si>
    <t>スーパーミックスナッツ</t>
  </si>
  <si>
    <t>お供えドライフルーツ3種</t>
  </si>
  <si>
    <t>ドライフルーツバスケット</t>
  </si>
  <si>
    <t>フルーツバスケット特用</t>
  </si>
  <si>
    <t>430　ｇ</t>
  </si>
  <si>
    <t>みやさかバナナチップス</t>
  </si>
  <si>
    <t>73　ｇ</t>
  </si>
  <si>
    <t>1　ｇ</t>
  </si>
  <si>
    <t>野菜チップ（バナナ入り）</t>
  </si>
  <si>
    <t>145　ｇ</t>
  </si>
  <si>
    <t>山橙子</t>
  </si>
  <si>
    <t>蜜棗</t>
  </si>
  <si>
    <t>国産果実のドライ　ゆず</t>
  </si>
  <si>
    <t>国産果実のドライ　レモン</t>
  </si>
  <si>
    <t>国産果実のドライ　甘夏</t>
  </si>
  <si>
    <t>国産果実のドライ　リンゴ</t>
  </si>
  <si>
    <t>国産果実のドライ　パイナップル</t>
  </si>
  <si>
    <t>国産果実のドライ　文旦</t>
  </si>
  <si>
    <t>国産果実のドライ　きんかん</t>
  </si>
  <si>
    <t>国産果実のドライ　不知火</t>
  </si>
  <si>
    <t>国産果実のドライ　柿</t>
  </si>
  <si>
    <t>国産果実のドライ　ぶどう</t>
  </si>
  <si>
    <t>大粒干しぶどう</t>
  </si>
  <si>
    <t>殻つき落花生</t>
  </si>
  <si>
    <t>タカノツメ</t>
  </si>
  <si>
    <t>魚泉味付ザーサイストリップ糸</t>
  </si>
  <si>
    <t>ﾕﾁｭｴﾝ</t>
  </si>
  <si>
    <t>ドライ</t>
  </si>
  <si>
    <t>袋麺</t>
  </si>
  <si>
    <t>サッポロ一番</t>
  </si>
  <si>
    <t>サッポロ一番しょうゆ</t>
  </si>
  <si>
    <t>サッポロ一番みそラーメン</t>
  </si>
  <si>
    <t>サッポロ一番しおラーメン</t>
  </si>
  <si>
    <t>サッポロ一番ごま味ラーメン</t>
  </si>
  <si>
    <t>サッポロ一番とんこつ</t>
  </si>
  <si>
    <t>塩とんこつラーメン1P</t>
  </si>
  <si>
    <t>カレーラーメン</t>
  </si>
  <si>
    <t>グリーンプレミアムしょうゆ　１食</t>
  </si>
  <si>
    <t>１０２ｇ</t>
  </si>
  <si>
    <t>グリーンプレミアム海鮮しお　１食</t>
  </si>
  <si>
    <t>グリーンプレミアム0お試しセット</t>
  </si>
  <si>
    <t>グリーンプレミアムとろみ生姜　1食</t>
  </si>
  <si>
    <t>８７ｇ</t>
  </si>
  <si>
    <t>グリーンプレミアム8種の野菜だし　１食</t>
  </si>
  <si>
    <t>94G</t>
  </si>
  <si>
    <t>グリーンＰごま油香る醤油</t>
  </si>
  <si>
    <t>98G</t>
  </si>
  <si>
    <t>グリーンＰごま油香る塩らーめん</t>
  </si>
  <si>
    <t>96G</t>
  </si>
  <si>
    <t>サッポロ一番塩とんこつらーめんひと手間</t>
  </si>
  <si>
    <t>サッポロ一番みそラーメン旨辛（ひと手間Ｇ）１００ｇ</t>
  </si>
  <si>
    <t>サッポロ一番みそラーメン５０周年記念ゴールドパック</t>
  </si>
  <si>
    <t>みそラーメン　５０周年　仙台味噌使用</t>
  </si>
  <si>
    <t>ｻｯﾎﾟﾛｲﾁﾊﾞﾝ</t>
  </si>
  <si>
    <t>みそラーメン　５０周年　東海赤だし味噌使用</t>
  </si>
  <si>
    <t>みそラーメン　５０周年　九州麦味噌使用</t>
  </si>
  <si>
    <t>サッポロ一番塩らーめん九州ゆず胡椒風味</t>
  </si>
  <si>
    <t>ｻﾂﾎﾟﾛｲﾁﾊﾞﾝ</t>
  </si>
  <si>
    <t>塩らーめん　愛媛青のり風味</t>
  </si>
  <si>
    <t>塩らーめん　安曇野わさび風味</t>
  </si>
  <si>
    <t>みそラーメン　北海道醸造味噌</t>
  </si>
  <si>
    <t>みそラーメン　信州味噌使用</t>
  </si>
  <si>
    <t>みそラーメン　京都白味噌使用</t>
  </si>
  <si>
    <t>サッポロ一番しょうゆ味ウルトラマンパッケージ</t>
  </si>
  <si>
    <t>サッポロ一番みそラーメンウルトラマンパッケージ</t>
  </si>
  <si>
    <t>サッポロ一番塩らーめんウルトラマンパッケージ</t>
  </si>
  <si>
    <t>サッポロ一番ごま味ウルトラマンパッケージ</t>
  </si>
  <si>
    <t>サッポロ一番みそラーメン旨辛</t>
  </si>
  <si>
    <t>サッポロ一番みそラーメンポケモン</t>
  </si>
  <si>
    <t>ごまらーめん</t>
  </si>
  <si>
    <t>サッポロ一番カレーラーメンポケモンパッケージ</t>
  </si>
  <si>
    <t>久世福商店監修毎日だしで仕上げた醤油らーめん</t>
  </si>
  <si>
    <t>久世福商店監修毎日だしで仕上げた塩らーめん</t>
  </si>
  <si>
    <t>ShinShin監修炊き出し豚骨らーめん</t>
  </si>
  <si>
    <t>ご当地熱愛麺元祖ニュータンタンメン本舗監修タンタンメン</t>
  </si>
  <si>
    <t>サッポロ一番塩らーめんワンダー味</t>
  </si>
  <si>
    <t>ご当地熱愛麺麺屋はなび監修台湾まぜそば</t>
  </si>
  <si>
    <t>サッポロ一番極辛味噌旨タンメン</t>
  </si>
  <si>
    <t>ｻﾝﾖｼｮｸﾋﾝ</t>
  </si>
  <si>
    <t>サッポロ一番みそラーメン福岡博多豚骨ラーメン風</t>
  </si>
  <si>
    <t>サッポロ一番塩らーめん長崎ちゃんぽん風</t>
  </si>
  <si>
    <t>塩ラーメンシーフード風味</t>
  </si>
  <si>
    <t>みそラーメンスヌーピーバター風味</t>
  </si>
  <si>
    <t>うまかっちゃん</t>
  </si>
  <si>
    <t>うまかっちゃん辛子高菜風味</t>
  </si>
  <si>
    <t>うまかっちゃん鹿児島黒豚とんこつ</t>
  </si>
  <si>
    <t>うまかっちゃん熊本火の国流とんこつ</t>
  </si>
  <si>
    <t>うまかっちゃん_久留米風豚骨</t>
  </si>
  <si>
    <t>うまかっちゃんみそとんこつ</t>
  </si>
  <si>
    <t>94ｇ</t>
  </si>
  <si>
    <t>うまかっちゃんﾕｽﾞｺﾞｼｮｳ</t>
  </si>
  <si>
    <t>うまかっちゃん　担担とんこつ1P</t>
  </si>
  <si>
    <t>うまかっちゃんピリ辛魚介とんこつ</t>
  </si>
  <si>
    <t>うまかっちゃんチーズとんこつ</t>
  </si>
  <si>
    <t>うまかっちゃん海鮮塩とんこつ</t>
  </si>
  <si>
    <t>91ｇ</t>
  </si>
  <si>
    <t>うまかっちゃん海老みそとんこつ</t>
  </si>
  <si>
    <t>うまかっちゃん鶏白湯とんこつ</t>
  </si>
  <si>
    <t>うまかっちゃんめんたいとんこつ</t>
  </si>
  <si>
    <t>1ｐ</t>
  </si>
  <si>
    <t>うまかっちゃん焦がし醤油とんこつ</t>
  </si>
  <si>
    <t>うまかっちゃん濃厚新味1食</t>
  </si>
  <si>
    <t>マルちゃん正麺</t>
  </si>
  <si>
    <t>正麺醤油味</t>
  </si>
  <si>
    <t>正麺味噌味</t>
  </si>
  <si>
    <t>正麺　豚骨味</t>
  </si>
  <si>
    <t>正麺　塩味</t>
  </si>
  <si>
    <t>正麺つけ麺魚介醤油</t>
  </si>
  <si>
    <t>248g</t>
  </si>
  <si>
    <t>正麺つけ麺　豚骨醤油</t>
  </si>
  <si>
    <t>正麺つけ麺魚介醤油　箱</t>
  </si>
  <si>
    <t>正麺つけ麺豚骨醤油　箱</t>
  </si>
  <si>
    <t>正麺　鶏白湯味_1食</t>
  </si>
  <si>
    <t>正麺_旨塩味</t>
  </si>
  <si>
    <t>鍋用マルちゃん正麺豆乳ごま味噌</t>
  </si>
  <si>
    <t>290G</t>
  </si>
  <si>
    <t>鍋用マルちゃん正麺濃厚キムチ</t>
  </si>
  <si>
    <t>294G</t>
  </si>
  <si>
    <t>正麺醤油</t>
  </si>
  <si>
    <t>マルちゃん正麺味噌味</t>
  </si>
  <si>
    <t>マルちゃん正麺　豚骨味　1食</t>
  </si>
  <si>
    <t>正麺旨塩味</t>
  </si>
  <si>
    <t>正麺豚骨醤油1食</t>
  </si>
  <si>
    <t>正麺中華そば和風醤油1食</t>
  </si>
  <si>
    <t>マルちゃん正麺バラ豚骨味</t>
  </si>
  <si>
    <t>マルちゃん正麺　担々麺1食　１０８ｇ</t>
  </si>
  <si>
    <t>108G</t>
  </si>
  <si>
    <t>正麺担々麺</t>
  </si>
  <si>
    <t>正麺豚骨味1食</t>
  </si>
  <si>
    <t>チャルメラ</t>
  </si>
  <si>
    <t>チャルメラ醤油ラーメン</t>
  </si>
  <si>
    <t>チャルメラ味噌ラーメン</t>
  </si>
  <si>
    <t>チャルメラとんこつラーメンバラ</t>
  </si>
  <si>
    <t>チャルメラ塩ラーメン</t>
  </si>
  <si>
    <t>ノンフライチャルメラ_バリカタ麺豚骨</t>
  </si>
  <si>
    <t>チャルメラちゃんぽん</t>
  </si>
  <si>
    <t>チャルメラ_あんかけラーメン</t>
  </si>
  <si>
    <t>チャルメラバリカタ麺豚骨</t>
  </si>
  <si>
    <t>チャルメラ宮崎辛麺</t>
  </si>
  <si>
    <t>チャルメラもやしが超絶うまいまぜそばニンニクしょうゆ味</t>
  </si>
  <si>
    <t>チャルメラもやしが超絶うまい辛まぜそば旨辛ニンニク味</t>
  </si>
  <si>
    <t>ラ王</t>
  </si>
  <si>
    <t>ラ王　醤油　１Ｐ</t>
  </si>
  <si>
    <t>ラ王　味噌　１Ｐ</t>
  </si>
  <si>
    <t>豚園　背油醤油豚ニンニク</t>
  </si>
  <si>
    <t>164ｇ</t>
  </si>
  <si>
    <t>ラ王　ちゃんぽんバラ</t>
  </si>
  <si>
    <t>ラ王　塩</t>
  </si>
  <si>
    <t>ラ王とんこつ　1Ｐ</t>
  </si>
  <si>
    <t>ラ王　坦々　袋</t>
  </si>
  <si>
    <t>ラ王　豚骨ラーメン　バラ</t>
  </si>
  <si>
    <t>ラ王豚骨袋</t>
  </si>
  <si>
    <t>102ｇ</t>
  </si>
  <si>
    <t>ラ王　豚骨醤油バラ</t>
  </si>
  <si>
    <t>ラ王　豚骨</t>
  </si>
  <si>
    <t>ラ王醤油</t>
  </si>
  <si>
    <t>ラ王　味噌</t>
  </si>
  <si>
    <t>ラ王　柚子しお</t>
  </si>
  <si>
    <t>ラ王豚骨</t>
  </si>
  <si>
    <t>ラ王　豚骨醤油　1食</t>
  </si>
  <si>
    <t>ラ王　担々麺</t>
  </si>
  <si>
    <t>ラ王醤油1食パック</t>
  </si>
  <si>
    <t>ラ王味噌1食パック</t>
  </si>
  <si>
    <t>ラ王柚子しお1食パック</t>
  </si>
  <si>
    <t>ラ王豚骨1食パック</t>
  </si>
  <si>
    <t>ラ王豚骨醤油1食パック</t>
  </si>
  <si>
    <t>ラ王担々麺1食パック</t>
  </si>
  <si>
    <t>ラ王醤油バラ</t>
  </si>
  <si>
    <t>ラ王味噌バラ</t>
  </si>
  <si>
    <t>ラ王柚子しおバラ</t>
  </si>
  <si>
    <t>ラ王担々麺バラ</t>
  </si>
  <si>
    <t>ラ王豚骨醤油バラ</t>
  </si>
  <si>
    <t>ラ王ちゃんぽんバラ</t>
  </si>
  <si>
    <t>チキンラーメン</t>
  </si>
  <si>
    <t>チキンラ－メン１食</t>
  </si>
  <si>
    <t>チキンラ－メン５０周年</t>
  </si>
  <si>
    <t>チキンラ－メン広東風とき玉麺</t>
  </si>
  <si>
    <t>0秒チキンラーメン</t>
  </si>
  <si>
    <t>0秒チキンラーメンカレー</t>
  </si>
  <si>
    <t>0秒チキンラーメンカレーケース</t>
  </si>
  <si>
    <t>75g×10</t>
  </si>
  <si>
    <t>鍋〆チキンラーメン</t>
  </si>
  <si>
    <t>0秒チキンラーメンピザ味パウダー付</t>
  </si>
  <si>
    <t>0秒チキンラーメンBBQ味パウダー付</t>
  </si>
  <si>
    <t>ズバーン</t>
  </si>
  <si>
    <t>ZUBAAAN背脂濃厚醤油</t>
  </si>
  <si>
    <t>ZUBAAAN旨コク濃厚味噌</t>
  </si>
  <si>
    <t>ZUBAAANにんにく旨豚醤油</t>
  </si>
  <si>
    <t>マルちゃんZUBAAAN横浜家系醤油豚骨</t>
  </si>
  <si>
    <t>マルちゃんZUBAAAN豚骨魚介中華そば</t>
  </si>
  <si>
    <t>マルちゃんZUBAAAN博多豚骨ラーメン</t>
  </si>
  <si>
    <t>辛ラーメン</t>
  </si>
  <si>
    <t>農心　辛ラーメンブラック</t>
  </si>
  <si>
    <t>ﾉｳｼﾝ</t>
  </si>
  <si>
    <t>チゲラーメン</t>
  </si>
  <si>
    <t>辛ラーメンブラック</t>
  </si>
  <si>
    <t>辛ラーメンキムチ</t>
  </si>
  <si>
    <t>ノグリラーメンマイルド</t>
  </si>
  <si>
    <t>牛骨コムパゲティ</t>
  </si>
  <si>
    <t>ﾊﾟﾙﾄﾞ</t>
  </si>
  <si>
    <t>宮崎辛麺</t>
  </si>
  <si>
    <t>宮崎辛辛麺</t>
  </si>
  <si>
    <t>宮崎辛麺即席麺1食</t>
  </si>
  <si>
    <t>宮崎辛辛麺即席麺1食</t>
  </si>
  <si>
    <t>麺匠の一杯</t>
  </si>
  <si>
    <t>うすい中華</t>
  </si>
  <si>
    <t>ｳｽｲﾁｭｳｶ</t>
  </si>
  <si>
    <t>トライアルGOセレクト福袋グロサリー</t>
  </si>
  <si>
    <t>ﾄﾗｲｱﾙｶﾝﾊﾟﾆ</t>
  </si>
  <si>
    <t>チキンスープヌードル1食</t>
  </si>
  <si>
    <t>やまなか家焼肉屋のカルビラーメン旨辛</t>
  </si>
  <si>
    <t>ＫＹフーズ</t>
  </si>
  <si>
    <t>KY</t>
  </si>
  <si>
    <t>やまおか家盛岡冷麺</t>
  </si>
  <si>
    <t>やまなか家盛岡塩温めん</t>
  </si>
  <si>
    <t>ヴィーガンショウユラーメン</t>
  </si>
  <si>
    <t>ユウキヴィーガンヤキソバ</t>
  </si>
  <si>
    <t>ユウキヴィーガンシオラーメン</t>
  </si>
  <si>
    <t>ジンラーメンマイルド</t>
  </si>
  <si>
    <t>ジンラーメンスパイシー</t>
  </si>
  <si>
    <t>極旨キムチラーメン</t>
  </si>
  <si>
    <t>三養ラーメン</t>
  </si>
  <si>
    <t>海鮮ラーメン</t>
  </si>
  <si>
    <t>一蘭ラーメンちぢれ麺</t>
  </si>
  <si>
    <t>閻魔大王ラーメン</t>
  </si>
  <si>
    <t>プランプラス</t>
  </si>
  <si>
    <t>ﾌﾟﾗﾝﾌﾟﾗｽ</t>
  </si>
  <si>
    <t>宗家冷麺</t>
  </si>
  <si>
    <t>トリプルフリー麺和風醤油味</t>
  </si>
  <si>
    <t>トリプルフリー麺白湯味</t>
  </si>
  <si>
    <t>トリプルフリー麺チゲ味</t>
  </si>
  <si>
    <t>黒亭お土産ラーメン</t>
  </si>
  <si>
    <t>黒亭</t>
  </si>
  <si>
    <t>ｺｸﾃｲ</t>
  </si>
  <si>
    <t>ビビン麺バラ</t>
  </si>
  <si>
    <t>徳昇商事</t>
  </si>
  <si>
    <t>PALDO</t>
  </si>
  <si>
    <t>ビビン麺4P</t>
  </si>
  <si>
    <t>130g×4</t>
  </si>
  <si>
    <t>オムニラーメン袋</t>
  </si>
  <si>
    <t>ｵﾑﾆ</t>
  </si>
  <si>
    <t>辛麺</t>
  </si>
  <si>
    <t>149g</t>
  </si>
  <si>
    <t>辛麺激辛</t>
  </si>
  <si>
    <t>桝元</t>
  </si>
  <si>
    <t>トマト辛麺</t>
  </si>
  <si>
    <t>インスタントヌードルビーフ風味</t>
  </si>
  <si>
    <t>ユニクローバー</t>
  </si>
  <si>
    <t>ﾗｯｷｰﾐｰ</t>
  </si>
  <si>
    <t>インスタントヌードルチキン風味</t>
  </si>
  <si>
    <t>ラッキーミーパンシットカントンスイートアンドスパイシー</t>
  </si>
  <si>
    <t>ワンタンメン</t>
  </si>
  <si>
    <t>来来亭　しょうゆラーメン</t>
  </si>
  <si>
    <t>大勝軒　つけめん　袋</t>
  </si>
  <si>
    <t>池袋大勝軒_中華そば</t>
  </si>
  <si>
    <t>リンガーハットの長崎ちゃんぽん</t>
  </si>
  <si>
    <t>エース　驚きのコシ　醤油ラーメン</t>
  </si>
  <si>
    <t>す・またん×ワンタンメンカニカニだし塩味</t>
  </si>
  <si>
    <t>ワンタンメンCoCo壱番屋監修カレー味</t>
  </si>
  <si>
    <t>だしがきいてる醤油らーめん単品</t>
  </si>
  <si>
    <t>だしがきいてる味噌らーめん単品</t>
  </si>
  <si>
    <t>だしがきいてる塩らーめん単品</t>
  </si>
  <si>
    <t>だしがきいてる豚骨らーめん</t>
  </si>
  <si>
    <t>だしがきいてるとんこつ</t>
  </si>
  <si>
    <t>だしがきいてるしょうゆラー</t>
  </si>
  <si>
    <t>即席Sugakiyaラーメン</t>
  </si>
  <si>
    <t>即席台湾ラーメンピリ辛醤</t>
  </si>
  <si>
    <t>台湾ラーメン</t>
  </si>
  <si>
    <t>奈良天理醤油ラーメン</t>
  </si>
  <si>
    <t>即席赤からラーメン</t>
  </si>
  <si>
    <t>即席岐阜タンメン</t>
  </si>
  <si>
    <t>即席岐阜タンメン12入</t>
  </si>
  <si>
    <t>126g×12</t>
  </si>
  <si>
    <t>寿がきや食品　即席富山ブラックラーメン　１２０ｇ</t>
  </si>
  <si>
    <t>鍋の〆ラーメン</t>
  </si>
  <si>
    <t>鳥取ゴールド牛骨ラーメン袋</t>
  </si>
  <si>
    <t>即席銀座香味徳鳥取G牛骨ラーメン12入</t>
  </si>
  <si>
    <t>121g×12</t>
  </si>
  <si>
    <t>うわさの人気青葉つけ麺</t>
  </si>
  <si>
    <t>うわさの人気かまどつけ麺</t>
  </si>
  <si>
    <t>うわさの人気青葉中華そば</t>
  </si>
  <si>
    <t>うわさの人気ホープ軒本舗</t>
  </si>
  <si>
    <t>おいしいらーめん旨み醤油</t>
  </si>
  <si>
    <t>おいしいらーめん旨み塩</t>
  </si>
  <si>
    <t>横浜くじら軒しょうゆラーメン</t>
  </si>
  <si>
    <t>横浜くじら軒しおラーメン</t>
  </si>
  <si>
    <t>やさしいらーめん_醤油味</t>
  </si>
  <si>
    <t>やさしいらーめん_塩味</t>
  </si>
  <si>
    <t>やさしいらーめん旨み醤油味</t>
  </si>
  <si>
    <t>やさしいらーめん旨み塩味</t>
  </si>
  <si>
    <t>しょうゆ味新麺</t>
  </si>
  <si>
    <t>みそラーメン新麺</t>
  </si>
  <si>
    <t>塩らーめん新麺</t>
  </si>
  <si>
    <t>プレミアムリッチしょうゆ味</t>
  </si>
  <si>
    <t>プレミアムリッチみそラーメン</t>
  </si>
  <si>
    <t>プレミアムリッチ塩ラーメン</t>
  </si>
  <si>
    <t>麺の力ちゃんぽん</t>
  </si>
  <si>
    <t>みそラーメン辛口</t>
  </si>
  <si>
    <t>頂　醤油味</t>
  </si>
  <si>
    <t>107G</t>
  </si>
  <si>
    <t>頂　塩味</t>
  </si>
  <si>
    <t>頂　みそ味</t>
  </si>
  <si>
    <t>坦々麺</t>
  </si>
  <si>
    <t>ちゃんぽん</t>
  </si>
  <si>
    <t>101G</t>
  </si>
  <si>
    <t>頂　つけ麺魚介醤油</t>
  </si>
  <si>
    <t>109G</t>
  </si>
  <si>
    <t>冷やしぶっかけ塩らーめん</t>
  </si>
  <si>
    <t>豚骨ラーメン</t>
  </si>
  <si>
    <t>鹿児島県産黒豚の旨みがおいしい中</t>
  </si>
  <si>
    <t>鹿児島　黒豚の旨みがおいしい　塩らーめん（バラ）</t>
  </si>
  <si>
    <t>８３ｇ</t>
  </si>
  <si>
    <t>鹿児島　黒豚の旨みがおいしい　中華そば（バラ）</t>
  </si>
  <si>
    <t>８５ｇ</t>
  </si>
  <si>
    <t>元祖ニュータンタンメン本舗タンタンメン96g</t>
  </si>
  <si>
    <t>博多純情らーめんShinShin</t>
  </si>
  <si>
    <t>みそラーメン伊勢海老だし仕立て1P</t>
  </si>
  <si>
    <t>ｻﾝﾖ-ｼﾖｸﾋﾝ</t>
  </si>
  <si>
    <t>塩らーめん利尻昆布だし仕立て1P</t>
  </si>
  <si>
    <t>札幌ラーメンどさん子監修味噌ラーメン99g</t>
  </si>
  <si>
    <t>塩ラーメン</t>
  </si>
  <si>
    <t>みそ味ラーメン</t>
  </si>
  <si>
    <t>しょうゆ味ラーメン</t>
  </si>
  <si>
    <t>赤みそラーメン　１食</t>
  </si>
  <si>
    <t>バリうまとんこつラーメン</t>
  </si>
  <si>
    <t>昔ながらの中華そばバラ</t>
  </si>
  <si>
    <t>屋台十八番なま味しょうゆ</t>
  </si>
  <si>
    <t>屋台十八番_なま味みそ　１食</t>
  </si>
  <si>
    <t>屋台十八番_なま味しお　１食</t>
  </si>
  <si>
    <t>ざるラーメン和風だししょうゆ</t>
  </si>
  <si>
    <t>屋台十八番しょうゆ</t>
  </si>
  <si>
    <t>屋台十八番みそ</t>
  </si>
  <si>
    <t>屋台十八番しお</t>
  </si>
  <si>
    <t>まぜそば醤油チャーシュー</t>
  </si>
  <si>
    <t>まぜそば坦坦</t>
  </si>
  <si>
    <t>鍋用ラーメン</t>
  </si>
  <si>
    <t>ざるラーメン和風だし醤油</t>
  </si>
  <si>
    <t>ざるラーメン辛つゆ</t>
  </si>
  <si>
    <t>マルちゃん　冷しラーメン1食</t>
  </si>
  <si>
    <t>サラダと食べるラーメン</t>
  </si>
  <si>
    <t>屋台十八番_なま味煮干中華そば　1食</t>
  </si>
  <si>
    <t>109ｇ</t>
  </si>
  <si>
    <t>屋台十八番　塩担担麺　１食</t>
  </si>
  <si>
    <t>97ｇ</t>
  </si>
  <si>
    <t>あんかけしょうゆ味ラーメン　1食</t>
  </si>
  <si>
    <t>まんぞくの一杯しょうゆ</t>
  </si>
  <si>
    <t>鍋の〆に食べるラーメン</t>
  </si>
  <si>
    <t>出前一丁</t>
  </si>
  <si>
    <t>出前一丁ごまみそ</t>
  </si>
  <si>
    <t>麺の達人鶏ガラしょうゆ袋</t>
  </si>
  <si>
    <t>麺の達人ピリ辛みそ袋</t>
  </si>
  <si>
    <t>麺の達人唐辛子とんこつ袋</t>
  </si>
  <si>
    <t>鶏がらしょうゆ</t>
  </si>
  <si>
    <t>ピリ辛みそ</t>
  </si>
  <si>
    <t>唐辛子とんこつ</t>
  </si>
  <si>
    <t>麺の達人しょうゆ袋</t>
  </si>
  <si>
    <t>麺の達人みそ袋</t>
  </si>
  <si>
    <t>麺の達人まろやか絞り豚骨袋</t>
  </si>
  <si>
    <t>行列のできる和歌山</t>
  </si>
  <si>
    <t>行列のできる荻窪</t>
  </si>
  <si>
    <t>行列のできる長崎ちゃんぽん</t>
  </si>
  <si>
    <t>出前家族の煮込みめんしょうゆ</t>
  </si>
  <si>
    <t>269g</t>
  </si>
  <si>
    <t>健太郎鶏だししょうゆ</t>
  </si>
  <si>
    <t>健太郎鶏だし塩</t>
  </si>
  <si>
    <t>健太郎鶏がら醤油</t>
  </si>
  <si>
    <t>健太郎野菜の旨み塩味</t>
  </si>
  <si>
    <t>健太郎鶏がらしょうゆ味</t>
  </si>
  <si>
    <t>健太郎旨み塩味</t>
  </si>
  <si>
    <t>ちょっといい麺香り立つ醤油</t>
  </si>
  <si>
    <t>ちょっといい麺塩タンメン</t>
  </si>
  <si>
    <t>爆裂辛麺極太激辛ラーメン</t>
  </si>
  <si>
    <t>爆裂まぜ麺台湾まぜそば</t>
  </si>
  <si>
    <t>ラーメン屋さん_塩</t>
  </si>
  <si>
    <t>ラーメンヤサン_ショウユトンコツ</t>
  </si>
  <si>
    <t>0秒チキンラーメンカラムーチョ味</t>
  </si>
  <si>
    <t>爆裂豚道ニンニクラーメン</t>
  </si>
  <si>
    <t>出前一丁どんぶり鶏蓉味</t>
  </si>
  <si>
    <t>日清のラーメン屋さん_旭川しょうゆ味</t>
  </si>
  <si>
    <t>日清のラーメン屋さん　札幌みそ味</t>
  </si>
  <si>
    <t>日清のラーメン屋さん　函館しお味</t>
  </si>
  <si>
    <t>ラーメン屋さん旭川しょうゆバラ</t>
  </si>
  <si>
    <t>ラーメン屋さん札幌みそバラ</t>
  </si>
  <si>
    <t>ラーメン屋さん函館しお</t>
  </si>
  <si>
    <t>ラーメン屋さん　旭川しょうゆ</t>
  </si>
  <si>
    <t>ラーメン屋さん　札幌みそバラ</t>
  </si>
  <si>
    <t>ラーメン屋さん　函館しおバラ</t>
  </si>
  <si>
    <t>ラーメン屋さん札幌カレーラーメン</t>
  </si>
  <si>
    <t>焼きそばポックンミョン韓国風甘辛カルボ</t>
  </si>
  <si>
    <t>日清のラーメン屋さん旭川しょうゆ</t>
  </si>
  <si>
    <t>日清のラーメン屋さん札幌みそ</t>
  </si>
  <si>
    <t>日清のラーメン屋さん函館しお</t>
  </si>
  <si>
    <t>塩元帥監修旨塩ラーメン</t>
  </si>
  <si>
    <t>すきやねん醤油1P</t>
  </si>
  <si>
    <t>うまかっちゃんしょうゆ豚骨</t>
  </si>
  <si>
    <t>とろみハオ麺_しょうゆ</t>
  </si>
  <si>
    <t>とろみハオ麺_塩</t>
  </si>
  <si>
    <t>つけ麺_金のつけ麺</t>
  </si>
  <si>
    <t>つけ麺_黒のつけ麺</t>
  </si>
  <si>
    <t>ラーメンこれだ</t>
  </si>
  <si>
    <t>本場の味博多長浜ラーメン</t>
  </si>
  <si>
    <t>本場の味九州長崎ちゃんぽん麺</t>
  </si>
  <si>
    <t>一幸舎監修豚骨ラーメン</t>
  </si>
  <si>
    <t>屋台ラーメンとんこつ味</t>
  </si>
  <si>
    <t>博多長浜ラーメン</t>
  </si>
  <si>
    <t>元祖長浜屋協力豚骨ラーメン</t>
  </si>
  <si>
    <t>新中華三昧広東しょうゆ</t>
  </si>
  <si>
    <t>中華三昧北京</t>
  </si>
  <si>
    <t>新中華三昧シセンみそ</t>
  </si>
  <si>
    <t>中華三昧冷しつけ麺</t>
  </si>
  <si>
    <t>中華三昧広東風ラーメン</t>
  </si>
  <si>
    <t>中華三昧北京風ラーメン</t>
  </si>
  <si>
    <t>中華三昧四川風ラーメン</t>
  </si>
  <si>
    <t>明星　中華三昧　涼麺</t>
  </si>
  <si>
    <t>中華三昧黒酢涼麺</t>
  </si>
  <si>
    <t>中華三昧坦々麺</t>
  </si>
  <si>
    <t>中華三昧汁なし坦々麺</t>
  </si>
  <si>
    <t>明星　中華三昧　赤坂酸辣湯麺</t>
  </si>
  <si>
    <t>中華三昧醤油</t>
  </si>
  <si>
    <t>中華三昧塩味</t>
  </si>
  <si>
    <t>中華三昧味噌味</t>
  </si>
  <si>
    <t>中華三昧涼麺</t>
  </si>
  <si>
    <t>中華三昧赤坂栄林酸辣湯麺</t>
  </si>
  <si>
    <t>中華三昧担担麺</t>
  </si>
  <si>
    <t>中華三昧広東風</t>
  </si>
  <si>
    <t>105ｇ</t>
  </si>
  <si>
    <t>中華三昧北京風塩拉麺</t>
  </si>
  <si>
    <t>中華三昧四川風味噌</t>
  </si>
  <si>
    <t>中華三昧担々麺___118G</t>
  </si>
  <si>
    <t>中華三昧麻辣担々麺</t>
  </si>
  <si>
    <t>中華三昧_麻辣火鍋麺</t>
  </si>
  <si>
    <t>明星　中華三昧　麻辣涼麺　１２８ｇ</t>
  </si>
  <si>
    <t>中華三昧赤坂璃宮</t>
  </si>
  <si>
    <t>中華三昧北京風香塩</t>
  </si>
  <si>
    <t>中華三昧四川飯店四川風味噌</t>
  </si>
  <si>
    <t>中華三昧重慶飯店麻辣火鍋麺</t>
  </si>
  <si>
    <t>ヒョウバンノミセ_ワカヤマヤ</t>
  </si>
  <si>
    <t>麺神神太麺×旨醤油</t>
  </si>
  <si>
    <t>麺神神太麺×旨味噌</t>
  </si>
  <si>
    <t>麺神濃香醤油</t>
  </si>
  <si>
    <t>麺神濃香味噌</t>
  </si>
  <si>
    <t>麺神濃香鶏白湯</t>
  </si>
  <si>
    <t>麺神宮崎辛麺濃香激辛醤油</t>
  </si>
  <si>
    <t>麺神濃香豚骨醤油</t>
  </si>
  <si>
    <t>中華三昧四川飯店担々麺</t>
  </si>
  <si>
    <t>中華三昧栄林豆乳酸辣湯麺</t>
  </si>
  <si>
    <t>中華三昧重慶飯店麻辣湯麺</t>
  </si>
  <si>
    <t>明星麺神鶏白湯112g</t>
  </si>
  <si>
    <t>チャルメラあんかけラーメン</t>
  </si>
  <si>
    <t>ヤマモリ　トムヤムラーメン　エビ味　１１９ｇ</t>
  </si>
  <si>
    <t>ヤマモリ　タイラーメン　グリーンカレー味　１０６ｇ</t>
  </si>
  <si>
    <t>中華そば_醤油</t>
  </si>
  <si>
    <t>大黒食品工業</t>
  </si>
  <si>
    <t>ﾀﾞｲｺｸ</t>
  </si>
  <si>
    <t>中華そば_味噌</t>
  </si>
  <si>
    <t>中華そば_塩</t>
  </si>
  <si>
    <t>中華そば_豚骨</t>
  </si>
  <si>
    <t>ＡＫＡＧＩしょうゆラーメン</t>
  </si>
  <si>
    <t>ＡＫＡＧＩみそラーメン</t>
  </si>
  <si>
    <t>ＡＫＡＧＩ塩ラーメン</t>
  </si>
  <si>
    <t>大黒軒_醤油ラーメン</t>
  </si>
  <si>
    <t>大黒軒_味噌ラーメン</t>
  </si>
  <si>
    <t>大黒軒_塩ラーメン</t>
  </si>
  <si>
    <t>大黒軒_豚骨ラーメン</t>
  </si>
  <si>
    <t>長崎チャーメン</t>
  </si>
  <si>
    <t>金ちゃん徳島らーめん</t>
  </si>
  <si>
    <t>徳島製粉</t>
  </si>
  <si>
    <t>徳島製粉金ちゃん海老しおラーメン</t>
  </si>
  <si>
    <t>東京ラ－メンペッパ－チキン</t>
  </si>
  <si>
    <t>新栄食品</t>
  </si>
  <si>
    <t>ﾄｳｷｮｳﾗｰﾒﾝ</t>
  </si>
  <si>
    <t>羽幌甘えび出汁ﾗｰﾒﾝ_味噌</t>
  </si>
  <si>
    <t>羽幌甘えび出汁ﾗｰﾒﾝ_塩</t>
  </si>
  <si>
    <t>137g</t>
  </si>
  <si>
    <t>北海道かに風味みそラーメン</t>
  </si>
  <si>
    <t>札幌麺匠</t>
  </si>
  <si>
    <t>ｻﾂﾎﾟﾛﾒﾝｼｮｳ</t>
  </si>
  <si>
    <t>北海道帆立風味塩ラーメン</t>
  </si>
  <si>
    <t>北海道えび風味みそラーメン</t>
  </si>
  <si>
    <t>味千拉麺匠</t>
  </si>
  <si>
    <t>支那そば北熊</t>
  </si>
  <si>
    <t>166.5g</t>
  </si>
  <si>
    <t>さくらいのラーメンしょうゆ</t>
  </si>
  <si>
    <t>桜井食品</t>
  </si>
  <si>
    <t>ｻｸﾗｲｼｮｸﾋﾝ</t>
  </si>
  <si>
    <t>さくらいのラーメンごま</t>
  </si>
  <si>
    <t>さくらいのラーメンしお</t>
  </si>
  <si>
    <t>さくらいのラーメンみそ</t>
  </si>
  <si>
    <t>さくらいのラーメンとんこつ</t>
  </si>
  <si>
    <t>八郎めん　長尾中華そば　あっこくしょうゆ味</t>
  </si>
  <si>
    <t>八郎めん</t>
  </si>
  <si>
    <t>ﾅｶﾞｵﾁｭｳｶ</t>
  </si>
  <si>
    <t>室蘭カレーラーメン</t>
  </si>
  <si>
    <t>１２２ｇ</t>
  </si>
  <si>
    <t>室蘭製麺</t>
  </si>
  <si>
    <t>ﾑﾛﾗﾝｾｲﾒﾝ</t>
  </si>
  <si>
    <t>アマビエ太平燕白湯とんこつ</t>
  </si>
  <si>
    <t>小山前沢牛らーめん</t>
  </si>
  <si>
    <t>小山白金豚らーめん濃厚みそ味</t>
  </si>
  <si>
    <t>小山秋刀魚らーめん魚介醤油味</t>
  </si>
  <si>
    <t>三千里カルビスープラーメン</t>
  </si>
  <si>
    <t>サッポロラーメンしょうゆ</t>
  </si>
  <si>
    <t>サッポロみそラーメン</t>
  </si>
  <si>
    <t>サッポロタンメン</t>
  </si>
  <si>
    <t>激辛ラーメン朱</t>
  </si>
  <si>
    <t>ﾄﾘｼｼｮｳﾃﾝ</t>
  </si>
  <si>
    <t>博多塩味</t>
  </si>
  <si>
    <t>博多中華そばとんこつ</t>
  </si>
  <si>
    <t>博多中華そばしょうゆ</t>
  </si>
  <si>
    <t>博多中華そばみそ</t>
  </si>
  <si>
    <t>復刻版博多中華そば</t>
  </si>
  <si>
    <t>久留米が一番</t>
  </si>
  <si>
    <t>キムチの壷ラーメン袋</t>
  </si>
  <si>
    <t>札幌円山動物園ｼﾛｸﾏ塩ﾗｰﾒﾝ_112.4g</t>
  </si>
  <si>
    <t>112.4g</t>
  </si>
  <si>
    <t>藤原製麺</t>
  </si>
  <si>
    <t>ﾌｼﾞﾜﾗｾｲﾒﾝ</t>
  </si>
  <si>
    <t>上野動物園　醤油ラーメン</t>
  </si>
  <si>
    <t>藤原製麺の醤油ラーメン</t>
  </si>
  <si>
    <t>藤原製麺の味噌ラーメン</t>
  </si>
  <si>
    <t>京都動物園　醤油ラーメン</t>
  </si>
  <si>
    <t>115.7g</t>
  </si>
  <si>
    <t>札幌吉山商店焙煎ごまみそラーメン</t>
  </si>
  <si>
    <t>113.5g</t>
  </si>
  <si>
    <t>旭川らうめん青葉しょうゆ</t>
  </si>
  <si>
    <t>熊出没注意味噌ラーメン</t>
  </si>
  <si>
    <t>熊出没注意塩ラーメン</t>
  </si>
  <si>
    <t>１１１ｇ</t>
  </si>
  <si>
    <t>熊出没注意醤油ラーメン</t>
  </si>
  <si>
    <t>札幌円山動物園ラーメン塩</t>
  </si>
  <si>
    <t>旭川みそラーメンよし乃本店</t>
  </si>
  <si>
    <t>旭川らーめんや天金しょうゆ味</t>
  </si>
  <si>
    <t>札幌三代目月見軒味噌味</t>
  </si>
  <si>
    <t>札幌銀波露濃厚とんこつ醤油</t>
  </si>
  <si>
    <t>しじみ70個の力ラーメン塩味</t>
  </si>
  <si>
    <t>103.3g</t>
  </si>
  <si>
    <t>かにのちから　ラーメン味噌味1人前</t>
  </si>
  <si>
    <t>104.2g</t>
  </si>
  <si>
    <t>煮干しのちから　ラーメン醤油1人前</t>
  </si>
  <si>
    <t>107.5g</t>
  </si>
  <si>
    <t>山頭火本店まかないラーメンあわせ</t>
  </si>
  <si>
    <t>北海道ラーメンかに三昧みそ味</t>
  </si>
  <si>
    <t>藤原　かにのちからラーメンみそ</t>
  </si>
  <si>
    <t>北海道二夜干しラーメン　札幌味噌</t>
  </si>
  <si>
    <t>北海道二夜干しラーメン函館塩</t>
  </si>
  <si>
    <t>濃厚醤油</t>
  </si>
  <si>
    <t>藤原煮干しラーメン醤油味</t>
  </si>
  <si>
    <t>藤原かに味ラーメンみそ味</t>
  </si>
  <si>
    <t>北海道スープカレーラーメン</t>
  </si>
  <si>
    <t>札幌円山動物園ラーメン醤油</t>
  </si>
  <si>
    <t>俺のラーメンこうた灼熱RED辛みそ</t>
  </si>
  <si>
    <t>TKM卵かけ麺</t>
  </si>
  <si>
    <t>海鮮乾麺カニラーメンみそ味</t>
  </si>
  <si>
    <t>マルワ製麺</t>
  </si>
  <si>
    <t>ﾏﾙﾜｾｲﾒﾝ</t>
  </si>
  <si>
    <t>旨華楼中華そば醤油味</t>
  </si>
  <si>
    <t>山本製粉</t>
  </si>
  <si>
    <t>ﾔﾏﾓﾄｾｲﾌﾝ</t>
  </si>
  <si>
    <t>旨華楼中華そば塩味</t>
  </si>
  <si>
    <t>旨華楼中華そば味噌味</t>
  </si>
  <si>
    <t>旨華楼中華そば魚介豚骨醤油</t>
  </si>
  <si>
    <t>小笠原製麺　キリンラーメンしょうゆ味　化学調味料不使用</t>
  </si>
  <si>
    <t>小笠原製粉</t>
  </si>
  <si>
    <t>ｵｶﾞｻﾜﾗｾｲﾒﾝ</t>
  </si>
  <si>
    <t>小笠原製麺　ペンギンラーメンシーフード味　化学調味料不使用</t>
  </si>
  <si>
    <t>ラーメンしょうゆ味</t>
  </si>
  <si>
    <t>ｵｶﾞｻﾜﾗｾｲﾌﾝ</t>
  </si>
  <si>
    <t>紅焼牛肉麺</t>
  </si>
  <si>
    <t>105g*5</t>
  </si>
  <si>
    <t>ｶﾝｼｰﾌｰ</t>
  </si>
  <si>
    <t>香辣牛肉麺</t>
  </si>
  <si>
    <t>103g*5</t>
  </si>
  <si>
    <t>小鶏</t>
  </si>
  <si>
    <t>96g*5</t>
  </si>
  <si>
    <t>鮮蝦魚板麺</t>
  </si>
  <si>
    <t>98g*5</t>
  </si>
  <si>
    <t>本場韓国コムタンラーメン袋</t>
  </si>
  <si>
    <t>カムジャ麺</t>
  </si>
  <si>
    <t>旨辛海鮮ちゃんぽん</t>
  </si>
  <si>
    <t>旨辛焼きちゃんぽん</t>
  </si>
  <si>
    <t>ノグリラーメン</t>
  </si>
  <si>
    <t>安城湯麺</t>
  </si>
  <si>
    <t>リアルチーズラーメン</t>
  </si>
  <si>
    <t>オットギ</t>
  </si>
  <si>
    <t>ｵｯﾄｷﾞ</t>
  </si>
  <si>
    <t>135g×4P</t>
  </si>
  <si>
    <t>チーズラーメンバラ</t>
  </si>
  <si>
    <t>スパイシーチーズラーメンバラ</t>
  </si>
  <si>
    <t>スパゲティラーメン</t>
  </si>
  <si>
    <t>スパイシーチーズラーメン_バラ</t>
  </si>
  <si>
    <t>ｵｰｯﾄｷﾞ</t>
  </si>
  <si>
    <t>クリーム真ちゃんぽん</t>
  </si>
  <si>
    <t>海鮮パーティーラーメン</t>
  </si>
  <si>
    <t>125G</t>
  </si>
  <si>
    <t>三養食品</t>
  </si>
  <si>
    <t>ｻﾝﾔﾝ</t>
  </si>
  <si>
    <t>三養ラーメン辛口</t>
  </si>
  <si>
    <t>ｻﾑﾔﾝｼｮｸﾋﾝ</t>
  </si>
  <si>
    <t>ｻﾑﾔﾝ</t>
  </si>
  <si>
    <t>クアトロチーズブルダック炒め麺</t>
  </si>
  <si>
    <t>ｻﾑﾔﾝｼﾞｬﾊﾟﾝ</t>
  </si>
  <si>
    <t>三養ラーメン5食</t>
  </si>
  <si>
    <t>120g×5P</t>
  </si>
  <si>
    <t>ロゼブルダック炒め麺</t>
  </si>
  <si>
    <t>ヤンニョムチンキブルダック炒め麺</t>
  </si>
  <si>
    <t>ジャジャンブルダック炒め麺</t>
  </si>
  <si>
    <t>トゥンセラーメン</t>
  </si>
  <si>
    <t>パルド</t>
  </si>
  <si>
    <t>ココ麺</t>
  </si>
  <si>
    <t>トゥムセラーメン</t>
  </si>
  <si>
    <t>ピアンタ</t>
  </si>
  <si>
    <t>男子ラーメン</t>
  </si>
  <si>
    <t>ポーク味ラーメン</t>
  </si>
  <si>
    <t>ﾏﾏ</t>
  </si>
  <si>
    <t>トムヤム　ラーメン</t>
  </si>
  <si>
    <t>YumYumトムヤムシュリンプ味</t>
  </si>
  <si>
    <t>ヤムヤムインスタントヌードルチキン味</t>
  </si>
  <si>
    <t>60g×5P</t>
  </si>
  <si>
    <t>ヤムヤムスパイシーシーフード味</t>
  </si>
  <si>
    <t>70g×5P</t>
  </si>
  <si>
    <t>タイシグニチャークリーミートムヤムシュリンプヌードル</t>
  </si>
  <si>
    <t>ワイワイヌードルチキン</t>
  </si>
  <si>
    <t>マユール</t>
  </si>
  <si>
    <t>ﾜｲﾜｲ</t>
  </si>
  <si>
    <t>ワイワイヌードルベジタブル味</t>
  </si>
  <si>
    <t>インスタントヌードルトムヤムクン味</t>
  </si>
  <si>
    <t>ライスヌードル</t>
  </si>
  <si>
    <t>ﾛｰﾀｽ</t>
  </si>
  <si>
    <t>牛肉ラーメンホァンザー</t>
  </si>
  <si>
    <t>バンダクァホァンザー</t>
  </si>
  <si>
    <t>ドライライスヌードル</t>
  </si>
  <si>
    <t>ｳﾞｨﾌｫﾝ</t>
  </si>
  <si>
    <t>ベトナムフォービーフ風味</t>
  </si>
  <si>
    <t>ｱｼﾞｱﾝﾌｰﾄﾞ</t>
  </si>
  <si>
    <t>ロブスターヌードル</t>
  </si>
  <si>
    <t>ﾘｰﾊﾞﾘｰﾊﾞ</t>
  </si>
  <si>
    <t>ベジタブルヌードル</t>
  </si>
  <si>
    <t>the韓ポチャラーメン</t>
  </si>
  <si>
    <t>HTS</t>
  </si>
  <si>
    <t>hts</t>
  </si>
  <si>
    <t>the韓プデチゲラーメン</t>
  </si>
  <si>
    <t>the韓コムタンラーメン</t>
  </si>
  <si>
    <t>みそ煮込</t>
  </si>
  <si>
    <t>赤からきしめん１食入_ケース</t>
  </si>
  <si>
    <t>190gx24</t>
  </si>
  <si>
    <t>チゲ風みそ煮込うどん</t>
  </si>
  <si>
    <t>94gX5</t>
  </si>
  <si>
    <t>だしのきいた鴨だしうどん</t>
  </si>
  <si>
    <t>カレーうどん甘口</t>
  </si>
  <si>
    <t>カレーうどん　あま辛1食</t>
  </si>
  <si>
    <t>１０４ｇ</t>
  </si>
  <si>
    <t>どん兵衛生うどん食感昆布だし西1食</t>
  </si>
  <si>
    <t>どん兵衛極みだし関西風うどん1食</t>
  </si>
  <si>
    <t>はくばく　鍋用うどん</t>
  </si>
  <si>
    <t>刀削麺</t>
  </si>
  <si>
    <t>ﾜﾝｼｬﾝ</t>
  </si>
  <si>
    <t>天ぷらそば</t>
  </si>
  <si>
    <t>どん兵衛　生そば食感　鰹だしつゆ付</t>
  </si>
  <si>
    <t>どん兵衛生そば食感鴨だし1食</t>
  </si>
  <si>
    <t>どん兵衛極みだし鴨だしそば1食</t>
  </si>
  <si>
    <t>はたけなかあかもくそば</t>
  </si>
  <si>
    <t>はたけなか製麺</t>
  </si>
  <si>
    <t>ﾊﾀｹﾅｶｾｲﾒﾝ</t>
  </si>
  <si>
    <t>焼そば・焼うどん</t>
  </si>
  <si>
    <t>日清焼そば</t>
  </si>
  <si>
    <t>日清焼きそば</t>
  </si>
  <si>
    <t>焼そば大盛り１．５倍</t>
  </si>
  <si>
    <t>151g</t>
  </si>
  <si>
    <t>プルダック</t>
  </si>
  <si>
    <t>カレーブルダック炒め麺</t>
  </si>
  <si>
    <t>プルダック炒め麺</t>
  </si>
  <si>
    <t>ブルダック炒め麺カルボ</t>
  </si>
  <si>
    <t>ブルダック炒め麺チーズ</t>
  </si>
  <si>
    <t>極辛ブルダック炒め麺</t>
  </si>
  <si>
    <t>クリームカルボナーラブルダック炒め麺</t>
  </si>
  <si>
    <t>ヤンニョムチキンブルダック炒め麺</t>
  </si>
  <si>
    <t>ﾌﾟﾙﾀﾞｯｸ炒め麺</t>
  </si>
  <si>
    <t>汁なしホットタッカルビヌードル</t>
  </si>
  <si>
    <t>ｼｬｲﾝｵﾘｴﾝﾀﾙ</t>
  </si>
  <si>
    <t>汁なしチーズタッカルビヌードル</t>
  </si>
  <si>
    <t>ビッグカツのスペシャルソース味焼きそば</t>
  </si>
  <si>
    <t>ビビン麺</t>
  </si>
  <si>
    <t>パンシットカントンオリジナル</t>
  </si>
  <si>
    <t>パンシットカントンカラマンシー</t>
  </si>
  <si>
    <t>パンシットカントンチリマンシー</t>
  </si>
  <si>
    <t>パンシットカントンホットチリ</t>
  </si>
  <si>
    <t>香港焼そば</t>
  </si>
  <si>
    <t>サッポロ一番　アラビヤン焼そば　１００ｇ</t>
  </si>
  <si>
    <t>サッポロ一番　ソース焼そば　１１２ｇ</t>
  </si>
  <si>
    <t>縁日の焼きそば　１食</t>
  </si>
  <si>
    <t>１０６ｇ</t>
  </si>
  <si>
    <t>縁日の焼そば(東)　1食</t>
  </si>
  <si>
    <t>ソースやきそば112g</t>
  </si>
  <si>
    <t>モランボン焼肉のジャン風やきそば</t>
  </si>
  <si>
    <t>焼そばやきっぺ</t>
  </si>
  <si>
    <t>マルちゃん　珍々亭　油そば　１１０ｇ</t>
  </si>
  <si>
    <t>焼そば　やきっぺ　_1食</t>
  </si>
  <si>
    <t>114ｇ</t>
  </si>
  <si>
    <t>爆裂辛麺韓国風極太大盛激辛焼そば</t>
  </si>
  <si>
    <t>焼そばポックンミョン韓国風甘辛カルボ</t>
  </si>
  <si>
    <t>カップヌードル焼そば　１ミニット</t>
  </si>
  <si>
    <t>ラ王　つけ麺1食</t>
  </si>
  <si>
    <t>鉄板焼そば</t>
  </si>
  <si>
    <t>サラダが超絶うまい冷やしまぜそば信玄監修ごま味噌味</t>
  </si>
  <si>
    <t>サラダが超絶うまい冷やしまぜそば麺屋こころ監修台湾風旨辛味</t>
  </si>
  <si>
    <t>さくらいの焼そば</t>
  </si>
  <si>
    <t>ソース焼そば</t>
  </si>
  <si>
    <t>北海道山わさび醤油まぜそば</t>
  </si>
  <si>
    <t>韓国まぜそばコチュジャン味</t>
  </si>
  <si>
    <t>韓国まぜそばジャジャン味</t>
  </si>
  <si>
    <t>チャーワン</t>
  </si>
  <si>
    <t>辛ラーメン焼きそば131g</t>
  </si>
  <si>
    <t>チャパゲティ</t>
  </si>
  <si>
    <t>ビビンミョン</t>
  </si>
  <si>
    <t>パルドビビンミョン　バラ</t>
  </si>
  <si>
    <t>ﾊﾞﾙﾄﾞ</t>
  </si>
  <si>
    <t>1品ジャジャン麺</t>
  </si>
  <si>
    <t>プレミアムジャジャン麺</t>
  </si>
  <si>
    <t>トゥンセ炒め麺</t>
  </si>
  <si>
    <t>VTCUBE_JAPAN</t>
  </si>
  <si>
    <t>タイシグニチャープーパッポンカリー風焼そば</t>
  </si>
  <si>
    <t>タイシグニチャー辛口エビ焼そば</t>
  </si>
  <si>
    <t>ワンタン</t>
  </si>
  <si>
    <t>トレーワンタン</t>
  </si>
  <si>
    <t>トレーワンタン旨味醤油味5個セット</t>
  </si>
  <si>
    <t>トレイワンタン</t>
  </si>
  <si>
    <t>トレーワンタン旨味しょうゆ</t>
  </si>
  <si>
    <t>ワンタン旨味しょうゆ味トレー５５ｇ×４</t>
  </si>
  <si>
    <t>55gx4P</t>
  </si>
  <si>
    <t>トレーワンタン旨みしお味</t>
  </si>
  <si>
    <t>トレーワンタン生姜風味鶏だし味</t>
  </si>
  <si>
    <t>ワンタン　和風スープ　トレー</t>
  </si>
  <si>
    <t>あげ焼そば</t>
  </si>
  <si>
    <t>チキンラーメンキャベサラダあま旨醤油たれ付</t>
  </si>
  <si>
    <t>チキンラーメンもやサラダガーリック醤油たれ付</t>
  </si>
  <si>
    <t>チキンラーメンレタスサラダこく旨チーズソース付</t>
  </si>
  <si>
    <t>王様いちごの乳酸菌サラダ麺</t>
  </si>
  <si>
    <t>かぼちゃに合う皿うどん</t>
  </si>
  <si>
    <t>インスタントミーゴレン</t>
  </si>
  <si>
    <t>ｲﾝﾄﾞﾐｰ</t>
  </si>
  <si>
    <t>フォーポーションタピオカ入り</t>
  </si>
  <si>
    <t>フォーストレート</t>
  </si>
  <si>
    <t>フォーチキンスープ味袋</t>
  </si>
  <si>
    <t>宋家冷麺スープ牛だしベース</t>
  </si>
  <si>
    <t>宮殿冷麺</t>
  </si>
  <si>
    <t>宮殿冷麺スープ鶏だしベース</t>
  </si>
  <si>
    <t>ふるる冷麺</t>
  </si>
  <si>
    <t>ふるる冷麺_ビビン</t>
  </si>
  <si>
    <t>161g</t>
  </si>
  <si>
    <t>桝本トロトロなんこつ</t>
  </si>
  <si>
    <t>統一ビーフン（肉そぼろ風味）</t>
  </si>
  <si>
    <t>ﾄｳｲﾂﾒﾝ</t>
  </si>
  <si>
    <t>インスタントヌードル_ビーフ風味</t>
  </si>
  <si>
    <t>インスタントヌードル_チキン風味</t>
  </si>
  <si>
    <t>Pho・ccori気分_鶏ﾀﾞｼﾌｫｰ袋</t>
  </si>
  <si>
    <t>ビーフ味フォー</t>
  </si>
  <si>
    <t>49ｇ</t>
  </si>
  <si>
    <t>ハノイのおもてなし海鮮だしフォー</t>
  </si>
  <si>
    <t>ワンタントレー</t>
  </si>
  <si>
    <t>イトメン</t>
  </si>
  <si>
    <t>ｲﾄﾒﾝ</t>
  </si>
  <si>
    <t>正麺冷やし中華　１Ｐ</t>
  </si>
  <si>
    <t>正麺　冷やし中華</t>
  </si>
  <si>
    <t>正麺　ごまだれ冷やし</t>
  </si>
  <si>
    <t>マルちゃん正麺　冷し中華1食</t>
  </si>
  <si>
    <t>マルちゃん正麺_ごまだれ冷し1食</t>
  </si>
  <si>
    <t>皿うどん</t>
  </si>
  <si>
    <t>麺の達人_冷しラーメン</t>
  </si>
  <si>
    <t>お椀で食べるカップヌードル　３食パック</t>
  </si>
  <si>
    <t>ラ王　冷し中華しょうゆ</t>
  </si>
  <si>
    <t>111Ｇ</t>
  </si>
  <si>
    <t>ラ王　冷し中華ごまだれ</t>
  </si>
  <si>
    <t>マルタイ　冷やし中華　袋</t>
  </si>
  <si>
    <t>144ｇ</t>
  </si>
  <si>
    <t>中華三昧　諒麺</t>
  </si>
  <si>
    <t>139G</t>
  </si>
  <si>
    <t>中華三昧赤坂離宮涼麺</t>
  </si>
  <si>
    <t>太平燕_旨辛</t>
  </si>
  <si>
    <t>スープお鍋にワンタン</t>
  </si>
  <si>
    <t>イワシカルグクス</t>
  </si>
  <si>
    <t>辛ラーメントゥーンバ</t>
  </si>
  <si>
    <t>辛ラーメン焼きそば</t>
  </si>
  <si>
    <t>辛ラーメンスパイシーチキン味</t>
  </si>
  <si>
    <t>フォーエビ＆カニ</t>
  </si>
  <si>
    <t>フジフードサービス</t>
  </si>
  <si>
    <t>ｴｰﾜﾝ</t>
  </si>
  <si>
    <t>フォーチキン</t>
  </si>
  <si>
    <t>フォーポーク</t>
  </si>
  <si>
    <t>VIFONPHOBO</t>
  </si>
  <si>
    <t>VIFONPHOGA</t>
  </si>
  <si>
    <t>バンダクァ</t>
  </si>
  <si>
    <t>フレッシュビーフン</t>
  </si>
  <si>
    <t>ﾕｲｱﾝ</t>
  </si>
  <si>
    <t>ご褒美ラ王豆乳の坦々麺</t>
  </si>
  <si>
    <t>２食パック</t>
  </si>
  <si>
    <t>日清ラ王黒酢酸辣湯麺</t>
  </si>
  <si>
    <t>日清ラ王シビ辛味噌</t>
  </si>
  <si>
    <t>日清豚ラ王アブラ､ニンニク､ショウユ2食パック</t>
  </si>
  <si>
    <t>チキンラーメン　アクマのアサバァ</t>
  </si>
  <si>
    <t>麺匠碓井広島中華そば</t>
  </si>
  <si>
    <t>155g×2</t>
  </si>
  <si>
    <t>麺匠碓井尾道中華そば</t>
  </si>
  <si>
    <t>麺匠碓井広島つけ麺</t>
  </si>
  <si>
    <t>一蘭ラーメン博多細麺2食</t>
  </si>
  <si>
    <t>中華細麺</t>
  </si>
  <si>
    <t>ｲﾂｷ</t>
  </si>
  <si>
    <t>ダブルラーメン正油</t>
  </si>
  <si>
    <t>85g×2</t>
  </si>
  <si>
    <t>ダブルラ―メンみそ</t>
  </si>
  <si>
    <t>82g×2</t>
  </si>
  <si>
    <t>ダブルラ―メンしお</t>
  </si>
  <si>
    <t>80g×2</t>
  </si>
  <si>
    <t>ダブルラーメンみそ</t>
  </si>
  <si>
    <t>ダブルラーメンしお</t>
  </si>
  <si>
    <t>ダブルラーメン辛麺</t>
  </si>
  <si>
    <t>187g</t>
  </si>
  <si>
    <t>日清爆裂辛麺極太豚骨味噌ラーメン</t>
  </si>
  <si>
    <t>かまたまラーメン鰹節醤油</t>
  </si>
  <si>
    <t>かまたまラーメン豚骨醤油</t>
  </si>
  <si>
    <t>韓国麺屋ビビンバ風マゼ麺</t>
  </si>
  <si>
    <t>韓国麺屋チゲ風ラーメン</t>
  </si>
  <si>
    <t>永谷園こしの極み鴨南蛮そば</t>
  </si>
  <si>
    <t>焼ラーメン醤油豚骨</t>
  </si>
  <si>
    <t>焼ラーメン焦しにんにく塩豚骨</t>
  </si>
  <si>
    <t>焼きラーメン_醤油とんこつ</t>
  </si>
  <si>
    <t>焼きラーメン_水炊き風鶏塩</t>
  </si>
  <si>
    <t>鍋の〆用そーらーめん</t>
  </si>
  <si>
    <t>そばらーめん</t>
  </si>
  <si>
    <t>204.2g</t>
  </si>
  <si>
    <t>煮込みラーメン　キムチ味</t>
  </si>
  <si>
    <t>318G</t>
  </si>
  <si>
    <t>煮込んで食べるごましょうゆ</t>
  </si>
  <si>
    <t>219g</t>
  </si>
  <si>
    <t>煮込んで食べるごまみそ</t>
  </si>
  <si>
    <t>味千拉麺濃い味2食</t>
  </si>
  <si>
    <t>301g</t>
  </si>
  <si>
    <t>熊本豚骨ラーメン2食</t>
  </si>
  <si>
    <t>熊本ラーメンこむらさき</t>
  </si>
  <si>
    <t>２食</t>
  </si>
  <si>
    <t>熊本ラーメン</t>
  </si>
  <si>
    <t>横浜タンメン</t>
  </si>
  <si>
    <t>東洋軒</t>
  </si>
  <si>
    <t>ﾄｳﾖｳｹﾝ</t>
  </si>
  <si>
    <t>横浜サンマーメン</t>
  </si>
  <si>
    <t>冷したぬきうどん</t>
  </si>
  <si>
    <t>どん兵衛レンジきつねうどん</t>
  </si>
  <si>
    <t>どん兵衛レンジカレーうどん</t>
  </si>
  <si>
    <t>227g</t>
  </si>
  <si>
    <t>どん兵衛レンジ天ぷらうどん</t>
  </si>
  <si>
    <t>ゆでるからうまい日清のどん兵衛もっちり太うどん2食パック</t>
  </si>
  <si>
    <t>ゆでるからうまい日清のどん兵衛なめらか太そば2食パック</t>
  </si>
  <si>
    <t>本当に焼いたらうまかった日清焼そばUFO</t>
  </si>
  <si>
    <t>焼ラーメン醤油とんこつ</t>
  </si>
  <si>
    <t>焼きラーメンソースとんこつ</t>
  </si>
  <si>
    <t>焼ラーメン塩とんこつ</t>
  </si>
  <si>
    <t>焼ラーメンピリ辛めんたい</t>
  </si>
  <si>
    <t>極楽ラ王濃厚背脂醤油</t>
  </si>
  <si>
    <t>339g</t>
  </si>
  <si>
    <t>極楽ラ王濃厚香熟味噌</t>
  </si>
  <si>
    <t>日清ラ王醤油3食パック</t>
  </si>
  <si>
    <t>303g</t>
  </si>
  <si>
    <t>日清ラ王味噌3食パック</t>
  </si>
  <si>
    <t>日清ラ王柚子しお3食パック</t>
  </si>
  <si>
    <t>279g</t>
  </si>
  <si>
    <t>日清ラ王担々麺3食パック</t>
  </si>
  <si>
    <t>日清ラ王豚骨醤油3食パック</t>
  </si>
  <si>
    <t>日清ラ王ちゃんぽん3食パック</t>
  </si>
  <si>
    <t>273g</t>
  </si>
  <si>
    <t>日清ラ王塩とんこつ3食パック</t>
  </si>
  <si>
    <t>294g</t>
  </si>
  <si>
    <t>チキンラーメン　具付き</t>
  </si>
  <si>
    <t>チキンラーメン具付アクマのキムラー3食</t>
  </si>
  <si>
    <t>日清チキンラーメン　具付き３食パック　アクマのバタコ</t>
  </si>
  <si>
    <t>チキンラーメン_アクマのキムラー激辛MADMAX_3食入</t>
  </si>
  <si>
    <t>267g</t>
  </si>
  <si>
    <t>０秒チキンミニ３食</t>
  </si>
  <si>
    <t>日清チキンラーメン具付き3食パックアクマのキムラー</t>
  </si>
  <si>
    <t>261g</t>
  </si>
  <si>
    <t>日清チキンラーメン具付き3食パックアクマのバタコ</t>
  </si>
  <si>
    <t>袋PBスナオシ</t>
  </si>
  <si>
    <t>辛ラーメン5食3個セット</t>
  </si>
  <si>
    <t>お椀で食べる</t>
  </si>
  <si>
    <t>お椀で食べるカップヌードル</t>
  </si>
  <si>
    <t>32g×3</t>
  </si>
  <si>
    <t>お椀で食べるカップヌードルシーフード</t>
  </si>
  <si>
    <t>34g×3</t>
  </si>
  <si>
    <t>お椀で食べるチキンラーメン</t>
  </si>
  <si>
    <t>31g×3</t>
  </si>
  <si>
    <t>お椀で食べる出前一丁</t>
  </si>
  <si>
    <t>日清お椀で食べるカップヌードル味噌</t>
  </si>
  <si>
    <t>お椀で食べるカップヌードル味噌</t>
  </si>
  <si>
    <t>お椀で食べるカップヌードル辛麺</t>
  </si>
  <si>
    <t>35g×3</t>
  </si>
  <si>
    <t>お椀で食べるカップヌードルケース</t>
  </si>
  <si>
    <t>32g×3×9</t>
  </si>
  <si>
    <t>お椀で食べるチキンラーメンケース</t>
  </si>
  <si>
    <t>31g×3×9</t>
  </si>
  <si>
    <t>お椀で食べるカップヌードルシーフードケース</t>
  </si>
  <si>
    <t>34g×3×9</t>
  </si>
  <si>
    <t>お椀で食べるカップヌードル味噌ケース</t>
  </si>
  <si>
    <t>お椀で食べるカップヌードル辛麺ケース</t>
  </si>
  <si>
    <t>35g×3×9</t>
  </si>
  <si>
    <t>125gX3P</t>
  </si>
  <si>
    <t>ZUBAAAN背脂濃厚醤油3食ケース</t>
  </si>
  <si>
    <t>ZUBAAAN旨コク濃厚味噌3食</t>
  </si>
  <si>
    <t>126gX3P</t>
  </si>
  <si>
    <t>ZUBAAAN旨コク濃厚味噌3食ケース</t>
  </si>
  <si>
    <t>ZUBAAANにんにく旨豚醤油3食</t>
  </si>
  <si>
    <t>129gX3P</t>
  </si>
  <si>
    <t>ZUBAAANにんにく旨豚醤油3食ケース</t>
  </si>
  <si>
    <t>ZUBAAAN横浜家系醤油豚骨3食</t>
  </si>
  <si>
    <t>130gX3P</t>
  </si>
  <si>
    <t>ZUBAAAN横浜家系醤油豚骨3食ケース</t>
  </si>
  <si>
    <t>ZUBAAAN豚骨魚介中華そば3食</t>
  </si>
  <si>
    <t>116gX3P</t>
  </si>
  <si>
    <t>ZUBAAAN背脂濃厚醤油3食</t>
  </si>
  <si>
    <t>125g×3P</t>
  </si>
  <si>
    <t>375g×3</t>
  </si>
  <si>
    <t>ZUBAAAN博多豚骨ラーメン3食</t>
  </si>
  <si>
    <t>121g×3P</t>
  </si>
  <si>
    <t>ZUBAAAN博多豚骨ラーメン3食ケース</t>
  </si>
  <si>
    <t>363g×3</t>
  </si>
  <si>
    <t>ZUBAAAN鶏油香る鶏中華3食</t>
  </si>
  <si>
    <t>辛ラーメン５食_3個ｾｯﾄ</t>
  </si>
  <si>
    <t>辛ラーメンＢＬＡＣＫ３Ｐ</t>
  </si>
  <si>
    <t>390ｇ</t>
  </si>
  <si>
    <t>130g×3P</t>
  </si>
  <si>
    <t>辛ラーメンキムチ3食</t>
  </si>
  <si>
    <t>辛ラーメン3食</t>
  </si>
  <si>
    <t>宮崎辛麺即席麺3食</t>
  </si>
  <si>
    <t>宮崎辛辛麺即席麺3食</t>
  </si>
  <si>
    <t>宮崎辛麺即席麺</t>
  </si>
  <si>
    <t>宮崎辛辛麺即席麺</t>
  </si>
  <si>
    <t>YumYumトムヤムクンクリーミーヌードル3食</t>
  </si>
  <si>
    <t>YumYumトムヤムクンヌードル3食</t>
  </si>
  <si>
    <t>豚キムチ味ラーメン</t>
  </si>
  <si>
    <t>95g×3</t>
  </si>
  <si>
    <t>豚キムチ味ラーメンケース</t>
  </si>
  <si>
    <t>95g×3×9</t>
  </si>
  <si>
    <t>わかめラーメンごま･しょうゆ</t>
  </si>
  <si>
    <t>88g×3</t>
  </si>
  <si>
    <t>わかめラーメンごま･しょうゆケース</t>
  </si>
  <si>
    <t>88g×3×9</t>
  </si>
  <si>
    <t>即席焼3袋20春復刻版即席焼付</t>
  </si>
  <si>
    <t>Ｓｕｇａｋｉｙａラーメン　3食</t>
  </si>
  <si>
    <t>110g×3</t>
  </si>
  <si>
    <t>3食入即席Sugakiyaラーメン</t>
  </si>
  <si>
    <t>3食入ホームラン軒鶏ガラ醤油ラーメン</t>
  </si>
  <si>
    <t>3食入ホームラン軒合わせ味噌ラーメン</t>
  </si>
  <si>
    <t>サッポロ一番減塩しょうゆ味</t>
  </si>
  <si>
    <t>減塩みそラーメン3P</t>
  </si>
  <si>
    <t>減塩塩らーめん3P</t>
  </si>
  <si>
    <t>ご当地熱愛麺どさん子監修味噌ラーメン3食パック</t>
  </si>
  <si>
    <t>291g</t>
  </si>
  <si>
    <t>ご当地熱愛麺元祖ニュータンタンメン本舗監修タンタンメン3食パック</t>
  </si>
  <si>
    <t>ご当地熱愛麺ShinShin監修炊き出し豚骨らーめん3食パック</t>
  </si>
  <si>
    <t>プレミアリッチみそラーメン鹿児島県産黒豚だし仕上げ</t>
  </si>
  <si>
    <t>111g×3</t>
  </si>
  <si>
    <t>サッポロ一番_プレミアリッチ塩らーめん北海道産ほたてだし仕上</t>
  </si>
  <si>
    <t>3食パック</t>
  </si>
  <si>
    <t>サッポロ一番麺屋はなび監修台湾まぜそば</t>
  </si>
  <si>
    <t>312g</t>
  </si>
  <si>
    <t>サッポロ一番極辛味噌旨タンメン3食</t>
  </si>
  <si>
    <t>ご当地熱愛麺坂内食堂喜多方本店監修中華そば3食パック</t>
  </si>
  <si>
    <t>ZUBAAAN鶏油香る鶏中華3食パック</t>
  </si>
  <si>
    <t>120gX3</t>
  </si>
  <si>
    <t>日清出前一丁具付3食ゴリラ一丁</t>
  </si>
  <si>
    <t>お椀で食べる出前一丁　味噌　３食　</t>
  </si>
  <si>
    <t>出前3Pゴリラニラそば野郎</t>
  </si>
  <si>
    <t>日清これ絶対うまいやつ背脂醤油3食ぱっく</t>
  </si>
  <si>
    <t>日清これ絶対うまいやつ濃厚味噌3食パック</t>
  </si>
  <si>
    <t>日清これ絶対うまいやつ豚骨醤油3食パック</t>
  </si>
  <si>
    <t>日清これ絶対うまいやつねぎ塩3食パック</t>
  </si>
  <si>
    <t>これうまいやつ濃厚醤油まぜそば3食パック</t>
  </si>
  <si>
    <t>日清これ絶対うまいやつ豚骨醤油3食</t>
  </si>
  <si>
    <t>日清これ絶対うまいやつ濃厚鶏白湯3食</t>
  </si>
  <si>
    <t>日清これ絶対うまいやつ背脂醤油3食</t>
  </si>
  <si>
    <t>日清これ絶対うまいやつ濃厚味噌3食</t>
  </si>
  <si>
    <t>日清これ絶対うまいやつ香味ねぎ塩3食</t>
  </si>
  <si>
    <t>これ絶対うまいやつ旨辛スタミナラーメン</t>
  </si>
  <si>
    <t>これ絶対うまいやつプレミアムねぎ塩</t>
  </si>
  <si>
    <t>318g</t>
  </si>
  <si>
    <t>日清これ絶対うまいやつ♪プレミアム黒マー油豚骨3食パック</t>
  </si>
  <si>
    <t>これ絶対うまいやつプレミアム胡麻油味噌3食パック</t>
  </si>
  <si>
    <t>日清これ絶対うまいやつ♪プレミアム背脂醤油3食パック</t>
  </si>
  <si>
    <t>ど･みそ監修濃厚みそラーメン3食パック</t>
  </si>
  <si>
    <t>309g</t>
  </si>
  <si>
    <t>魁力屋監修背脂醤油ラーメン</t>
  </si>
  <si>
    <t>魁力屋監修背脂醤油ラーメンケース</t>
  </si>
  <si>
    <t>400g×9</t>
  </si>
  <si>
    <t>中華三昧_涼麺３食</t>
  </si>
  <si>
    <t>中華三昧_坦々つけ麺３食</t>
  </si>
  <si>
    <t>中華三昧四川飯店坦々麺３Ｐ</t>
  </si>
  <si>
    <t>114g×3</t>
  </si>
  <si>
    <t>中華三昧　芳醇醤油　3食</t>
  </si>
  <si>
    <t>中華三昧　海鮮塩　3食</t>
  </si>
  <si>
    <t>中華三昧　味噌　3食パック</t>
  </si>
  <si>
    <t>324ｇ</t>
  </si>
  <si>
    <t>中華三昧　涼麺　3食パック</t>
  </si>
  <si>
    <t>417ｇ</t>
  </si>
  <si>
    <t>明星　中華三昧　広東風醤油　3食</t>
  </si>
  <si>
    <t>明星　中華三昧　北京風塩　3食</t>
  </si>
  <si>
    <t>中華三昧赤坂璃宮広東風醤油</t>
  </si>
  <si>
    <t>104g×3P</t>
  </si>
  <si>
    <t>中華三昧中国料理北京北京風香塩</t>
  </si>
  <si>
    <t>103g×3P</t>
  </si>
  <si>
    <t>上州らーめん醤油３Ｐ</t>
  </si>
  <si>
    <t>上州らーめん味噌３Ｐ</t>
  </si>
  <si>
    <t>上州らーめん塩３Ｐ</t>
  </si>
  <si>
    <t>中華そば_醤油_３食</t>
  </si>
  <si>
    <t>87g×3</t>
  </si>
  <si>
    <t>中華そば_味噌_３食</t>
  </si>
  <si>
    <t>中華そば_塩_３食</t>
  </si>
  <si>
    <t>86g×3</t>
  </si>
  <si>
    <t>本場韓国コムタンラーメン3食</t>
  </si>
  <si>
    <t>お椀で食べるどん兵衛ゆず仕立てうどん</t>
  </si>
  <si>
    <t>日清食品お椀どん兵衛カレーうどん</t>
  </si>
  <si>
    <t>お椀どん兵衛旨だしカレーうどん3P</t>
  </si>
  <si>
    <t>お椀で食べるどん兵衛ゆず仕立てうどんケース</t>
  </si>
  <si>
    <t>30g×3×9</t>
  </si>
  <si>
    <t>いか焼そば</t>
  </si>
  <si>
    <t>93g×3</t>
  </si>
  <si>
    <t>いか焼そばケース</t>
  </si>
  <si>
    <t>93×3×9</t>
  </si>
  <si>
    <t>モランボン監修焼肉の生だれジャン風やきそば3食</t>
  </si>
  <si>
    <t>123g×3</t>
  </si>
  <si>
    <t>アジアン焼チキン具付き</t>
  </si>
  <si>
    <t>ラ王冷し中華ごまだれ</t>
  </si>
  <si>
    <t>ラ王冷し中華醤油だれ</t>
  </si>
  <si>
    <t>354g</t>
  </si>
  <si>
    <t>ラ王　冷し中華醤油　３食</t>
  </si>
  <si>
    <t>日清ラ王冷し中華ごま3食パック</t>
  </si>
  <si>
    <t>チキンラーメンキャベサラダ3食パック</t>
  </si>
  <si>
    <t>チキンモヤサラダ3P</t>
  </si>
  <si>
    <t>チキンラーメン豆腐サラダしお</t>
  </si>
  <si>
    <t>これ絶対うまいやつ濃厚醤油まぜそば</t>
  </si>
  <si>
    <t>あんかけラーメン</t>
  </si>
  <si>
    <t>414ｇ</t>
  </si>
  <si>
    <t>日清マグヌードル</t>
  </si>
  <si>
    <t>日清マグうどん</t>
  </si>
  <si>
    <t>お椀で食べるご当地カップヌードル東京土産もんじゃ4食入り</t>
  </si>
  <si>
    <t>お椀で食べるご当地カップヌードル関西土産たこ焼き味</t>
  </si>
  <si>
    <t>33g×4</t>
  </si>
  <si>
    <t>お椀で食べるご当地カップヌードル北海道土産焼もろこし味</t>
  </si>
  <si>
    <t>32g×4</t>
  </si>
  <si>
    <t>お椀で食べるご当地カップヌードル九州土産焼明太豚骨味</t>
  </si>
  <si>
    <t>31g×4</t>
  </si>
  <si>
    <t>お椀で食べるご当地カップヌードル沖縄土産タコライス味4食入り</t>
  </si>
  <si>
    <t>お椀で食べるご当地カップヌードル関西土産たこ焼き味ケース</t>
  </si>
  <si>
    <t>33g×4×24</t>
  </si>
  <si>
    <t>お椀で食べるご当地カップヌードル北海道土産焼もろこし味ケース</t>
  </si>
  <si>
    <t>32g×4×24</t>
  </si>
  <si>
    <t>お椀で食べるご当地カップヌードル九州土産焼明太豚骨味ケース</t>
  </si>
  <si>
    <t>31g×4×24</t>
  </si>
  <si>
    <t>お椀で食べるご当地カップヌードル東海土産手羽先味4食入り</t>
  </si>
  <si>
    <t>ご当地CNミニ豚骨4食入</t>
  </si>
  <si>
    <t>煮込みラーメン鶏塩ちゃんこ風</t>
  </si>
  <si>
    <t>314g</t>
  </si>
  <si>
    <t>煮込みラーメンキムチチゲ風</t>
  </si>
  <si>
    <t>煮込みラーメン_キムチ味</t>
  </si>
  <si>
    <t>煮込みラーメン_カレー鍋風</t>
  </si>
  <si>
    <t>煮込みラーメンすき焼き風</t>
  </si>
  <si>
    <t>煮込みラーメン</t>
  </si>
  <si>
    <t>煮込みラーメンしょうゆ</t>
  </si>
  <si>
    <t>煮込みラーメンみそ</t>
  </si>
  <si>
    <t>煮込みラーメンとんこつ</t>
  </si>
  <si>
    <t>煮込みラーメンしょうゆ味</t>
  </si>
  <si>
    <t>煮込みラーメンみそ味</t>
  </si>
  <si>
    <t>328g</t>
  </si>
  <si>
    <t>煮込みラーメンとんこつ醤油</t>
  </si>
  <si>
    <t>煮込みラーメンピリ辛担々麺</t>
  </si>
  <si>
    <t>ミニラーメン太郎くん</t>
  </si>
  <si>
    <t>ﾀﾞｲｺｸｼｮｸﾋﾝ</t>
  </si>
  <si>
    <t>東京拉麺ピリ辛にんにくラーメン</t>
  </si>
  <si>
    <t>東京ラーメンチキンミニ</t>
  </si>
  <si>
    <t>42.5g×4P</t>
  </si>
  <si>
    <t>ｼﾝｴｲｼｮｸﾋﾝ</t>
  </si>
  <si>
    <t>東京ラーメンマイルドカレーミ</t>
  </si>
  <si>
    <t>東京ラーメンえび塩豚骨ミニ</t>
  </si>
  <si>
    <t>東京拉麺トムヤムクン味</t>
  </si>
  <si>
    <t>東京ラーメンキムチミニ</t>
  </si>
  <si>
    <t>130g×4P</t>
  </si>
  <si>
    <t>スパゲティラーメン4食</t>
  </si>
  <si>
    <t>韓美味火袋ラーメン</t>
  </si>
  <si>
    <t>120g×4袋入</t>
  </si>
  <si>
    <t>ベホンドンビビン麺4食</t>
  </si>
  <si>
    <t>544g</t>
  </si>
  <si>
    <t>200g×4P</t>
  </si>
  <si>
    <t>プレミアムジャジャン麺4p</t>
  </si>
  <si>
    <t>203g×4</t>
  </si>
  <si>
    <t>トゥンセ炒め麺４ｐ</t>
  </si>
  <si>
    <t>120ｇ×４</t>
  </si>
  <si>
    <t>サッポロ一番しょう油ラーメン</t>
  </si>
  <si>
    <t>サッポロ一番塩ラーメン</t>
  </si>
  <si>
    <t>505g</t>
  </si>
  <si>
    <t>サッポロ一番とんこつラーメン</t>
  </si>
  <si>
    <t>98g×5</t>
  </si>
  <si>
    <t>サッポロ一番ピリ辛みそ</t>
  </si>
  <si>
    <t>107g×5</t>
  </si>
  <si>
    <t>サッポロ一番_横浜しょうゆ</t>
  </si>
  <si>
    <t>サッポロ一番_博多とんこつ</t>
  </si>
  <si>
    <t>サッポロ一番_函館しお</t>
  </si>
  <si>
    <t>サッポロ一番坦々麺</t>
  </si>
  <si>
    <t>サッポロ一番ピリ辛トンコツ袋</t>
  </si>
  <si>
    <t>サッポロ一番_ちゃんぽん</t>
  </si>
  <si>
    <t>106g×5</t>
  </si>
  <si>
    <t>サッポロ一番　長崎タンメン</t>
  </si>
  <si>
    <t>サッポロ一番　ほたて味らーめん</t>
  </si>
  <si>
    <t>サッポロ一番トマトとバジル袋</t>
  </si>
  <si>
    <t>サッポロ一番みそラーメン辛口ラー油</t>
  </si>
  <si>
    <t>５Ｐ</t>
  </si>
  <si>
    <t>サッポロ一番カレーラーメン5食パック</t>
  </si>
  <si>
    <t>グリーンプレミアム０醤油ラーメン</t>
  </si>
  <si>
    <t>グリーンプレミアム０海鮮ラーメン</t>
  </si>
  <si>
    <t>サッポロ一番　唐揚げ風　しょうゆ味_5個パック</t>
  </si>
  <si>
    <t>465g</t>
  </si>
  <si>
    <t>グリーンプレミアム０野菜だしラーメン　５食</t>
  </si>
  <si>
    <t>485g</t>
  </si>
  <si>
    <t>大人の担々めん</t>
  </si>
  <si>
    <t>１０１ｇ×５</t>
  </si>
  <si>
    <t>サッポロ一番ちゃんぽん　5食</t>
  </si>
  <si>
    <t>グリーンプレミアム０　８種の野菜だしらーめん</t>
  </si>
  <si>
    <t>サッポロ一番　ご当地麺屋さん　喜多方　コク醤油ラーメン　５Ｐ</t>
  </si>
  <si>
    <t>サッポロ一番　ご当地麺屋さん　和歌山　豚骨醤油ラーメン　５Ｐ</t>
  </si>
  <si>
    <t>グリーンＰ醤油らーめん５Ｐ</t>
  </si>
  <si>
    <t>490G</t>
  </si>
  <si>
    <t>グリーンＰごま油香る塩５Ｐ</t>
  </si>
  <si>
    <t>480G</t>
  </si>
  <si>
    <t>サッポロ一番塩とんこつらーめん</t>
  </si>
  <si>
    <t>サッポロ一番豚骨ラーメン</t>
  </si>
  <si>
    <t>みそラーメン旨辛5P_ケース</t>
  </si>
  <si>
    <t>5Px6</t>
  </si>
  <si>
    <t>ｻｯﾎﾟﾛ一番中華そば5食P</t>
  </si>
  <si>
    <t>89G*5P</t>
  </si>
  <si>
    <t>ｻｯﾎﾟﾛ一番白湯らｰめん5P</t>
  </si>
  <si>
    <t>95G*5P</t>
  </si>
  <si>
    <t>サッポロ一番みそラーメン５０周年ゴールドパック</t>
  </si>
  <si>
    <t>ｻﾝﾎﾟｰｼｮｸﾋﾝ</t>
  </si>
  <si>
    <t>みそラーメン北海道醸造味噌使用５ｐ</t>
  </si>
  <si>
    <t>５２０ｇ</t>
  </si>
  <si>
    <t>塩らーめん九州ゆず胡椒風味５個パック</t>
  </si>
  <si>
    <t>５１０ｇ</t>
  </si>
  <si>
    <t>サッポロ一番みそラーメン加賀味噌使用ねぎみそ風5p</t>
  </si>
  <si>
    <t>515g</t>
  </si>
  <si>
    <t>サッポロ一番塩ラーメン北海道ホタテだし仕上げ5p</t>
  </si>
  <si>
    <t>みそラーメン三重伊勢海老だし5食</t>
  </si>
  <si>
    <t>塩らーめん富山白エビだし5食</t>
  </si>
  <si>
    <t>サッポロ一番みそ冷やし台湾ラーメン風辛口5P</t>
  </si>
  <si>
    <t>サッポロ一番塩冷やし瀬戸内レモン5P</t>
  </si>
  <si>
    <t>サッポロ一番しょうゆ味ウルトラマン5食</t>
  </si>
  <si>
    <t>サッポロ一番みそラーメンウルトラマン5食</t>
  </si>
  <si>
    <t>サッポロ一番塩らーめんウルトラマン5食</t>
  </si>
  <si>
    <t>サッポロ一番ごま味らーめんウルトラマン5食</t>
  </si>
  <si>
    <t>サッポロ一番みそラーメン旨辛5P</t>
  </si>
  <si>
    <t>サッポロ一番みそラーメン旨辛ケース</t>
  </si>
  <si>
    <t>5P×6個入</t>
  </si>
  <si>
    <t>サッポロ一番塩とんこつらーめん5P</t>
  </si>
  <si>
    <t>サッポロ一番塩とんこつケース</t>
  </si>
  <si>
    <t>サッポロ一番みそラーメン三重伊勢海老だし5個</t>
  </si>
  <si>
    <t>サッポロ一番塩らーめん北海道利尻昆布だし仕立て5P</t>
  </si>
  <si>
    <t>サッポロ一番みそラーメン冷やし焙煎ごまだれ5P</t>
  </si>
  <si>
    <t>サッポロ一番塩らーめん冷やし瀬戸内レモン味5P</t>
  </si>
  <si>
    <t>サッポロ一番みそラーメンウルトラマンパッケージ5P</t>
  </si>
  <si>
    <t>サッポロ一番塩らーめんウルトラマンパッケージ5P</t>
  </si>
  <si>
    <t>サッポロ一番ソースやきそばウルトラマンパケ5P</t>
  </si>
  <si>
    <t>サッポロ一番みそラーメンポケモンパッケージ5P</t>
  </si>
  <si>
    <t>サッポロ一番塩らーめんポケモンパッケージ5P</t>
  </si>
  <si>
    <t>サッポロ一番塩らーめんポケモン</t>
  </si>
  <si>
    <t>サッポロ一番みそ旨辛ポケモンパッケージ5P</t>
  </si>
  <si>
    <t>みそラーメン伊勢海老だし仕立て5P</t>
  </si>
  <si>
    <t>塩らーめん利尻昆布だし仕立て5P</t>
  </si>
  <si>
    <t>サッポロ一番みそラーメン焙煎ごまだれ仕上げ</t>
  </si>
  <si>
    <t>サッポロ一番塩らーめん北海道産ホタテだし仕上げ</t>
  </si>
  <si>
    <t>サッポロ一番しょうゆ味国産牛骨だし仕上げ</t>
  </si>
  <si>
    <t>しょうゆ味菰田欣也監修酸辣湯麺風</t>
  </si>
  <si>
    <t>みそラーメン笠原将弘監修真鯛だし仕上げ</t>
  </si>
  <si>
    <t>535g</t>
  </si>
  <si>
    <t>塩らーめん鈴木弥平監修ペペロンチーノ風</t>
  </si>
  <si>
    <t>サッポロ一番ピカチュウのビリビリ担々麺</t>
  </si>
  <si>
    <t>455g</t>
  </si>
  <si>
    <t>しょうゆ味地鶏だし仕上げ5食</t>
  </si>
  <si>
    <t>みそラーメン紅ずわいがにだし5食</t>
  </si>
  <si>
    <t>塩らーめん利尻昆布だし5食</t>
  </si>
  <si>
    <t>サッポロ一番旅麺喜多方醤油ラーメン5食パック</t>
  </si>
  <si>
    <t>サッポロ一番旅麺札幌味噌ラーメン5食パック</t>
  </si>
  <si>
    <t>サッポロ一番旅麺博多豚骨ラーメン5食パック</t>
  </si>
  <si>
    <t>しょうゆ味焦がしねぎ風</t>
  </si>
  <si>
    <t>みそラーメン焙煎ごまみそ風</t>
  </si>
  <si>
    <t>塩らーめんあさりだし仕上げ</t>
  </si>
  <si>
    <t>サッポロ一番塩らーめんワンダー味5食</t>
  </si>
  <si>
    <t>サッポロ一番しょうゆ味かつお香る肉吸い風</t>
  </si>
  <si>
    <t>97g×5</t>
  </si>
  <si>
    <t>サッポロ一番みそラーメンごま香る担々風</t>
  </si>
  <si>
    <t>サッポロ一番塩らーめんホタテ香るマリニエール風</t>
  </si>
  <si>
    <t>95g×5</t>
  </si>
  <si>
    <t>サッポロ一番しょうゆ味旭川醤油ラーメン風</t>
  </si>
  <si>
    <t>サッポロ一番みそラーメン札幌味噌ラーメン風</t>
  </si>
  <si>
    <t>490g</t>
  </si>
  <si>
    <t>サッポロ一番塩らーめん函館塩ラーメン風</t>
  </si>
  <si>
    <t>サッポロ一番みそキャプテンピカチュウのバター</t>
  </si>
  <si>
    <t>旅麺札幌味噌ラーメン</t>
  </si>
  <si>
    <t>旅麺博多豚骨ラーメン</t>
  </si>
  <si>
    <t>旅麺喜多方醤油ラーメン</t>
  </si>
  <si>
    <t>サッポロ一番みそラーメン福岡博多豚骨ラーメン風5食</t>
  </si>
  <si>
    <t>サッポロ一番塩らーめん長崎ちゃんぽん風5食パック</t>
  </si>
  <si>
    <t>サッポロ一番塩らーめんシーフード風味</t>
  </si>
  <si>
    <t>みそラーメン麻辣湯風菰田欣也監修</t>
  </si>
  <si>
    <t>塩らーめんすだち香る和だし仕上げ</t>
  </si>
  <si>
    <t>みそラーメンスヌーピーバター風味5食</t>
  </si>
  <si>
    <t>うまかっちゃん5Pケース</t>
  </si>
  <si>
    <t>470g×6P</t>
  </si>
  <si>
    <t>94g×5P</t>
  </si>
  <si>
    <t>うまかっちゃんＳとんこつ</t>
  </si>
  <si>
    <t>ウマカッチャンコクトンコツ</t>
  </si>
  <si>
    <t>うまかっちゃんピリ辛とんこつ</t>
  </si>
  <si>
    <t>うまかっちゃんみそラーメン</t>
  </si>
  <si>
    <t>うまかっちゃん辛子高菜</t>
  </si>
  <si>
    <t>93g×5P</t>
  </si>
  <si>
    <t>うまかっちゃんごまとんこつ</t>
  </si>
  <si>
    <t>うまかっちゃん黒豚豚骨</t>
  </si>
  <si>
    <t>うまかっちゃん豚骨醤油</t>
  </si>
  <si>
    <t>うまかっちゃん熊本</t>
  </si>
  <si>
    <t>うまかっちゃん久留米とんこつ</t>
  </si>
  <si>
    <t>94g×5</t>
  </si>
  <si>
    <t>うまかっちゃん_うま辛とんこつ</t>
  </si>
  <si>
    <t>うまかっちゃん魚介豚骨</t>
  </si>
  <si>
    <t>うまかっちゃん九州醤油</t>
  </si>
  <si>
    <t>うまかっちゃんピリっと辛みそ</t>
  </si>
  <si>
    <t>うまかっちゃん柚子胡椒風味豚骨</t>
  </si>
  <si>
    <t>うまかっちゃん坦々豚骨　５Ｐ</t>
  </si>
  <si>
    <t>うまかっちゃん_濃い味_復刻版５個</t>
  </si>
  <si>
    <t>うまかっちゃん辛口復刻版</t>
  </si>
  <si>
    <t>うまかっちゃん　つけ麺</t>
  </si>
  <si>
    <t>うまかっちゃん　柚子こしょう風味　豚骨</t>
  </si>
  <si>
    <t>92ｇ×5</t>
  </si>
  <si>
    <t>465ｇ</t>
  </si>
  <si>
    <t>うまかっちゃん　チーズとんこつ　5食パック</t>
  </si>
  <si>
    <t>うまかっちゃんつけ麺醤油とんこつ５個パック</t>
  </si>
  <si>
    <t>うまかっちゃんつけ麺辛みそとんこつ５個パック</t>
  </si>
  <si>
    <t>うまかっちゃん5個つけ麺柚子とんこつ</t>
  </si>
  <si>
    <t>うまかっちゃん5個パック海鮮塩とんこつ</t>
  </si>
  <si>
    <t>うまかっちゃん　海老みそとんこつ　5食パック</t>
  </si>
  <si>
    <t>うまかっちゃん　鶏白湯　5食パック</t>
  </si>
  <si>
    <t>うまかっちゃん　めんたいとんこつ　5食</t>
  </si>
  <si>
    <t>91gx5P</t>
  </si>
  <si>
    <t>うまかっちゃん　焦がし醤油とんこつ　5食</t>
  </si>
  <si>
    <t>うまかっちゃん濃厚新味5個パック</t>
  </si>
  <si>
    <t>84g×5P</t>
  </si>
  <si>
    <t>うまかっちゃん濃厚魚介とんこつ</t>
  </si>
  <si>
    <t>465G</t>
  </si>
  <si>
    <t>うまかっちゃんめんたいとんこつ濃厚仕立て</t>
  </si>
  <si>
    <t>うまかっちゃん　赤辛　５個パック</t>
  </si>
  <si>
    <t>うまかっちゃん鶏だしとんこつ</t>
  </si>
  <si>
    <t>うまかっちゃんうまくち醤油とんこつ</t>
  </si>
  <si>
    <t>92g×5P</t>
  </si>
  <si>
    <t>うまかっちゃん福さ屋漬込み液使用めんたい風味とんこつ5個パック</t>
  </si>
  <si>
    <t>105g×5P</t>
  </si>
  <si>
    <t>正麺味噌</t>
  </si>
  <si>
    <t>104g×5</t>
  </si>
  <si>
    <t>正麺豚骨</t>
  </si>
  <si>
    <t>91g×5</t>
  </si>
  <si>
    <t>マルちゃん正麺_つけ麺_魚介醤油豚骨5p</t>
  </si>
  <si>
    <t>105g×5</t>
  </si>
  <si>
    <t>正麺　鶏白湯味　５食</t>
  </si>
  <si>
    <t>95ｇ×5</t>
  </si>
  <si>
    <t>ﾄｳﾖｽｲｻﾝ</t>
  </si>
  <si>
    <t>正麺　担担麺　５食</t>
  </si>
  <si>
    <t>560G</t>
  </si>
  <si>
    <t>マルちゃん正麺　つけ麺　魚介醤油豚骨　５食</t>
  </si>
  <si>
    <t>正麺旨塩</t>
  </si>
  <si>
    <t>マルちゃん正麺つけ麺魚介醤油５Ｐ</t>
  </si>
  <si>
    <t>正麺醤油5食</t>
  </si>
  <si>
    <t>105gX5P</t>
  </si>
  <si>
    <t>正麺味噌5食</t>
  </si>
  <si>
    <t>108gX5P</t>
  </si>
  <si>
    <t>455G</t>
  </si>
  <si>
    <t>正麺旨塩5食</t>
  </si>
  <si>
    <t>112gX5P</t>
  </si>
  <si>
    <t>マルちゃんマルちゃん正麺豚骨醤油5食</t>
  </si>
  <si>
    <t>正麺中華そば和風醤油5食</t>
  </si>
  <si>
    <t>525g</t>
  </si>
  <si>
    <t>正麺中華そば和風醤油5食ケース</t>
  </si>
  <si>
    <t>525g×6P</t>
  </si>
  <si>
    <t>正麺豚骨5食</t>
  </si>
  <si>
    <t>【終売】マルちゃん　マルちゃん正麺　担々麺　５食</t>
  </si>
  <si>
    <t>540G</t>
  </si>
  <si>
    <t>正麺担々麺5食パック</t>
  </si>
  <si>
    <t>109g×5</t>
  </si>
  <si>
    <t>109gX5</t>
  </si>
  <si>
    <t>マルちゃん正麺10周年記念商品旨辛醤油</t>
  </si>
  <si>
    <t>マルちゃん正麺10周年記念商品鶏白湯</t>
  </si>
  <si>
    <t>正麺豚骨味5食</t>
  </si>
  <si>
    <t>89gX5P</t>
  </si>
  <si>
    <t>正麺とろみあんかけ醤油ラーメン5食</t>
  </si>
  <si>
    <t>100g×5</t>
  </si>
  <si>
    <t>正麺とろみあんかけ醤油ラーメン5食パック</t>
  </si>
  <si>
    <t>100gX5</t>
  </si>
  <si>
    <t>チャルメラみそラーメン</t>
  </si>
  <si>
    <t>チャルメラ袋とんこつ</t>
  </si>
  <si>
    <t>チャルメラ塩ラ-メン</t>
  </si>
  <si>
    <t>チャルメラ新味</t>
  </si>
  <si>
    <t>チャルメラ新味ケース</t>
  </si>
  <si>
    <t>490g×6</t>
  </si>
  <si>
    <t>チャルメラＣａプラス豆乳醤油</t>
  </si>
  <si>
    <t>チャルメラ黒酢しょうゆ</t>
  </si>
  <si>
    <t>明星_ﾁｬﾙﾒﾗﾁｬﾝﾎﾟﾝ_97G*5</t>
  </si>
  <si>
    <t>チャルメラ_辛白湯ラーメン_5食パック</t>
  </si>
  <si>
    <t>ノンフライチャルメラ豚骨</t>
  </si>
  <si>
    <t>チャルメラしょうゆラーメン5食パック復刻版</t>
  </si>
  <si>
    <t>チャルメラもやしが超絶うまい辛まぜそば辛旨ニンニク味</t>
  </si>
  <si>
    <t>チャルメラ宮崎辛麺ちょい辛しょうゆ味5食</t>
  </si>
  <si>
    <t>チャルメラ宮崎辛麺ちょい辛しょうゆ味ケース</t>
  </si>
  <si>
    <t>明星チャルメラ醤油味復刻版5食</t>
  </si>
  <si>
    <t>チャルメラ油そば5食パック</t>
  </si>
  <si>
    <t>ラ王味噌</t>
  </si>
  <si>
    <t>ラ王　豚骨　5食パック</t>
  </si>
  <si>
    <t>日清ラ王担々麺5食</t>
  </si>
  <si>
    <t>ラ王　つけ麺魚介醤油　５食　</t>
  </si>
  <si>
    <t>ラ王　豚骨醤油　5食パック</t>
  </si>
  <si>
    <t>ラ王　柚子しお　5食パック</t>
  </si>
  <si>
    <t>ラ王辛そば５食</t>
  </si>
  <si>
    <t>ラ王　醤油　５食パック</t>
  </si>
  <si>
    <t>ラ王　味噌　５食パック</t>
  </si>
  <si>
    <t>ラ王　塩　　5食パック</t>
  </si>
  <si>
    <t>ラ王　担々麺５食パック</t>
  </si>
  <si>
    <t>ラ王　豚骨　５食パック</t>
  </si>
  <si>
    <t>ラ王　酸辣湯５食</t>
  </si>
  <si>
    <t>ラ王　つけ麺５食パック</t>
  </si>
  <si>
    <t>ラ王　豚骨　５食Ｐ</t>
  </si>
  <si>
    <t>ラ王_ちゃんぽん_5食パック</t>
  </si>
  <si>
    <t>445g</t>
  </si>
  <si>
    <t>ラ王つけ麺濃厚魚介醤油</t>
  </si>
  <si>
    <t>日清日清ラ王醤油5食パック</t>
  </si>
  <si>
    <t>日清日清ラ王味噌5食パック</t>
  </si>
  <si>
    <t>日清日清ラ王柚子しお5食パック</t>
  </si>
  <si>
    <t>日清ラ王豚骨5食パック</t>
  </si>
  <si>
    <t>日清日清ラ王豚骨醤油5食パック</t>
  </si>
  <si>
    <t>日清日清ラ王担々麺5食パック</t>
  </si>
  <si>
    <t>日清ラ王豚骨醤油5食パック</t>
  </si>
  <si>
    <t>日清ラ王ちゃんぽん5食パック</t>
  </si>
  <si>
    <t>ラ王醤油５食</t>
  </si>
  <si>
    <t>ラ王味噌５食</t>
  </si>
  <si>
    <t>ラ王柚子しお５食</t>
  </si>
  <si>
    <t>ラ王担々麺５食</t>
  </si>
  <si>
    <t>ラ王豚骨醤油５食</t>
  </si>
  <si>
    <t>ラ王ちゃんぽん５食</t>
  </si>
  <si>
    <t>日清ラ王キムチチゲ5食</t>
  </si>
  <si>
    <t>チキンラーメン復刻版</t>
  </si>
  <si>
    <t>チキンラーメン袋百年記念</t>
  </si>
  <si>
    <t>85g×5</t>
  </si>
  <si>
    <t>チキンラ－メン復刻版</t>
  </si>
  <si>
    <t>北海道のラーメン屋さん_室蘭カレーラーメン_５食Ｐ</t>
  </si>
  <si>
    <t>85g×5P</t>
  </si>
  <si>
    <t>チキンラーメンひよこＰＫ５食</t>
  </si>
  <si>
    <t>チキンラーメン　復刻版　５食</t>
  </si>
  <si>
    <t>受験生チキンラ－メン</t>
  </si>
  <si>
    <t>TR塩ラーメン</t>
  </si>
  <si>
    <t>ＴＲ塩ラーメン_５食入</t>
  </si>
  <si>
    <t>ＴＲごま醤油ラーメン</t>
  </si>
  <si>
    <t>ＴＲごま醤油ラーメン_５食入</t>
  </si>
  <si>
    <t>ＴＲみそラーメン</t>
  </si>
  <si>
    <t>ＴＲみそラーメン_５食入り</t>
  </si>
  <si>
    <t>チキンスープヌードル5食</t>
  </si>
  <si>
    <t>醤油ラーメン5食東</t>
  </si>
  <si>
    <t>醤油ラーメン5食西</t>
  </si>
  <si>
    <t>味噌ラーメン5食</t>
  </si>
  <si>
    <t>塩ラーメン5食</t>
  </si>
  <si>
    <t>醤油ラーメン5食西ケース</t>
  </si>
  <si>
    <t>塩ラーメン5食ケース</t>
  </si>
  <si>
    <t>435g×6P</t>
  </si>
  <si>
    <t>豚骨ラーメン5食</t>
  </si>
  <si>
    <t>豚骨ラーメン5食ケース</t>
  </si>
  <si>
    <t>445g×6P</t>
  </si>
  <si>
    <t>醤油ラーメン５食</t>
  </si>
  <si>
    <t>味噌ラーメン５食</t>
  </si>
  <si>
    <t>豚骨ラーメン５食</t>
  </si>
  <si>
    <t>麺s味工房醤油ラーメン</t>
  </si>
  <si>
    <t>麺s味工房味噌ラーメン</t>
  </si>
  <si>
    <t>麺s味工房塩ラーメン</t>
  </si>
  <si>
    <t>麺s味工房豚骨ラーメン</t>
  </si>
  <si>
    <t>辛ラーメン袋</t>
  </si>
  <si>
    <t>辛ラーメン5食</t>
  </si>
  <si>
    <t>牛骨ソルロンタン</t>
  </si>
  <si>
    <t>味噌ラーメン5食ケース</t>
  </si>
  <si>
    <t>135g×5</t>
  </si>
  <si>
    <t>一蘭ラーメンちぢれ麺5食</t>
  </si>
  <si>
    <t>665g</t>
  </si>
  <si>
    <t>いつもの醤油ラーメン</t>
  </si>
  <si>
    <t>5ｐ</t>
  </si>
  <si>
    <t>タテヤマ</t>
  </si>
  <si>
    <t>ﾀﾃﾔﾏ</t>
  </si>
  <si>
    <t>いつもの味噌ラーメン</t>
  </si>
  <si>
    <t>いつもの塩ラーメン</t>
  </si>
  <si>
    <t>いつもの豚骨ラーメン</t>
  </si>
  <si>
    <t>やまとの味カレーラーメン</t>
  </si>
  <si>
    <t>89gx5</t>
  </si>
  <si>
    <t>よんチャンTV×ワンタンメン</t>
  </si>
  <si>
    <t>ワンタンメンケース</t>
  </si>
  <si>
    <t>95g×5×6</t>
  </si>
  <si>
    <t>新麺組_コク醤油_５食</t>
  </si>
  <si>
    <t>96g×5</t>
  </si>
  <si>
    <t>新麺組_コクしお_５食</t>
  </si>
  <si>
    <t>新麺組　コクみそ　５食</t>
  </si>
  <si>
    <t>太めんワンタンメン</t>
  </si>
  <si>
    <t>エース　驚きのコシ　味噌ラーメン</t>
  </si>
  <si>
    <t>米粉でﾓﾁﾓﾁﾗｰﾒﾝ_しょうゆ</t>
  </si>
  <si>
    <t>米粉でﾓﾁﾓﾁﾗｰﾒﾝ_みそ</t>
  </si>
  <si>
    <t>わかめﾗｰﾒﾝしょうゆ味_5食</t>
  </si>
  <si>
    <t>ワンタンメン関西だししょうゆ5食パック</t>
  </si>
  <si>
    <t>わかめラーメンごましょうゆ5食パック</t>
  </si>
  <si>
    <t>せやねん×ワンタンメンコムタン風牛骨白湯ラーメン5食</t>
  </si>
  <si>
    <t>よんチャンTV×ワンタンメン4種の海鮮だし塩</t>
  </si>
  <si>
    <t>ワンタンメン豚骨しょうゆ</t>
  </si>
  <si>
    <t>エースワンタンめんしょうゆ</t>
  </si>
  <si>
    <t>ワンタンメン広東風醤油味</t>
  </si>
  <si>
    <t>おはよう朝日土曜日です×ワンタンメン参鶏湯味ラーメン</t>
  </si>
  <si>
    <t>ワンタンメンカレーマイルド</t>
  </si>
  <si>
    <t>ワンタンメンCoCo壱番屋監修カレー味ケース</t>
  </si>
  <si>
    <t>よーいドンワンタンメン鶏だし塩ちゃんこ味5食パック</t>
  </si>
  <si>
    <t>チャンポンメン</t>
  </si>
  <si>
    <t>5食ブラックチャンポンめん</t>
  </si>
  <si>
    <t>無塩製麺しょうゆ味</t>
  </si>
  <si>
    <t>無塩製麺みそ味</t>
  </si>
  <si>
    <t>87g×5</t>
  </si>
  <si>
    <t>5食チャンポンめん海鮮とんこつ</t>
  </si>
  <si>
    <t>チャンポンメン海鮮ショウユ５食</t>
  </si>
  <si>
    <t>無塩製麺とんこつラーメン５Ｐ</t>
  </si>
  <si>
    <t>無塩製麺キムチラーメン５Ｐ</t>
  </si>
  <si>
    <t>88g×5</t>
  </si>
  <si>
    <t>無塩製麺塩ラーメン５食</t>
  </si>
  <si>
    <t>播州らーめん</t>
  </si>
  <si>
    <t>97g×5P</t>
  </si>
  <si>
    <t>5食旨みカレーラーメン</t>
  </si>
  <si>
    <t>キャベツラーメン</t>
  </si>
  <si>
    <t>90g×5</t>
  </si>
  <si>
    <t>たまねぎラーメン</t>
  </si>
  <si>
    <t>5食あまくち醤油らーめん</t>
  </si>
  <si>
    <t>兵庫播州ラーメン</t>
  </si>
  <si>
    <t>無塩製麺　ごぼう味噌</t>
  </si>
  <si>
    <t>5食魚介と野菜のおだしらーめん醤油味</t>
  </si>
  <si>
    <t>5食魚介と野菜のおだしらーめん塩味</t>
  </si>
  <si>
    <t>5食魚介と野菜のおだしらーめん味噌味</t>
  </si>
  <si>
    <t>のれん一代_醤油５Ｐ</t>
  </si>
  <si>
    <t>のれん一代_味噌５Ｐ</t>
  </si>
  <si>
    <t>のれん一代_塩５Ｐ</t>
  </si>
  <si>
    <t>のれん一代_とんこつ５Ｐ</t>
  </si>
  <si>
    <t>だしがきいてる醤油らーめん</t>
  </si>
  <si>
    <t>だしがきいてる味噌らーめん</t>
  </si>
  <si>
    <t>だしがきいてる塩らーめん</t>
  </si>
  <si>
    <t>味紀行とんこつ正油</t>
  </si>
  <si>
    <t>味紀行みそラーメン５Ｐ</t>
  </si>
  <si>
    <t>味紀行とんこつラーメン５Ｐ</t>
  </si>
  <si>
    <t>だしがきいてる醤油ラーメン</t>
  </si>
  <si>
    <t>82g×5</t>
  </si>
  <si>
    <t>だしがきいてる味噌ラーメン</t>
  </si>
  <si>
    <t>だしがきいてる塩</t>
  </si>
  <si>
    <t>だしがきいてるみそラーメン</t>
  </si>
  <si>
    <t>だしがきいてる豚骨ラーメン</t>
  </si>
  <si>
    <t>83g×5</t>
  </si>
  <si>
    <t>味紀行とんこつラーメン</t>
  </si>
  <si>
    <t>みそ煮込うどん5食ケース</t>
  </si>
  <si>
    <t>455g×6P</t>
  </si>
  <si>
    <t>本店の味5食</t>
  </si>
  <si>
    <t>台湾ラーメン5食</t>
  </si>
  <si>
    <t>台湾ラーメン5食ケース</t>
  </si>
  <si>
    <t>460g×6P</t>
  </si>
  <si>
    <t>本店の味メンマしょうゆ味5食</t>
  </si>
  <si>
    <t>本店の味メンマ風味しょうゆ味</t>
  </si>
  <si>
    <t>寿がきやなじみや醤油ラーメン5食</t>
  </si>
  <si>
    <t>寿がきやなじみや塩ラーメン5食</t>
  </si>
  <si>
    <t>醤油ラーメン5食</t>
  </si>
  <si>
    <t>チゲみそ煮込うどん5食入</t>
  </si>
  <si>
    <t>5個入り</t>
  </si>
  <si>
    <t>おいしい麺屋さん_しょうゆ</t>
  </si>
  <si>
    <t>オイシイメンヤミソ</t>
  </si>
  <si>
    <t>おいしい麺屋さん_とんこつ</t>
  </si>
  <si>
    <t>おいしい麺屋さん_こく塩</t>
  </si>
  <si>
    <t>93g×5</t>
  </si>
  <si>
    <t>幸楽醤油_５食</t>
  </si>
  <si>
    <t>幸楽タンメン_５食</t>
  </si>
  <si>
    <t>麺の力中華そばしょうゆ</t>
  </si>
  <si>
    <t>麺の力　担担麺</t>
  </si>
  <si>
    <t>麺の力　担々麺　5食</t>
  </si>
  <si>
    <t>頂　醤油味　５個パック</t>
  </si>
  <si>
    <t>頂しお味５個パック</t>
  </si>
  <si>
    <t>麺の力　醤油とんこつ</t>
  </si>
  <si>
    <t>担々麺３個パック</t>
  </si>
  <si>
    <t>321g</t>
  </si>
  <si>
    <t>ちゃんぽん３個パック</t>
  </si>
  <si>
    <t>頂　つけ麺</t>
  </si>
  <si>
    <t>カレーラーメン　中辛</t>
  </si>
  <si>
    <t>頂　豚骨</t>
  </si>
  <si>
    <t>頂　とろみ中華広東風醤油ラー麺</t>
  </si>
  <si>
    <t>頂　とろみ中華四川風酸辣湯麺</t>
  </si>
  <si>
    <t>サッポロ一番　塩とんこつラーメン　５食パック</t>
  </si>
  <si>
    <t>頂つけ麺魚介醤油だれ</t>
  </si>
  <si>
    <t>グリーンプレミアム0_とろみ生姜ラーメン5食</t>
  </si>
  <si>
    <t>４３５ｇ</t>
  </si>
  <si>
    <t>東京これだね　５０周年_５食</t>
  </si>
  <si>
    <t>ほたて味らｰめん_５０周年　５食</t>
  </si>
  <si>
    <t>470G</t>
  </si>
  <si>
    <t>ご当地麺屋さん_東京_鶏ガラ醤油ラーメン</t>
  </si>
  <si>
    <t>５２５ｇ</t>
  </si>
  <si>
    <t>ご当地麺屋さん_京都_背脂醤油ラーメン</t>
  </si>
  <si>
    <t>トムヤムラーメン５個パック</t>
  </si>
  <si>
    <t>広東風麺　５P</t>
  </si>
  <si>
    <t>酸辣湯風麺　５P</t>
  </si>
  <si>
    <t>５３０ｇ</t>
  </si>
  <si>
    <t>元祖ニュータンタンメン本舗タンタンメン５ｐ</t>
  </si>
  <si>
    <t>札幌ラーメンどさん子監修味噌ラーメン５P</t>
  </si>
  <si>
    <t>サッポロ一番しょうゆ味北海道醸造醤油使用</t>
  </si>
  <si>
    <t>サッポロ一番ごま味ラーメン九州醸造醤油使用</t>
  </si>
  <si>
    <t>サッポロ一番中華そば創業70周年記念復刻版</t>
  </si>
  <si>
    <t>赤みそラーメン5食</t>
  </si>
  <si>
    <t>みそ味ラーメン5食</t>
  </si>
  <si>
    <t>しょうゆ味ラーメン5食</t>
  </si>
  <si>
    <t>ハイラーメン5食パック</t>
  </si>
  <si>
    <t>ﾄｳｽｲ</t>
  </si>
  <si>
    <t>ナガハマラーメン</t>
  </si>
  <si>
    <t>みそラーメン5食</t>
  </si>
  <si>
    <t>しょうゆラーメン5食</t>
  </si>
  <si>
    <t>バリうまとんこつラーメン5P</t>
  </si>
  <si>
    <t>100g×5P</t>
  </si>
  <si>
    <t>昔ながらの中華そば</t>
  </si>
  <si>
    <t>新昔ながらの中華そばみそ</t>
  </si>
  <si>
    <t>新昔ながらの中華そばとんこつ</t>
  </si>
  <si>
    <t>ワンタンメン_しょうゆ</t>
  </si>
  <si>
    <t>バリうましょうゆラーメン５Ｐ</t>
  </si>
  <si>
    <t>ワンタンメンシオ_５Ｐ</t>
  </si>
  <si>
    <t>たまご麺_醤油とんこつ５Ｐ</t>
  </si>
  <si>
    <t>たまご麺_コク味噌５Ｐ</t>
  </si>
  <si>
    <t>昔ながらの中華そば5食</t>
  </si>
  <si>
    <t>昔ながらのみそラーメン5食</t>
  </si>
  <si>
    <t>昔ながらのとんこつ５Ｐ</t>
  </si>
  <si>
    <t>昔ながらの塩ラーメン</t>
  </si>
  <si>
    <t>屋台十八番なま味しょうゆ5食</t>
  </si>
  <si>
    <t>屋台十八番なま味みそ5食</t>
  </si>
  <si>
    <t>屋台十八番なま味しお5P</t>
  </si>
  <si>
    <t>91g×5P</t>
  </si>
  <si>
    <t>屋台なま味醤油５Ｐ</t>
  </si>
  <si>
    <t>屋台なま味味噌５Ｐ</t>
  </si>
  <si>
    <t>屋台なま味塩５Ｐ</t>
  </si>
  <si>
    <t>屋台十八番しょうゆ5食</t>
  </si>
  <si>
    <t>屋台十八番みそ5食</t>
  </si>
  <si>
    <t>屋台十八番しお5食</t>
  </si>
  <si>
    <t>屋台十八番_とんこつ５Ｐ</t>
  </si>
  <si>
    <t>らーめんたべたいしょうゆ味</t>
  </si>
  <si>
    <t>86g×5</t>
  </si>
  <si>
    <t>らーめんたべたいみそ味</t>
  </si>
  <si>
    <t>89g×5</t>
  </si>
  <si>
    <t>らーめんたべたいしお味</t>
  </si>
  <si>
    <t>らーめんたべたいとんこつ味</t>
  </si>
  <si>
    <t>たまご麺_うまみ塩５Ｐ</t>
  </si>
  <si>
    <t>屋台十八番_魚介しょうゆ５Ｐ</t>
  </si>
  <si>
    <t>屋台十八番_坦坦麺５Ｐ</t>
  </si>
  <si>
    <t>屋台十八番なま味煮干中華そば5食</t>
  </si>
  <si>
    <t>545g</t>
  </si>
  <si>
    <t>屋台十八番_塩坦坦麺_5P</t>
  </si>
  <si>
    <t>97g×5p</t>
  </si>
  <si>
    <t>あんかけしょうゆ味ラーメン５食</t>
  </si>
  <si>
    <t>110ｇｘ5</t>
  </si>
  <si>
    <t>マルちゃん　カレーラーメン　５Ｐ</t>
  </si>
  <si>
    <t>マルちゃん　屋台十八番生味えび味噌味</t>
  </si>
  <si>
    <t>120gx5食</t>
  </si>
  <si>
    <t>スープカレーラーメン5食</t>
  </si>
  <si>
    <t>屋台十八番旨辛5食</t>
  </si>
  <si>
    <t>まんぞくの一杯しょうゆ5食</t>
  </si>
  <si>
    <t>まんぞくの一杯みそ5食</t>
  </si>
  <si>
    <t>まんぞくの一杯しお5食</t>
  </si>
  <si>
    <t>まんぞくの一杯しお5食ケース</t>
  </si>
  <si>
    <t>420g×6P</t>
  </si>
  <si>
    <t>屋台十八番なま味仙台辛味噌5食パック</t>
  </si>
  <si>
    <t>117g×5</t>
  </si>
  <si>
    <t>屋台十八番なま味青森煮干中華5食パック</t>
  </si>
  <si>
    <t>出前一丁ごまみそ５Ｐ</t>
  </si>
  <si>
    <t>出前一丁ごまとんこつ</t>
  </si>
  <si>
    <t>出前一丁ごまとんこつ５Ｐ</t>
  </si>
  <si>
    <t>出前一丁５Ｐ復刻版</t>
  </si>
  <si>
    <t>ラーメン屋さん旭川醤油５食</t>
  </si>
  <si>
    <t>ラーメン屋さん札幌みそ５食</t>
  </si>
  <si>
    <t>ラーメン屋さん函館風味５食</t>
  </si>
  <si>
    <t>101g×5P</t>
  </si>
  <si>
    <t>ラーメン屋さん横浜中華袋</t>
  </si>
  <si>
    <t>ラーメン屋さん旨みとんこつ</t>
  </si>
  <si>
    <t>87G*5</t>
  </si>
  <si>
    <t>北海道のラーメン屋さん　旭川しょうゆ味_５食</t>
  </si>
  <si>
    <t>北海道のラーメン屋さん　札幌みそ味_５食</t>
  </si>
  <si>
    <t>北海道のラーメン屋さん　函館しお味_５食</t>
  </si>
  <si>
    <t>日清のラーメン屋さん　旭川しょうゆ味５食</t>
  </si>
  <si>
    <t>日清のラーメン屋さん　札幌みそ味５食</t>
  </si>
  <si>
    <t>日清のラーメン屋さん　函館しお味５食</t>
  </si>
  <si>
    <t>出前一丁　復刻版　５食</t>
  </si>
  <si>
    <t>ラーメン屋さん旭川しょうゆ5食パック</t>
  </si>
  <si>
    <t>日清のラーメン屋さん札幌みそ5食パック</t>
  </si>
  <si>
    <t>ラーメン屋さん函館しお5食パック</t>
  </si>
  <si>
    <t>日清北海道のラーメン屋さん旭川しょうゆ5食パック</t>
  </si>
  <si>
    <t>日清北海道のラーメン屋さん札幌みそ5食パック</t>
  </si>
  <si>
    <t>日清北海道のラーメン屋さん函館しお5食パック</t>
  </si>
  <si>
    <t>日清ビーフラーメン5食455ｇ</t>
  </si>
  <si>
    <t>455ｇ</t>
  </si>
  <si>
    <t>日清ポークラーメン5食460ｇ</t>
  </si>
  <si>
    <t>460ｇ</t>
  </si>
  <si>
    <t>出前一丁　辛にんにく＆ごまラー油　５食　５１０ｇ</t>
  </si>
  <si>
    <t>510G</t>
  </si>
  <si>
    <t>日清のラーメン屋さん　札幌スープカレーラーメン５食パック</t>
  </si>
  <si>
    <t>ラーメン屋さん鶏炊きしょうゆ</t>
  </si>
  <si>
    <t>ラーメン屋さん札幌味噌</t>
  </si>
  <si>
    <t>ラーメン屋さん函館塩</t>
  </si>
  <si>
    <t>ラーメン屋さん醤油とんこつ</t>
  </si>
  <si>
    <t>ラーメン屋さんピリ辛とんこつ</t>
  </si>
  <si>
    <t>出前一丁香辣麻油味</t>
  </si>
  <si>
    <t>日清のラーメン屋さん旭川しょうゆ5食</t>
  </si>
  <si>
    <t>日清のラーメン屋さん札幌みそ5食</t>
  </si>
  <si>
    <t>日清のラーメン屋さん函館しお5食</t>
  </si>
  <si>
    <t>日清ラーメン屋さんスープカレーラーメン5食</t>
  </si>
  <si>
    <t>焼そばポックンミョン韓国風甘辛チーズ</t>
  </si>
  <si>
    <t>395g×5</t>
  </si>
  <si>
    <t>ラーメン屋さん札幌みそ</t>
  </si>
  <si>
    <t>405g×5</t>
  </si>
  <si>
    <t>ラーメン屋さん旭川しょうゆ</t>
  </si>
  <si>
    <t>400g×5</t>
  </si>
  <si>
    <t>ラーメン屋さん函館しおケース</t>
  </si>
  <si>
    <t>395g×5×6</t>
  </si>
  <si>
    <t>ラーメン屋さん札幌みそケース</t>
  </si>
  <si>
    <t>405g×5×6</t>
  </si>
  <si>
    <t>ラーメン屋さん旭川しょうゆケース</t>
  </si>
  <si>
    <t>400g×5×6</t>
  </si>
  <si>
    <t>受験生出前一丁</t>
  </si>
  <si>
    <t>ｷﾞｮｳﾚﾂｾﾝﾀﾞ</t>
  </si>
  <si>
    <t>ホソウチメイジン５Ｐ</t>
  </si>
  <si>
    <t>すきやねん醤油</t>
  </si>
  <si>
    <t>90g×5P</t>
  </si>
  <si>
    <t>すきやねんみそ味</t>
  </si>
  <si>
    <t>うまかあごだしとんこつ</t>
  </si>
  <si>
    <t>92g*5個</t>
  </si>
  <si>
    <t>しあわせの激辛ラーメン</t>
  </si>
  <si>
    <t>長崎ちゃんぽん</t>
  </si>
  <si>
    <t>本場の味九州博多長浜ラーメン</t>
  </si>
  <si>
    <t>本場の味九州長崎チャンポン麺5P</t>
  </si>
  <si>
    <t>マルタイ　マルタイラーメン５食　袋　３９５ｇ</t>
  </si>
  <si>
    <t>395G</t>
  </si>
  <si>
    <t>ラーメン5食袋</t>
  </si>
  <si>
    <t>99g×5</t>
  </si>
  <si>
    <t>バリ辛焼きそばこれだ</t>
  </si>
  <si>
    <t>カレー祭_屋台焼きラーメン</t>
  </si>
  <si>
    <t>四海楼監修長崎ちゃんぽん</t>
  </si>
  <si>
    <t>沖縄そば5食</t>
  </si>
  <si>
    <t>究麺　醤油</t>
  </si>
  <si>
    <t>103g×5</t>
  </si>
  <si>
    <t>究麺　味噌</t>
  </si>
  <si>
    <t>究麺　豚骨</t>
  </si>
  <si>
    <t>評判屋中華そば醤油</t>
  </si>
  <si>
    <t>評判屋中華そば塩味</t>
  </si>
  <si>
    <t>評判屋の中華そば_豚骨</t>
  </si>
  <si>
    <t>評判屋の中華そば_味噌</t>
  </si>
  <si>
    <t>評判屋　中華そばしょうゆ味</t>
  </si>
  <si>
    <t>評判屋　中華そばしお味</t>
  </si>
  <si>
    <t>評判屋　とんこつらーめん</t>
  </si>
  <si>
    <t>評判屋みそらーめん　5食パック</t>
  </si>
  <si>
    <t>評判屋重ねだし醤油ラーメン</t>
  </si>
  <si>
    <t>評判屋重ねだし塩ラーメン</t>
  </si>
  <si>
    <t>評判屋重ねだし塩ラーメン5食ケース</t>
  </si>
  <si>
    <t>5食×6</t>
  </si>
  <si>
    <t>評判屋重ねだし豚骨ラーメン5食</t>
  </si>
  <si>
    <t>評判屋重ねだし味噌ラーメン</t>
  </si>
  <si>
    <t>評判屋重ねだし味噌ラーメン5食ケース</t>
  </si>
  <si>
    <t>評判屋重ねだしまろやか豚骨ラーメン</t>
  </si>
  <si>
    <t>評判屋重ねだしまろやか豚骨ラーメン5食ケース</t>
  </si>
  <si>
    <t>味の大関5食パック復刻版</t>
  </si>
  <si>
    <t>味の大関復刻版しょうゆ味</t>
  </si>
  <si>
    <t>ﾏﾙｶｼｮｳｼﾞ</t>
  </si>
  <si>
    <t>味の大関復刻版しお味</t>
  </si>
  <si>
    <t>味の大関復刻版みそ味</t>
  </si>
  <si>
    <t>ﾏﾙｱkｼｮｳｼﾞ</t>
  </si>
  <si>
    <t>味の大関5食パック復刻版ケース</t>
  </si>
  <si>
    <t>450g×6</t>
  </si>
  <si>
    <t>街一番中華そばしょうゆ</t>
  </si>
  <si>
    <t>街一番みそラーメン</t>
  </si>
  <si>
    <t>街一番しおラーメン</t>
  </si>
  <si>
    <t>街一番中華そば</t>
  </si>
  <si>
    <t>しょう油ラーメン</t>
  </si>
  <si>
    <t>みそラーメン</t>
  </si>
  <si>
    <t>80g×5</t>
  </si>
  <si>
    <t>しおラーメン</t>
  </si>
  <si>
    <t>中華そば醤油５食</t>
  </si>
  <si>
    <t>中華そば味噌５食</t>
  </si>
  <si>
    <t>中華そば塩５食</t>
  </si>
  <si>
    <t>中華そば豚骨５食</t>
  </si>
  <si>
    <t>しょうゆラーメン</t>
  </si>
  <si>
    <t>81g×5P</t>
  </si>
  <si>
    <t>82g×5P</t>
  </si>
  <si>
    <t>AKAGI塩ラーメン</t>
  </si>
  <si>
    <t>80g×5P</t>
  </si>
  <si>
    <t>とんこつラーメン</t>
  </si>
  <si>
    <t>大黒軒醤油ラーメン</t>
  </si>
  <si>
    <t>大黒軒味噌ラーメン</t>
  </si>
  <si>
    <t>大黒軒塩ラーメン</t>
  </si>
  <si>
    <t>大黒軒　豚骨ラーメン</t>
  </si>
  <si>
    <t>420ｇ</t>
  </si>
  <si>
    <t>大黒食品　ＡＫＡＧＩ　醤油ラーメン　５食　４０５ｇ</t>
  </si>
  <si>
    <t>405G</t>
  </si>
  <si>
    <t>大黒食品　ＡＫＡＧＩ　味噌ラーメン　５食　４０５ｇ</t>
  </si>
  <si>
    <t>大黒食品　ＡＫＡＧＩ　塩ラーメン　５食　４００ｇ</t>
  </si>
  <si>
    <t>金ちゃんラーメン</t>
  </si>
  <si>
    <t>103g×5P</t>
  </si>
  <si>
    <t>金ちゃん　徳島らーめん　袋</t>
  </si>
  <si>
    <t>１０６ｇ×５食入</t>
  </si>
  <si>
    <t>金ちゃんヌードルちゃんぽん</t>
  </si>
  <si>
    <t>金ちゃん海老しおラーメン5食</t>
  </si>
  <si>
    <t>熊本とんこつラーメン</t>
  </si>
  <si>
    <t>五食入</t>
  </si>
  <si>
    <t>サッポロラーメンしょう油</t>
  </si>
  <si>
    <t>サッポロラーメンみそ</t>
  </si>
  <si>
    <t>84g×5</t>
  </si>
  <si>
    <t>サッポロタンメン塩5食P</t>
  </si>
  <si>
    <t>90gｶｹﾙ5</t>
  </si>
  <si>
    <t>87gｶｹﾙ5</t>
  </si>
  <si>
    <t>しおラーメン5食</t>
  </si>
  <si>
    <t>88gｶｹﾙ5</t>
  </si>
  <si>
    <t>即席しょうゆラ－メン</t>
  </si>
  <si>
    <t>即席みそラ－メン</t>
  </si>
  <si>
    <t>即席とんこつラーメン</t>
  </si>
  <si>
    <t>５個入</t>
  </si>
  <si>
    <t>鹿児島丸豚ラーメン5食</t>
  </si>
  <si>
    <t>89g×5P</t>
  </si>
  <si>
    <t>88g×5P</t>
  </si>
  <si>
    <t>山本製粉旨華楼中華そば魚介豚骨醤油5食</t>
  </si>
  <si>
    <t>阿部商会</t>
  </si>
  <si>
    <t>サッポロラーメン塩</t>
  </si>
  <si>
    <t>サリ麺太麺</t>
  </si>
  <si>
    <t>110g×5P</t>
  </si>
  <si>
    <t>三養ラーメン辛口5食</t>
  </si>
  <si>
    <t>120g×5</t>
  </si>
  <si>
    <t>クアトロチーズブルダック炒め麺5食</t>
  </si>
  <si>
    <t>145gX5</t>
  </si>
  <si>
    <t>140GX5</t>
  </si>
  <si>
    <t>ジャジャンブルダック炒め麺5食</t>
  </si>
  <si>
    <t>ヤンニョムチキンブルダック炒め麺5食</t>
  </si>
  <si>
    <t>ココ麺　５ｐ</t>
  </si>
  <si>
    <t>115g×５</t>
  </si>
  <si>
    <t>男子ラーメン　５ｐ</t>
  </si>
  <si>
    <t>120ｇ×５</t>
  </si>
  <si>
    <t>トムヤムシュリンプ</t>
  </si>
  <si>
    <t>トムヤムシュリンプクリーム</t>
  </si>
  <si>
    <t>塩こしょうラーメン</t>
  </si>
  <si>
    <t>70g×5</t>
  </si>
  <si>
    <t>トムヤムシュリンプグリーンカレー</t>
  </si>
  <si>
    <t>ﾔﾑﾔﾑ</t>
  </si>
  <si>
    <t>ベトナムフォーチキン風</t>
  </si>
  <si>
    <t>ホワトカリー麺</t>
  </si>
  <si>
    <t>ﾏｲｸｱﾘ</t>
  </si>
  <si>
    <t>みそ煮込うどん5食</t>
  </si>
  <si>
    <t>名古屋流カレーうどん5食</t>
  </si>
  <si>
    <t>みそ煮込5P</t>
  </si>
  <si>
    <t>5食入チゲ風みそ煮込うどん</t>
  </si>
  <si>
    <t>5食入カレーみそ煮込うどん</t>
  </si>
  <si>
    <t>グリーンプレミアム０鴨だしうどん5個パック</t>
  </si>
  <si>
    <t>475ｇ</t>
  </si>
  <si>
    <t>細麺うどん</t>
  </si>
  <si>
    <t>510ｇ</t>
  </si>
  <si>
    <t>カレーうどん甘口5食</t>
  </si>
  <si>
    <t>101gX5P</t>
  </si>
  <si>
    <t>【終売】カレーうどんあま辛</t>
  </si>
  <si>
    <t>１０４ｇ×５</t>
  </si>
  <si>
    <t>正麺　うどん</t>
  </si>
  <si>
    <t>正麺　カレーうどん</t>
  </si>
  <si>
    <t>正麺カレーうどん</t>
  </si>
  <si>
    <t>正麺うどん</t>
  </si>
  <si>
    <t>正麺_うどん_5食パック_西</t>
  </si>
  <si>
    <t>どん兵衛　関西風だしうどん</t>
  </si>
  <si>
    <t>どん兵衛　韓国風チゲうどん</t>
  </si>
  <si>
    <t>日清_どん兵衛カレーうどん</t>
  </si>
  <si>
    <t>108g×5</t>
  </si>
  <si>
    <t>どん兵衛_生うどん食感_昆布の旨みつゆ付</t>
  </si>
  <si>
    <t>どん兵衛_生うどん食感鰹だしつゆ付</t>
  </si>
  <si>
    <t>どん兵衛_生うどん食感昆布だしつゆ付</t>
  </si>
  <si>
    <t>旨い辛さのカレーうどん</t>
  </si>
  <si>
    <t>5食山芋そば</t>
  </si>
  <si>
    <t>天ぷらそば5食</t>
  </si>
  <si>
    <t>93gX5P</t>
  </si>
  <si>
    <t>正麺　鴨だしそば</t>
  </si>
  <si>
    <t>正麺_鴨だしせいろそば5食</t>
  </si>
  <si>
    <t>78g×5</t>
  </si>
  <si>
    <t>正麺鴨だしそば５P</t>
  </si>
  <si>
    <t>マルちゃん　鴨だしそば　5食P</t>
  </si>
  <si>
    <t>カレーうどん甘口5食ケース</t>
  </si>
  <si>
    <t>天ぷらそば5食ケース</t>
  </si>
  <si>
    <t>どん兵衛_生そば食感_鰹の旨みつゆ付</t>
  </si>
  <si>
    <t>どん兵衛_生そば食感_鰹だしつゆ付</t>
  </si>
  <si>
    <t>どん兵衛　生そば食感　鴨だし　５食</t>
  </si>
  <si>
    <t>１０５ｇ×５</t>
  </si>
  <si>
    <t>マルちゃん　焼そば　からっぺ５Ｐ</t>
  </si>
  <si>
    <t>マルちゃん正麺台湾まぜそば</t>
  </si>
  <si>
    <t>２４２ｇ</t>
  </si>
  <si>
    <t>マルちゃん正麺汁なし担担麺</t>
  </si>
  <si>
    <t>２４６ｇ</t>
  </si>
  <si>
    <t>正麺ソース焼そば5食</t>
  </si>
  <si>
    <t>正麺焼そば５食パック</t>
  </si>
  <si>
    <t>焼そば５Ｐ復刻版</t>
  </si>
  <si>
    <t>チャルメラもやしが超絶うまいまぜそば</t>
  </si>
  <si>
    <t>焼チキン５食パック</t>
  </si>
  <si>
    <t>焼チキン　５Ｐ</t>
  </si>
  <si>
    <t>焼チキン5食パック</t>
  </si>
  <si>
    <t>日清焼そば50周年限定版</t>
  </si>
  <si>
    <t>ソース焼きそば5食</t>
  </si>
  <si>
    <t>ソース焼きそば5食ケース</t>
  </si>
  <si>
    <t>440g×6P</t>
  </si>
  <si>
    <t>麺s味工房ソース焼そば</t>
  </si>
  <si>
    <t>カレーブルダック炒め麺5食</t>
  </si>
  <si>
    <t>140g×5</t>
  </si>
  <si>
    <t>カルボブルダック炒め麺5食</t>
  </si>
  <si>
    <t>140g×5P</t>
  </si>
  <si>
    <t>チーズブルダック炒め麺5食</t>
  </si>
  <si>
    <t>極辛ブルダック炒め麺5食</t>
  </si>
  <si>
    <t>クリームカルボブルダック炒め麺5食</t>
  </si>
  <si>
    <t>130g×5P</t>
  </si>
  <si>
    <t>塩やきそば</t>
  </si>
  <si>
    <t>5食お好み焼きそば</t>
  </si>
  <si>
    <t>台湾焼そば</t>
  </si>
  <si>
    <t>台湾まぜそば５食</t>
  </si>
  <si>
    <t>ソースやきそば</t>
  </si>
  <si>
    <t>112g×5P</t>
  </si>
  <si>
    <t>サッポロ一番アラビアン焼そば</t>
  </si>
  <si>
    <t>縁日の焼きそば　５食　東味</t>
  </si>
  <si>
    <t>縁日の焼きそば　５食　西味</t>
  </si>
  <si>
    <t>縁日の焼そば５食</t>
  </si>
  <si>
    <t>９４ｇ×５Ｐ</t>
  </si>
  <si>
    <t>油そば　５個パック</t>
  </si>
  <si>
    <t>ソースやきそば5P</t>
  </si>
  <si>
    <t>ソースやきそば5P_ケース</t>
  </si>
  <si>
    <t>焼そば5食パック</t>
  </si>
  <si>
    <t>焼そばやきっぺ5食</t>
  </si>
  <si>
    <t>昔ながらのソース焼そば５Ｐ</t>
  </si>
  <si>
    <t>101g×5</t>
  </si>
  <si>
    <t>焼そばやきっぺ5食ケース</t>
  </si>
  <si>
    <t>袋やきそば弁当中華スープ付5食パック</t>
  </si>
  <si>
    <t>焼そば　復刻版　５食</t>
  </si>
  <si>
    <t>晩餐館焼肉のたれ味焼きそば</t>
  </si>
  <si>
    <t>鉄板焼そば５Ｐ</t>
  </si>
  <si>
    <t>鉄板焼そば袋</t>
  </si>
  <si>
    <t>鉄板焼きそば</t>
  </si>
  <si>
    <t>鉄板焼きそばケース</t>
  </si>
  <si>
    <t>焼きそば</t>
  </si>
  <si>
    <t>キンチャンソースヤキソバ</t>
  </si>
  <si>
    <t>サッポロソース焼そば5食P</t>
  </si>
  <si>
    <t>旨華楼　焼そば　ソース味</t>
  </si>
  <si>
    <t>タイ焼きそばガイ・ヤーン味</t>
  </si>
  <si>
    <t>YumYum</t>
  </si>
  <si>
    <t>正麺冷やし中華</t>
  </si>
  <si>
    <t>119g×5</t>
  </si>
  <si>
    <t>正麺_冷し中華</t>
  </si>
  <si>
    <t>正麺　ごまだれ冷し</t>
  </si>
  <si>
    <t>正麺　冷し中華</t>
  </si>
  <si>
    <t>正麺ごまだれ冷し　５Ｐ</t>
  </si>
  <si>
    <t>120G×5</t>
  </si>
  <si>
    <t>マルちゃん正麺_冷し中華5p</t>
  </si>
  <si>
    <t>118g×5</t>
  </si>
  <si>
    <t>マルちゃん正麺_ごまだれ冷し</t>
  </si>
  <si>
    <t>マルちゃん正麺　ごまだれ冷し　５食</t>
  </si>
  <si>
    <t>マルちゃん正麺トマトだれ冷</t>
  </si>
  <si>
    <t>マルちゃん正麺冷し中華５Ｐ</t>
  </si>
  <si>
    <t>５９０ｇ</t>
  </si>
  <si>
    <t>マルちゃん正麺ごまだれ冷し５Ｐ</t>
  </si>
  <si>
    <t>マルちゃん正麺冷し中華5食パック</t>
  </si>
  <si>
    <t>マルちゃん正麺ごまだれ冷し5食パック</t>
  </si>
  <si>
    <t>マルちゃん正麺ごま油香る鶏だれ冷し</t>
  </si>
  <si>
    <t>冷し中華　醤油　５食　</t>
  </si>
  <si>
    <t>ラ王冷やし中華柚子しおだれ</t>
  </si>
  <si>
    <t>日清ラ王　冷し中華　5食パック</t>
  </si>
  <si>
    <t>ラ王　冷やし中華しょうゆ</t>
  </si>
  <si>
    <t>ラ王　冷し中華_しょうゆだれ</t>
  </si>
  <si>
    <t>111g×5</t>
  </si>
  <si>
    <t>ラ王　冷やし中華ごまだれ</t>
  </si>
  <si>
    <t>ラ王　冷やし中華　しょうゆだ</t>
  </si>
  <si>
    <t>ラ王　冷やし中華　ごまだれ</t>
  </si>
  <si>
    <t>ラ王冷し中華しょうゆ５食</t>
  </si>
  <si>
    <t>ラ王冷し中華ごまだれ５食</t>
  </si>
  <si>
    <t>冷やしぶっかけ_塩らーめん_青しそ仕上げ</t>
  </si>
  <si>
    <t>冷やしラーメン５Ｐ</t>
  </si>
  <si>
    <t>冷やしラーメンごまだれ５Ｐ</t>
  </si>
  <si>
    <t>131g×5</t>
  </si>
  <si>
    <t>冷しラーメン5食パック</t>
  </si>
  <si>
    <t>冷しラーメンごまだれ</t>
  </si>
  <si>
    <t>134g×5</t>
  </si>
  <si>
    <t>ラーメン屋さん冷し中華</t>
  </si>
  <si>
    <t>冷やし中華5食</t>
  </si>
  <si>
    <t>冷やし中華5食パック</t>
  </si>
  <si>
    <t>サッポロ一番みそラーメン5個500g3個セット</t>
  </si>
  <si>
    <t>サッポロ一番塩らーめん5個500g3個セット</t>
  </si>
  <si>
    <t>サッポロ一番みそラーメン2個セット</t>
  </si>
  <si>
    <t>サッポロ一番みそ・塩セットサッポロ一番みそ・塩セット</t>
  </si>
  <si>
    <t>500×２</t>
  </si>
  <si>
    <t>サッポロ一番しょう油ラーメン5Pケース</t>
  </si>
  <si>
    <t>5P×6P</t>
  </si>
  <si>
    <t>サッポロ一番みそラーメンケース</t>
  </si>
  <si>
    <t>サッポロ一番塩ラーメンケース</t>
  </si>
  <si>
    <t>サッポロ一番ごま味ラーメンケース</t>
  </si>
  <si>
    <t>みそらーめんが鍋になりました_鍋スープ＆〆のラーメンセット</t>
  </si>
  <si>
    <t>２７８ｇ</t>
  </si>
  <si>
    <t>塩らーめんが鍋になりました</t>
  </si>
  <si>
    <t>みそラーメンが鍋になりました</t>
  </si>
  <si>
    <t>２８４ｇ</t>
  </si>
  <si>
    <t>サッポロ一番塩とんこつらーめんケース</t>
  </si>
  <si>
    <t>しょうゆ味地鶏だし仕上げ5食ケース</t>
  </si>
  <si>
    <t>510g×6</t>
  </si>
  <si>
    <t>みそラーメン紅ずわいがにだし5食ケース</t>
  </si>
  <si>
    <t>塩らーめん利尻昆布だし5食ケース</t>
  </si>
  <si>
    <t>505g×6</t>
  </si>
  <si>
    <t>うまかっちゃん6個セット</t>
  </si>
  <si>
    <t>うまかっちゃん3個セット</t>
  </si>
  <si>
    <t>うまかっちゃん辛子高菜5Pケース</t>
  </si>
  <si>
    <t>465g×5P</t>
  </si>
  <si>
    <t>うまかっちゃん濃厚新味5P_ケース</t>
  </si>
  <si>
    <t>420g×6</t>
  </si>
  <si>
    <t>うまかっちゃんケース</t>
  </si>
  <si>
    <t>うまかっちゃん濃厚新味ケース</t>
  </si>
  <si>
    <t>うまかっちゃんからし高菜ケース</t>
  </si>
  <si>
    <t>465g×6P</t>
  </si>
  <si>
    <t>うまかっちゃんおかえりケース</t>
  </si>
  <si>
    <t>うまかっちゃん鹿児島豚骨ケース</t>
  </si>
  <si>
    <t>466g×6P</t>
  </si>
  <si>
    <t>うまかっちゃん熊本火の国とんこつケース</t>
  </si>
  <si>
    <t>470gx6P</t>
  </si>
  <si>
    <t>ﾊｳｳｼｮｸﾋﾝ</t>
  </si>
  <si>
    <t>うまかっちゃんからし高菜5Pケース</t>
  </si>
  <si>
    <t>うまかっちゃん熊本火の国流とんこつ５Ｐケース</t>
  </si>
  <si>
    <t>420gx6</t>
  </si>
  <si>
    <t>うまかっちゃん鹿児島黒豚5Pケース</t>
  </si>
  <si>
    <t>465gx6P</t>
  </si>
  <si>
    <t>うまかっちゃん濃厚新味5Pケース</t>
  </si>
  <si>
    <t>420gx6P</t>
  </si>
  <si>
    <t>正麺醤油５食_6個ｾｯﾄ</t>
  </si>
  <si>
    <t>525g*6</t>
  </si>
  <si>
    <t>正麺醤油味5食ケース</t>
  </si>
  <si>
    <t>正麺味噌味5食ケース</t>
  </si>
  <si>
    <t>540g×6P</t>
  </si>
  <si>
    <t>正麺旨塩味5食ケース</t>
  </si>
  <si>
    <t>560g×6P</t>
  </si>
  <si>
    <t>正麺豚骨醤油味5食ケース</t>
  </si>
  <si>
    <t>505g×6P</t>
  </si>
  <si>
    <t>正麺豚骨味5食ケース</t>
  </si>
  <si>
    <t>チャルメラ宮崎辛麺5食480g6個セット</t>
  </si>
  <si>
    <t>チャルメラ醤油ラ-メンケース</t>
  </si>
  <si>
    <t>チャルメラみそラーメンケース</t>
  </si>
  <si>
    <t>チャルメラ塩ラ-メンケース</t>
  </si>
  <si>
    <t>チャルメラちゃんぽんケース</t>
  </si>
  <si>
    <t>チャルメラバリカタ麺豚骨ケース</t>
  </si>
  <si>
    <t>チャルメラ宮崎辛麺ケース</t>
  </si>
  <si>
    <t>チャルメラもやしが超絶うまいまぜそばケース</t>
  </si>
  <si>
    <t>チャルメラもやしが超絶うまい辛まぜそば辛旨ニンニク味ケース</t>
  </si>
  <si>
    <t>5食入×6P</t>
  </si>
  <si>
    <t>ラ王味噌ケース</t>
  </si>
  <si>
    <t>ラ王醤油ケース</t>
  </si>
  <si>
    <t>チキンラーメン5食425g</t>
  </si>
  <si>
    <t>チキンラーメンケース</t>
  </si>
  <si>
    <t>85g×5×6P</t>
  </si>
  <si>
    <t>０秒チキンラーメンケース</t>
  </si>
  <si>
    <t>75g*30</t>
  </si>
  <si>
    <t>マルちゃんZUBAAAN3種セット</t>
  </si>
  <si>
    <t>辛ラーメン　5食　2個セット</t>
  </si>
  <si>
    <t>600g＊２</t>
  </si>
  <si>
    <t>12袋セット</t>
  </si>
  <si>
    <t>ラーメン屋ピリカラケース</t>
  </si>
  <si>
    <t>ＴＲごま醤油ケース</t>
  </si>
  <si>
    <t>チキンスープヌードル_ケース</t>
  </si>
  <si>
    <t>85g×30</t>
  </si>
  <si>
    <t>醤油ラーメン5食東ケース</t>
  </si>
  <si>
    <t>PALDOMrキムチラーメン</t>
  </si>
  <si>
    <t>博多ラーメン亭_とんこつ味</t>
  </si>
  <si>
    <t>89.5g×5</t>
  </si>
  <si>
    <t>名店の味6種味比べセット</t>
  </si>
  <si>
    <t>ノリット・ジャポン</t>
  </si>
  <si>
    <t>ﾉﾘｯﾄｼﾞｬﾎﾟﾝ</t>
  </si>
  <si>
    <t>ワンタンメン関西だししょうゆ5食パックケース</t>
  </si>
  <si>
    <t>わかめラーメンごま・しょうゆパックケース</t>
  </si>
  <si>
    <t>北の麺寒干しラーメン醤油１０食</t>
  </si>
  <si>
    <t>80g×10</t>
  </si>
  <si>
    <t>菊水</t>
  </si>
  <si>
    <t>ｷｸｽｲ</t>
  </si>
  <si>
    <t>北の麺寒干しラーメン味噌１０食</t>
  </si>
  <si>
    <t>北の麺寒干しラーメン塩１０食</t>
  </si>
  <si>
    <t>北の麺寒干しラーメン醤油　8食</t>
  </si>
  <si>
    <t>80g×8</t>
  </si>
  <si>
    <t>北の麺寒干しラーメン味噌　8食</t>
  </si>
  <si>
    <t>北の麺寒干しラーメンしお　8食</t>
  </si>
  <si>
    <t>だし麺高知県産柚子だし塩ラーメン</t>
  </si>
  <si>
    <t>だし麺霧島黒豚豚骨だしラーメン</t>
  </si>
  <si>
    <t>奈良天理醤油ラーメン_ケース</t>
  </si>
  <si>
    <t>126gx12</t>
  </si>
  <si>
    <t>即席赤からラーメン_ケース</t>
  </si>
  <si>
    <t>122gx12</t>
  </si>
  <si>
    <t>即席Sugakiyaラーメンケース</t>
  </si>
  <si>
    <t>111g×12P</t>
  </si>
  <si>
    <t>本店の味　メンマしょうゆ味　5食_ケース</t>
  </si>
  <si>
    <t>445gx6</t>
  </si>
  <si>
    <t>本店の味メンマ風味しょうゆ味5Pケース</t>
  </si>
  <si>
    <t>塩焼きそば</t>
  </si>
  <si>
    <t>火の国熊本黒豚味噌豚骨ラーメ</t>
  </si>
  <si>
    <t>254G</t>
  </si>
  <si>
    <t>五木庵　きつねうどん</t>
  </si>
  <si>
    <t>太平燕＆火の国熊本とんこつラ</t>
  </si>
  <si>
    <t>380ｇ</t>
  </si>
  <si>
    <t>熊本ラーメンセット（くまモン</t>
  </si>
  <si>
    <t>535ｇ</t>
  </si>
  <si>
    <t>九州ラーメンセット（くまモン</t>
  </si>
  <si>
    <t>549ｇ</t>
  </si>
  <si>
    <t>熊本とんこつラーメンTO-3</t>
  </si>
  <si>
    <t>洋食屋さんが作ったカレー麺</t>
  </si>
  <si>
    <t>カレーラーメン鍋セット</t>
  </si>
  <si>
    <t>ご当地熱愛麺坂内食堂喜多方本店監修中華そば3食パックケース</t>
  </si>
  <si>
    <t>270g×9</t>
  </si>
  <si>
    <t>屋台十八番なましょうゆ５食　ケース</t>
  </si>
  <si>
    <t>485gX6</t>
  </si>
  <si>
    <t>屋台十八番なま味みそ５食　ケース</t>
  </si>
  <si>
    <t>525gX6</t>
  </si>
  <si>
    <t>屋台十八番生味煮干中華そば５食　ケース</t>
  </si>
  <si>
    <t>545gX6</t>
  </si>
  <si>
    <t>スープカレーラーメン５食　ケース</t>
  </si>
  <si>
    <t>465gX6</t>
  </si>
  <si>
    <t>屋台十八番しょうゆ5食ケース</t>
  </si>
  <si>
    <t>屋台十八番みそ5食ケース</t>
  </si>
  <si>
    <t>屋台十八番しお５食　ケース</t>
  </si>
  <si>
    <t>屋台十八番旨辛５食　ケース</t>
  </si>
  <si>
    <t>まんぞくの一杯しょうゆ5食ケース</t>
  </si>
  <si>
    <t>415g×6P</t>
  </si>
  <si>
    <t>まんぞくの一杯みそ5食ケース</t>
  </si>
  <si>
    <t>425g×6P</t>
  </si>
  <si>
    <t>ダブルラーメンしょうゆケース</t>
  </si>
  <si>
    <t>ダブルラーメンみそ　ケース</t>
  </si>
  <si>
    <t>ダブルラーメン塩ケース</t>
  </si>
  <si>
    <t>出前一丁ケース</t>
  </si>
  <si>
    <t>101g×5×6P</t>
  </si>
  <si>
    <t>0秒チキンラーメンカラムーチョ味ケース</t>
  </si>
  <si>
    <t>80g×30</t>
  </si>
  <si>
    <t>沖縄そば5食パックケース</t>
  </si>
  <si>
    <t>評判屋重ねだし醤油ラーメン5食ケース</t>
  </si>
  <si>
    <t>450g×6P</t>
  </si>
  <si>
    <t>お徳用ミニラーメンチキン</t>
  </si>
  <si>
    <t>金ちゃんラーメンケース</t>
  </si>
  <si>
    <t>ブンガオ1.2mm</t>
  </si>
  <si>
    <t>アイトス</t>
  </si>
  <si>
    <t>ｱｲﾄｽ</t>
  </si>
  <si>
    <t>前沢牛らーめん10食入</t>
  </si>
  <si>
    <t>白金豚らーめんみそ味10食入</t>
  </si>
  <si>
    <t>秋刀魚らーめん10食入</t>
  </si>
  <si>
    <t>三千里カルビスープラーメンケース</t>
  </si>
  <si>
    <t>132g×10</t>
  </si>
  <si>
    <t>味覇拉麺食べ比べセット</t>
  </si>
  <si>
    <t>1セット</t>
  </si>
  <si>
    <t>サッポロラーメンタンメン</t>
  </si>
  <si>
    <t>冷し中華そばカボス味</t>
  </si>
  <si>
    <t>キリンラーメンしょうゆ6P</t>
  </si>
  <si>
    <t>キリンラーメンみそ6P</t>
  </si>
  <si>
    <t>キリンラーメンしお6P</t>
  </si>
  <si>
    <t>オットギ　ふくろチャプチェ</t>
  </si>
  <si>
    <t>HaoHaoTomChuaCay</t>
  </si>
  <si>
    <t>みそ煮込5Pケース</t>
  </si>
  <si>
    <t>460×6p</t>
  </si>
  <si>
    <t>はたけなかあかもくうどん</t>
  </si>
  <si>
    <t>日清焼そばケース</t>
  </si>
  <si>
    <t>100g×5×6P</t>
  </si>
  <si>
    <t>ＳＡＭＹＡＮＧ　ぶるだっく炒め麺５食　７００ｇ　２個セット</t>
  </si>
  <si>
    <t>ペヤング青森煮干し焼きそば箱</t>
  </si>
  <si>
    <t>104g×18</t>
  </si>
  <si>
    <t>ポンポコ焼そばソース味</t>
  </si>
  <si>
    <t>ベホンドンビビン麺</t>
  </si>
  <si>
    <t>マルちゃんワンタン旨みしょうゆ味トレー55g3個セット</t>
  </si>
  <si>
    <t>ＴＲ塩ラーメンケース</t>
  </si>
  <si>
    <t>ＴＲみそラーメンケース</t>
  </si>
  <si>
    <t>タイヌードル　トムヤム春雨　３食袋入</t>
  </si>
  <si>
    <t>１５６ｇ</t>
  </si>
  <si>
    <t>タイヌードル　チキン春雨　３食袋入</t>
  </si>
  <si>
    <t>１４１ｇ</t>
  </si>
  <si>
    <t>コリコレポックム鉄板タッカルビ</t>
  </si>
  <si>
    <t>207g</t>
  </si>
  <si>
    <t>コリコレポックム豚肉ポックム</t>
  </si>
  <si>
    <t>満太郎満洲軒の中華そばしょうゆ</t>
  </si>
  <si>
    <t>巷口乾麺　麻醤風味</t>
  </si>
  <si>
    <t>巷口乾麺　炸醤風味</t>
  </si>
  <si>
    <t>から揚げ風しょうゆ味</t>
  </si>
  <si>
    <t>洋食屋さんが作ったオムめん</t>
  </si>
  <si>
    <t>正麺冷し中華</t>
  </si>
  <si>
    <t>正麺ごまだれ冷し</t>
  </si>
  <si>
    <t>マルちゃん　鴨だしそば　ケース</t>
  </si>
  <si>
    <t>109ｇx6</t>
  </si>
  <si>
    <t>日清のどん兵衛　極みだし関西風うどん３食</t>
  </si>
  <si>
    <t>どん兵衛極みそば　3食</t>
  </si>
  <si>
    <t>３食うどんスープ付</t>
  </si>
  <si>
    <t>ビーフンビーフ風味</t>
  </si>
  <si>
    <t>ミーゴレン</t>
  </si>
  <si>
    <t>60g*5</t>
  </si>
  <si>
    <t>GURIMI</t>
  </si>
  <si>
    <t>カップ麺</t>
  </si>
  <si>
    <t>たて型</t>
  </si>
  <si>
    <t>飲み干す一杯贅沢担担麺</t>
  </si>
  <si>
    <t>タテロング飲み干す一杯地鶏と鴨だしの芳醇中華そば</t>
  </si>
  <si>
    <t>札幌すすきのの名店麺屋すずらん味噌らーめん</t>
  </si>
  <si>
    <t>こだわる大人の王様スープ焼ふぐだしの淡麗塩そば</t>
  </si>
  <si>
    <t>こだわる大人の王様スープ焼牡蠣だしの塩白湯麺</t>
  </si>
  <si>
    <t>魚藍亭監修よこすか海軍カレーラーメンビーフ味</t>
  </si>
  <si>
    <t>魚藍亭監修よこすか海軍カレーラーメンチキン味</t>
  </si>
  <si>
    <t>博多純情らーめんshinshin監修炊き出し豚骨98g</t>
  </si>
  <si>
    <t>サッポロ一番久世福商店毎日野菜だし塩らーめん</t>
  </si>
  <si>
    <t>みそGOLD伊勢海老だし仕上げ柚子バター風</t>
  </si>
  <si>
    <t>富士郎豚骨醤油ラーメン</t>
  </si>
  <si>
    <t>真･三国無双成都式担担麺</t>
  </si>
  <si>
    <t>ご当地熱愛麺札幌ラーメンどさん子監修味噌ラーメン</t>
  </si>
  <si>
    <t>日高屋監修野菜たっぷりタンメンタテ</t>
  </si>
  <si>
    <t>麺創研紅監修濃厚辛味噌ラーメン</t>
  </si>
  <si>
    <t>とんこつパラダイス黒マー油豚骨</t>
  </si>
  <si>
    <t>カップヌードル味噌北海道限定パッケージ箱</t>
  </si>
  <si>
    <t>83g×20P</t>
  </si>
  <si>
    <t>カップヌードルPRO</t>
  </si>
  <si>
    <t>カップヌードルPROシーフード</t>
  </si>
  <si>
    <t>カップヌードルねぎ塩カルビビッグ</t>
  </si>
  <si>
    <t>カップヌードルPROチリトマト</t>
  </si>
  <si>
    <t>カップヌードルクエストキャンペーン16種コンプリートBOX</t>
  </si>
  <si>
    <t>2543g</t>
  </si>
  <si>
    <t>カップヌードル塩分控えめPRO</t>
  </si>
  <si>
    <t>ＣＮ塩分控えめＰＲＯ１日分のカルシウム＆ビタミンＤカレー</t>
  </si>
  <si>
    <t>カップヌードルシーフードパエリア</t>
  </si>
  <si>
    <t>カップヌードルスパイシーカレー</t>
  </si>
  <si>
    <t>カップヌードル鶏白湯ビッグ</t>
  </si>
  <si>
    <t>ラ王うにクリ</t>
  </si>
  <si>
    <t>味噌っ子ふっく味噌らーめん</t>
  </si>
  <si>
    <t>カップヌードルイタリアンシーフード</t>
  </si>
  <si>
    <t>譚仔三哥麻辣ラーメン</t>
  </si>
  <si>
    <t>特上カップヌードル</t>
  </si>
  <si>
    <t>特上カップヌードルカレー</t>
  </si>
  <si>
    <t>特上カップヌードルシーフード</t>
  </si>
  <si>
    <t>特上カップヌードルチリトマト</t>
  </si>
  <si>
    <t>AFURI柚子塩らーめん</t>
  </si>
  <si>
    <t>カップヌードル暗殺者のパスタ風ビッグ</t>
  </si>
  <si>
    <t>103G</t>
  </si>
  <si>
    <t>カップヌードルバターチキンカレービッグ</t>
  </si>
  <si>
    <t>カップヌードル豚骨ジェノバビッグ</t>
  </si>
  <si>
    <t>カップヌードル14種のスパイス麻辣湯</t>
  </si>
  <si>
    <t>カップヌードルたまごまみれビッグ</t>
  </si>
  <si>
    <t>カップヌードル花椒香るシビ辛麻婆ビッグ</t>
  </si>
  <si>
    <t>カップヌードル魚豚</t>
  </si>
  <si>
    <t>カップヌードルレッドシーフードヌードル</t>
  </si>
  <si>
    <t>カップヌードルレッドシーフードヌードルケース</t>
  </si>
  <si>
    <t>2.2kg</t>
  </si>
  <si>
    <t>だし仕込カップヌードル</t>
  </si>
  <si>
    <t>だし仕込カップヌードルシーフードヌードル</t>
  </si>
  <si>
    <t>だし仕込カップヌードルカレー</t>
  </si>
  <si>
    <t>カップヌードル魚豚ケース</t>
  </si>
  <si>
    <t>85g×20</t>
  </si>
  <si>
    <t>カップヌードル謎肉放題</t>
  </si>
  <si>
    <t>ザ･バリカタ55ラーメン健太ねぎ豚骨</t>
  </si>
  <si>
    <t>ザ･バリカタ55らーめん八背脂とんこつ</t>
  </si>
  <si>
    <t>醤油ヌードル</t>
  </si>
  <si>
    <t>味噌ヌードル</t>
  </si>
  <si>
    <t>70g×12P</t>
  </si>
  <si>
    <t>海鮮塩ヌードル</t>
  </si>
  <si>
    <t>66g×12P</t>
  </si>
  <si>
    <t>大黒_トムヤムクンヌードル</t>
  </si>
  <si>
    <t>70g×12</t>
  </si>
  <si>
    <t>金ちゃん飯店焼豚ラーメン</t>
  </si>
  <si>
    <t>辛ラーメン_キムチカップ</t>
  </si>
  <si>
    <t>75g＊１２</t>
  </si>
  <si>
    <t>本場韓国のりラーメン</t>
  </si>
  <si>
    <t>68g×12P</t>
  </si>
  <si>
    <t>チーズポキ</t>
  </si>
  <si>
    <t>カップヌードル醤油</t>
  </si>
  <si>
    <t>カレーヌードル</t>
  </si>
  <si>
    <t>シーフードヌードル</t>
  </si>
  <si>
    <t>カップヌードル</t>
  </si>
  <si>
    <t>カップヌードルシーフード</t>
  </si>
  <si>
    <t>カップヌードルカレー</t>
  </si>
  <si>
    <t>海鮮王カップラーメン</t>
  </si>
  <si>
    <t>サングリーン</t>
  </si>
  <si>
    <t>ｻﾝｸﾞﾘｰﾝ</t>
  </si>
  <si>
    <t>海鮮王</t>
  </si>
  <si>
    <t>ﾊﾟﾙﾄﾞｰ</t>
  </si>
  <si>
    <t>海鮮ｶｯﾌﾟ麺　縦型</t>
  </si>
  <si>
    <t>ｺﾑﾀﾝｶｯﾌﾟ麺　縦型</t>
  </si>
  <si>
    <t>キャンベルヌードル</t>
  </si>
  <si>
    <t>だし技味噌にゅうめん</t>
  </si>
  <si>
    <t>ＣｏＣｏ壱番屋　野菜カレー</t>
  </si>
  <si>
    <t>海老風味の濃厚味噌ラーメン</t>
  </si>
  <si>
    <t>飲み干す一杯　麻婆麺</t>
  </si>
  <si>
    <t>どっさり野菜カレーラーメン</t>
  </si>
  <si>
    <t>旭川しょうゆラーメン</t>
  </si>
  <si>
    <t>飲み干す一杯チゲラーメン</t>
  </si>
  <si>
    <t>タテロング　飲み干す一杯　担担麺</t>
  </si>
  <si>
    <t>バリィさんの今治ラーメンやけん</t>
  </si>
  <si>
    <t>くまモンの熊本ラーメンだもん</t>
  </si>
  <si>
    <t>リンガーハット　ピリ辛ちゃんぽん</t>
  </si>
  <si>
    <t>極どろ　特濃豚骨醤油</t>
  </si>
  <si>
    <t>どっさり野菜　ごま味噌ラーメン</t>
  </si>
  <si>
    <t>ご当地最前線　久留米ど豚骨</t>
  </si>
  <si>
    <t>飲み干す一杯_旨塩湯麺</t>
  </si>
  <si>
    <t>渾身の飲み干す一杯担担麺</t>
  </si>
  <si>
    <t>飲み干す一杯旨塩湯麺</t>
  </si>
  <si>
    <t>北海道味物語じゃが塩バターラーメン</t>
  </si>
  <si>
    <t>白だるま_とんこつ</t>
  </si>
  <si>
    <t>えび麺海老ワンタンしお</t>
  </si>
  <si>
    <t>飲み干す濃熟豚骨</t>
  </si>
  <si>
    <t>大吉メンマ醤油</t>
  </si>
  <si>
    <t>大吉コーン味噌</t>
  </si>
  <si>
    <t>大吉きざみネギ豚骨</t>
  </si>
  <si>
    <t>アメリカンヌードルコンソメ醤油</t>
  </si>
  <si>
    <t>アメリカンヌードルしおバター</t>
  </si>
  <si>
    <t>ヌードルグー_みそ</t>
  </si>
  <si>
    <t>エース飲み干す一杯豚骨醤油</t>
  </si>
  <si>
    <t>春雨ヌードル鶏チキンコンソメ</t>
  </si>
  <si>
    <t>どっさり野菜BIG　塩タンメン</t>
  </si>
  <si>
    <t>どっさり野菜BIG　豚骨醤油</t>
  </si>
  <si>
    <t>飲み干す一杯　熊本　黒マー油豚骨</t>
  </si>
  <si>
    <t>ときたまご風チキンカレー味ラーメン６４g</t>
  </si>
  <si>
    <t>行列必至の中華そば</t>
  </si>
  <si>
    <t>飲み干す一杯　札幌　海老味噌ラーメン　</t>
  </si>
  <si>
    <t>飲み干す一杯　尾道　背脂醤油ラーメン</t>
  </si>
  <si>
    <t>ときたまご風旨辛チゲラーメン　６２ｇ</t>
  </si>
  <si>
    <t>どっさり野菜ちゃんぽん</t>
  </si>
  <si>
    <t>どっさり野菜塩タンメン</t>
  </si>
  <si>
    <t>特製焦がし醤油</t>
  </si>
  <si>
    <t>ＥＤＧＥ　シゲキング鶏しおレモン味ラーメン　</t>
  </si>
  <si>
    <t>飲み干す一杯味噌バター味ラーメン</t>
  </si>
  <si>
    <t>飲み干す一杯尾道背脂醤油ラーメン</t>
  </si>
  <si>
    <t>飲み干す一杯京都背脂醤油ラーメン</t>
  </si>
  <si>
    <t>ライスヌードル鶏豆腐だんご</t>
  </si>
  <si>
    <t>ライスヌードル緑の野菜</t>
  </si>
  <si>
    <t>エースコック　タテ型大吉鯛だし醤油ラーメン　５２ｇ</t>
  </si>
  <si>
    <t>エースコック　タテ型大吉鰹だし味噌ラーメン　５２ｇ</t>
  </si>
  <si>
    <t>エースコック　タテ型大吉昆布だし塩ラーメン　５２ｇ</t>
  </si>
  <si>
    <t>一度は名店の味　ど・みそ　特みそこってり　９６ｇ</t>
  </si>
  <si>
    <t>タテロングわかめラーメンしじみだし・しょうゆ</t>
  </si>
  <si>
    <t>全国ラーメン店すすきの編らーめん空監修辛味噌</t>
  </si>
  <si>
    <t>マサカのウマサ中華あんかけ醤油ラーメン</t>
  </si>
  <si>
    <t>エースコック　よこすか海軍カレーラーメン　６２ｇ</t>
  </si>
  <si>
    <t>まる旨ワンタン中華そば</t>
  </si>
  <si>
    <t>まる旨豚骨ラーメン</t>
  </si>
  <si>
    <t>でびっと監修　鶏とん塩ラーメン</t>
  </si>
  <si>
    <t>63ｇ</t>
  </si>
  <si>
    <t>でびっと監修　煮干し醤油ラーメン</t>
  </si>
  <si>
    <t>天理スタミナラーメン　しょうゆ味</t>
  </si>
  <si>
    <t>シュリンプヌードル</t>
  </si>
  <si>
    <t>MEGAゴマ_担担麺</t>
  </si>
  <si>
    <t>飲み干す一杯　佐野しょうゆラーメン</t>
  </si>
  <si>
    <t>飲み干す一杯　名古屋台湾ラーメン</t>
  </si>
  <si>
    <t>飲み干す一杯　和歌山こってり中華そば</t>
  </si>
  <si>
    <t>飲み干す一杯札幌海老味噌ラーメン</t>
  </si>
  <si>
    <t>飲み干す一杯仙台辛味噌ラーメン</t>
  </si>
  <si>
    <t>飲み干す一杯横浜豚骨醤油ラーメン</t>
  </si>
  <si>
    <t>飲み干す一杯博多背脂とんこつラーメン</t>
  </si>
  <si>
    <t>うんめぇ_三条カレーラーメン</t>
  </si>
  <si>
    <t>うんめぇ_妙高とん汁うどん</t>
  </si>
  <si>
    <t>うんめぇ_新潟麻婆麺</t>
  </si>
  <si>
    <t>ラーメンモッチッチワンタン麺</t>
  </si>
  <si>
    <t>ラーメンモッチッチ野菜タンメン</t>
  </si>
  <si>
    <t>Ｈキティ４５周年お祝いＣ麺しょうゆラーメン　５２ｇ</t>
  </si>
  <si>
    <t>Ｈキティ４５周年お祝いＣ麺とんこつラーメン　５４ｇ</t>
  </si>
  <si>
    <t>たらっと　とろりたまご風醤油ラーメン</t>
  </si>
  <si>
    <t>たらっと　とろりチーズ風チゲラーメン</t>
  </si>
  <si>
    <t>ハローキティヌードル　野菜しょうゆ</t>
  </si>
  <si>
    <t>ハローキティヌードル　クリーミーとんこつ</t>
  </si>
  <si>
    <t>ラーメンモッチッチワンタンしょうゆ</t>
  </si>
  <si>
    <t>ラーメンモッチッチ野菜タンメンしお</t>
  </si>
  <si>
    <t>ラーメンモッチッチ炒め野菜香るみそ</t>
  </si>
  <si>
    <t>飲み干す一杯東京荻窪煮干中華そば</t>
  </si>
  <si>
    <t>飲み干す一杯函館塩ラーメン</t>
  </si>
  <si>
    <t>飲み干す一杯和歌山こってり中華そば</t>
  </si>
  <si>
    <t>飲み干す一杯佐野しょうゆラーメン</t>
  </si>
  <si>
    <t>飲み干す一杯宮崎辛麺</t>
  </si>
  <si>
    <t>飲み干す一杯鴨だし中華そば</t>
  </si>
  <si>
    <t>飲み干す一杯尾道背脂醤油</t>
  </si>
  <si>
    <t>タテロング　飲み干す一杯　どこってり背脂豚骨醤油</t>
  </si>
  <si>
    <t>まる旨旨辛麺</t>
  </si>
  <si>
    <t>タテロング　飲み干す一杯　脂だく背脂味噌ラーメン</t>
  </si>
  <si>
    <t>飲み干す一杯辛だれ豚骨ラーメン</t>
  </si>
  <si>
    <t>タテ型　飲み干す一杯　塩バター味ラーメン</t>
  </si>
  <si>
    <t>サンキューわかめラーメンしじみだし・しょうゆ</t>
  </si>
  <si>
    <t>８９ｇ</t>
  </si>
  <si>
    <t>たた味スタミナ中華そば</t>
  </si>
  <si>
    <t>９４ｇ</t>
  </si>
  <si>
    <t>ハローキティKawaiiヌードルしょうゆ味</t>
  </si>
  <si>
    <t>ハローキティKawaiiヌードルとんこつ味</t>
  </si>
  <si>
    <t>あさりだし仕立塩ラーメン</t>
  </si>
  <si>
    <t>飲み干す一杯鴨だし中華そばケース</t>
  </si>
  <si>
    <t>72g×12P</t>
  </si>
  <si>
    <t>飲み干す一杯贅沢担担麺ケース</t>
  </si>
  <si>
    <t>103g×12P</t>
  </si>
  <si>
    <t>飲み干す一杯　尾道背油醤油ラーメン　ケース</t>
  </si>
  <si>
    <t>67g×12P</t>
  </si>
  <si>
    <t>魚藍亭監修よこすか海軍カレーラーメンケース</t>
  </si>
  <si>
    <t>59g×12P</t>
  </si>
  <si>
    <t>お取り寄せNIPPON富山県産白エビだし使用塩ラーメンケース</t>
  </si>
  <si>
    <t>58g×12P</t>
  </si>
  <si>
    <t>お取り寄せNIPPON宮崎県産霧島黒豚だし使用豚骨ケース</t>
  </si>
  <si>
    <t>お取り寄せNIPPON北海道産花咲ガニだし使用醤油ケース</t>
  </si>
  <si>
    <t>65g×12P</t>
  </si>
  <si>
    <t>もったいないをおいしいに_なにわの潮ラーメン醤油ケース</t>
  </si>
  <si>
    <t>60g×12</t>
  </si>
  <si>
    <t>もったいないをおいしいに_なにわの潮ラーメン塩ケース</t>
  </si>
  <si>
    <t>どっさり野菜塩タンメンケース</t>
  </si>
  <si>
    <t>57g×12</t>
  </si>
  <si>
    <t>でびっと監修鶏こく醤油ラーメンケース</t>
  </si>
  <si>
    <t>66g×12</t>
  </si>
  <si>
    <t>でびっと監修鶏とん塩ラーメンケース</t>
  </si>
  <si>
    <t>63g×12</t>
  </si>
  <si>
    <t>飲み干す一杯担担麺</t>
  </si>
  <si>
    <t>飲み干す一杯_背脂とんこつラーメン</t>
  </si>
  <si>
    <t>56ｇ</t>
  </si>
  <si>
    <t>69ｇ</t>
  </si>
  <si>
    <t>飲み干す一杯山椒風味辛味噌</t>
  </si>
  <si>
    <t>７４Ｇ</t>
  </si>
  <si>
    <t>トムヤムクン風ヌードル</t>
  </si>
  <si>
    <t>くまモンの熊本ラーメンだモン</t>
  </si>
  <si>
    <t>うる星やつら_あっさり醤油ラーメン</t>
  </si>
  <si>
    <t>らんま_濃厚味噌ラーメン</t>
  </si>
  <si>
    <t>ぞっこん玉ねぎ　鶏だし醤油ラーメン</t>
  </si>
  <si>
    <t>ぞっこん高菜　うま辛豚骨ラーメン</t>
  </si>
  <si>
    <t>57ｇ</t>
  </si>
  <si>
    <t>ティーヌン監修　元祖トムヤムラーメン</t>
  </si>
  <si>
    <t>ワンタンヌードル</t>
  </si>
  <si>
    <t>うまさぎっしり新潟　うんめぇ妙高とん汁ラーメン</t>
  </si>
  <si>
    <t>がんばろう熊本！くまモンの熊本ラ</t>
  </si>
  <si>
    <t>がんばろう熊本こぶたのワンタンメン６０</t>
  </si>
  <si>
    <t>ブタメンBIGわさびとんこつ味</t>
  </si>
  <si>
    <t>飲み干す一杯　鶏とろ醤油ラーメン　ケース</t>
  </si>
  <si>
    <t>71g×12</t>
  </si>
  <si>
    <t>どっさり野菜　旨辛しょうゆラーメン　ケース</t>
  </si>
  <si>
    <t>どっさり野菜ちゃんぽんケース</t>
  </si>
  <si>
    <t>61g×12</t>
  </si>
  <si>
    <t>どっさり野菜　ちゃんぽん　ケース</t>
  </si>
  <si>
    <t>どっさり野菜　チリトマト味ラーメン　ケース</t>
  </si>
  <si>
    <t>飲み干す一杯担担麺ケース</t>
  </si>
  <si>
    <t>76g×12P</t>
  </si>
  <si>
    <t>飲み干す一杯　背脂とんこつラーメン　ケース</t>
  </si>
  <si>
    <t>まる旨　中華そば　ケース</t>
  </si>
  <si>
    <t>まる旨　味噌ラーメン　ケース</t>
  </si>
  <si>
    <t>まる旨　豚骨ラーメン　ケース</t>
  </si>
  <si>
    <t>飲み干す一杯_名古屋台湾ラーメンケース</t>
  </si>
  <si>
    <t>67g×12</t>
  </si>
  <si>
    <t>飲み干す一杯函館塩ラーメンケース</t>
  </si>
  <si>
    <t>65g×12</t>
  </si>
  <si>
    <t>飲み干す一杯佐野しょうゆラーメンケース</t>
  </si>
  <si>
    <t>飲み干す一杯宮崎辛麺ケース</t>
  </si>
  <si>
    <t>お取り寄せNIPPON北海道産花咲ガニだし醤油ラーメンケース</t>
  </si>
  <si>
    <t>お取り寄せNIPPON愛媛宇和海産真鯛だし使用塩ラーメンケース</t>
  </si>
  <si>
    <t>お取り寄せNIPPON名古屋コーチンだし使用醤油ラーメンケース</t>
  </si>
  <si>
    <t>飲み干す一杯味噌バター味ラーメンケース</t>
  </si>
  <si>
    <t>飲み干す一杯　尾道　背脂醤油ラーメンケース</t>
  </si>
  <si>
    <t>69g×12</t>
  </si>
  <si>
    <t>飲み干す一杯京都背脂醤油ラーメンケース</t>
  </si>
  <si>
    <t>まる旨ワンタン中華そばケース</t>
  </si>
  <si>
    <t>58g×12</t>
  </si>
  <si>
    <t>まる旨味噌ラーメンケース</t>
  </si>
  <si>
    <t>59g×12</t>
  </si>
  <si>
    <t>まる旨豚骨ラーメンケース</t>
  </si>
  <si>
    <t>シュリンプヌードルケース</t>
  </si>
  <si>
    <t>56g×12P</t>
  </si>
  <si>
    <t>カレーヌードルケース</t>
  </si>
  <si>
    <t>69g×12P</t>
  </si>
  <si>
    <t>飲み干す一杯札幌海老味噌ラーメンケース</t>
  </si>
  <si>
    <t>飲み干す一杯仙台辛味噌ラーメンケース</t>
  </si>
  <si>
    <t>飲み干す一杯横浜豚骨醤油ラーメンケース</t>
  </si>
  <si>
    <t>飲み干す一杯博多背脂とんこつラーメンケース</t>
  </si>
  <si>
    <t>Ｈキティ４５周年お祝いＣ麺しょうゆラーメン（ケース）</t>
  </si>
  <si>
    <t>52gx12</t>
  </si>
  <si>
    <t>Ｈキティ４５周年お祝いＣ麺とんこつラーメン（ケース）</t>
  </si>
  <si>
    <t>54gx12</t>
  </si>
  <si>
    <t>ラーメンモッチッチ_ワンタンしょうゆケース</t>
  </si>
  <si>
    <t>ラーメンモッチッチ_野菜タンメンしおケース</t>
  </si>
  <si>
    <t>飲み干す一杯新潟生姜醤油ラーメン</t>
  </si>
  <si>
    <t>俺の勝負飯横浜家系とんこつ醤油ラーメン大盛り</t>
  </si>
  <si>
    <t>火の国の醤油ラーメン</t>
  </si>
  <si>
    <t>火の国の野菜タンメン</t>
  </si>
  <si>
    <t>タテ型　飲み干す一杯　札幌　濃厚味噌ラーメン</t>
  </si>
  <si>
    <t>６９ｇ</t>
  </si>
  <si>
    <t>飲み干す一杯　札幌濃厚味噌ラーメン　ケース</t>
  </si>
  <si>
    <t>魚藍亭監修よこすか海軍カレーラーメン</t>
  </si>
  <si>
    <t>道の駅もてぎ監修ゆず塩らーめん</t>
  </si>
  <si>
    <t>全国ラーメンマップ味の大王チーズカレーラーメン</t>
  </si>
  <si>
    <t>辛旅　うま辛熊本豚骨ラーメン　華火入り</t>
  </si>
  <si>
    <t>飲み干す一杯ご当地編札幌濃厚味噌ラーメン</t>
  </si>
  <si>
    <t>飲み干す一杯ご当地編札幌濃厚味噌ラーメンケース</t>
  </si>
  <si>
    <t>64g×12</t>
  </si>
  <si>
    <t>飲み干す一杯ご当地編横浜豚骨醤油ラーメン</t>
  </si>
  <si>
    <t>飲み干す一杯ご当地編横浜豚骨醤油ラーメンケース</t>
  </si>
  <si>
    <t>飲み干す一杯ご当地編仙台辛味噌ラーメン</t>
  </si>
  <si>
    <t>飲み干す一杯ご当地編仙台辛味噌ラーメンケース</t>
  </si>
  <si>
    <t>62g×12</t>
  </si>
  <si>
    <t>飲み干す一杯ご当地編京都背脂醤油ラーメン</t>
  </si>
  <si>
    <t>飲み干す一杯ご当地編京都背脂醤油ラーメンケース</t>
  </si>
  <si>
    <t>飲み干す一杯ご当地編博多背脂とんこつラーメン</t>
  </si>
  <si>
    <t>飲み干す一杯ご当地編博多背脂とんこつラーメンケース</t>
  </si>
  <si>
    <t>飲み干す一杯ご当地編函館塩ラーメン</t>
  </si>
  <si>
    <t>飲み干す一杯ご当地編函館塩ラーメンケース</t>
  </si>
  <si>
    <t>全国ラーメン店マップ暖暮ネギごま辛ダレ豚骨ラーメン</t>
  </si>
  <si>
    <t>魚介とんこつ醤油ラーメン</t>
  </si>
  <si>
    <t>もったいないをおいしいに陸奥の鯖だし醤油ラーメン</t>
  </si>
  <si>
    <t>紅のワンタンメンタンメン味</t>
  </si>
  <si>
    <t>もったいないをおいしいに陸奥の鯖だし味噌ラーメン</t>
  </si>
  <si>
    <t>飲み干す一杯横?中華街監修麻婆麺</t>
  </si>
  <si>
    <t>飲み干す一杯横?中華街監修酸辣湯麺</t>
  </si>
  <si>
    <t>北海道ミルク塩バター味ラーメン</t>
  </si>
  <si>
    <t>北海道ミルクバターカレー味ラーメン</t>
  </si>
  <si>
    <t>お取寄NIPPON三重県伊勢海老だし味噌ラーメン</t>
  </si>
  <si>
    <t>お取寄NIPPON愛媛宇和海真鯛だし白湯ラーメン</t>
  </si>
  <si>
    <t>お取寄NIPPON北海道花咲ガニだし醤油ラーメン</t>
  </si>
  <si>
    <t>おやつカルパス味ラーメン</t>
  </si>
  <si>
    <t>おやつカルパス黒胡椒味ラーメン</t>
  </si>
  <si>
    <t>タテ型飲み干す一杯豚辛タンメン</t>
  </si>
  <si>
    <t>タテ型飲み干す一杯豚辛タンメンケース</t>
  </si>
  <si>
    <t>792g</t>
  </si>
  <si>
    <t>辛旅生地獄ジャン入り喜多方激辛醤油ラーメン</t>
  </si>
  <si>
    <t>タテ型飲み干す一杯担担麺</t>
  </si>
  <si>
    <t>タテ型飲み干す一杯担担麺ケース</t>
  </si>
  <si>
    <t>888g</t>
  </si>
  <si>
    <t>あいもり万歳ワンタンチャーシュー麺しょうゆ味</t>
  </si>
  <si>
    <t>ぶっとメンスタミナ豚骨醤油ラーメン大盛り</t>
  </si>
  <si>
    <t>ご当地の一杯旭川醤油ラーメン</t>
  </si>
  <si>
    <t>ご当地の一杯旭川醤油ラーメンケース</t>
  </si>
  <si>
    <t>61gx12</t>
  </si>
  <si>
    <t>ご当地の一杯富山ブラック醤油ラーメン</t>
  </si>
  <si>
    <t>ご当地の一杯富山ブラック醤油ラーメンケース</t>
  </si>
  <si>
    <t>62gx12</t>
  </si>
  <si>
    <t>花巻マルカンビル大食堂監修ピリ辛あんかけ醤油ラーメン</t>
  </si>
  <si>
    <t>飲み干す一杯黒のスパイシー黒胡麻担担麺</t>
  </si>
  <si>
    <t>飲み干す一杯白のクリーミーごま豆乳担担麺</t>
  </si>
  <si>
    <t>お取寄NIPPON北海道花咲ガニだし醤油ラーメンケース</t>
  </si>
  <si>
    <t>756g</t>
  </si>
  <si>
    <t>お取寄NIPPON三重県伊勢海老だし味噌ラーメンケース</t>
  </si>
  <si>
    <t>お取寄NIPPON千葉県はまぐりだし塩ラーメン</t>
  </si>
  <si>
    <t>お取寄NIPPON千葉県はまぐりだし塩ラーメンケース</t>
  </si>
  <si>
    <t>北海道十勝チーズ仕立てじゃがチーズ塩味ラーメン</t>
  </si>
  <si>
    <t>ｴｽｺｯｸ</t>
  </si>
  <si>
    <t>北海道十勝チーズ仕立てコーンチーズ味噌味ラーメン</t>
  </si>
  <si>
    <t>魚藍亭監修よこすか海軍カレーラーメンビーフ味ケース</t>
  </si>
  <si>
    <t>732g</t>
  </si>
  <si>
    <t>魚藍亭監修よこすか海軍カレーラーメンチキン味ケース</t>
  </si>
  <si>
    <t>768g</t>
  </si>
  <si>
    <t>まる旨ホタテだし塩ラーメン</t>
  </si>
  <si>
    <t>ご当地の一杯博多背脂とんこつラーメン</t>
  </si>
  <si>
    <t>タテ型飲み干す一杯夏のスパイシー黒胡椒香る担担麺</t>
  </si>
  <si>
    <t>タテ型飲み干す一杯夏の爽快ゆず胡椒香る担担麺</t>
  </si>
  <si>
    <t>ご当地の一杯青森煮干しラーメン</t>
  </si>
  <si>
    <t>辛旅えんまのなみだ入り札幌うま辛味噌ラーメン</t>
  </si>
  <si>
    <t>辛旅えんまのなみだ入り札幌うま辛味噌ラーメンケース</t>
  </si>
  <si>
    <t>93g×12</t>
  </si>
  <si>
    <t>大人の王様スープ山椒香る塩そば炙りうなぎだし仕立て</t>
  </si>
  <si>
    <t>CoCo壱番屋監修専門店のカレーラーメンマイルド</t>
  </si>
  <si>
    <t>CoCo壱番屋監修専門店のカレーラーメンマイルドケース</t>
  </si>
  <si>
    <t>CoCo壱番屋監修専門店のカレーラーメンスパイシー</t>
  </si>
  <si>
    <t>CoCo壱番屋監修専門店のカレーラーメンスパイシーケース</t>
  </si>
  <si>
    <t>豪快あら炊きまぐろのかぶとだし仕立て濃厚魚介塩ラーメン</t>
  </si>
  <si>
    <t>ビーフの旨みが引き立つ醤油ラーメン</t>
  </si>
  <si>
    <t>野菜の旨みが引き立つ塩タンメン</t>
  </si>
  <si>
    <t>タテ型すみっコぐらしヌードルあっさりしょうゆ味</t>
  </si>
  <si>
    <t>タテ型すみっコぐらしヌードルあっさりしょうゆ味ケース</t>
  </si>
  <si>
    <t>55g×12</t>
  </si>
  <si>
    <t>カップスター_しょう油ラーメン</t>
  </si>
  <si>
    <t>カップスター_ミソラーメン</t>
  </si>
  <si>
    <t>カップスター_しお</t>
  </si>
  <si>
    <t>カップスター_カレー南蛮</t>
  </si>
  <si>
    <t>カップスタートンコツ</t>
  </si>
  <si>
    <t>カップスタートンコツＮ</t>
  </si>
  <si>
    <t>カップスター_しょうゆ</t>
  </si>
  <si>
    <t>カップスター_みそ</t>
  </si>
  <si>
    <t>カップスター_塩</t>
  </si>
  <si>
    <t>カップスター_カレー</t>
  </si>
  <si>
    <t>塩ワンタンカップ</t>
  </si>
  <si>
    <t>麺屋博多中洲とんこつ</t>
  </si>
  <si>
    <t>麺屋和歌山しょうゆとんこつ</t>
  </si>
  <si>
    <t>麺屋尾道コク醤油ラーメン</t>
  </si>
  <si>
    <t>麺屋熊本とんこつラーメン</t>
  </si>
  <si>
    <t>麺屋_喜多方しょうゆ</t>
  </si>
  <si>
    <t>麺屋_旭川塩とんこつ</t>
  </si>
  <si>
    <t>麺屋_和歌山醤油とんこつ</t>
  </si>
  <si>
    <t>麺屋_札幌すすきの味噌</t>
  </si>
  <si>
    <t>麺屋_博多なかすとんこつ</t>
  </si>
  <si>
    <t>中華そば本舗うまみ醤油</t>
  </si>
  <si>
    <t>カップスターとんこつ</t>
  </si>
  <si>
    <t>麺屋_喜多方</t>
  </si>
  <si>
    <t>麺屋_函館</t>
  </si>
  <si>
    <t>麺屋横浜豚骨醤油ラーメン</t>
  </si>
  <si>
    <t>麺屋博多中洲豚骨ラーメン</t>
  </si>
  <si>
    <t>カップスタ－キムチ</t>
  </si>
  <si>
    <t>麺屋_札幌味噌ラーメンＮ</t>
  </si>
  <si>
    <t>麺屋_熊本とんこつラーメンＮ</t>
  </si>
  <si>
    <t>麺屋_尾道コク醤油ラーメン</t>
  </si>
  <si>
    <t>しょうゆ味タテ型カップ</t>
  </si>
  <si>
    <t>みそラーメンタテ型カップ</t>
  </si>
  <si>
    <t>塩ラーメンタテ型カップ</t>
  </si>
  <si>
    <t>とんこつラーメンタテ型カップ</t>
  </si>
  <si>
    <t>麺屋喜多方しょうゆラーメン</t>
  </si>
  <si>
    <t>麺屋鹿児島とんこつラーメン</t>
  </si>
  <si>
    <t>札幌スープカレーヌードル</t>
  </si>
  <si>
    <t>沖縄そば</t>
  </si>
  <si>
    <t>麺屋_東京醤油ラーメン</t>
  </si>
  <si>
    <t>麺屋_函館塩ラーメン</t>
  </si>
  <si>
    <t>花咲くしょうゆ味ラーメン</t>
  </si>
  <si>
    <t>花咲くみそラーメン_タテ型</t>
  </si>
  <si>
    <t>花咲く塩らーめん_タテ型</t>
  </si>
  <si>
    <t>花咲くとんこつラーメンタテ型</t>
  </si>
  <si>
    <t>麺屋_札幌味噌ラーメン</t>
  </si>
  <si>
    <t>麺屋_博多豚骨ラーメン</t>
  </si>
  <si>
    <t>カップスターみそ</t>
  </si>
  <si>
    <t>カップスター旨塩</t>
  </si>
  <si>
    <t>カップスターカレー南蛮</t>
  </si>
  <si>
    <t>カップスター_とんこつ</t>
  </si>
  <si>
    <t>カップスターみそケース</t>
  </si>
  <si>
    <t>79g×12P</t>
  </si>
  <si>
    <t>カップスターしおケース</t>
  </si>
  <si>
    <t>77g×12P</t>
  </si>
  <si>
    <t>カップスターカレー南蛮ケース</t>
  </si>
  <si>
    <t>84ｇ×12</t>
  </si>
  <si>
    <t>麺屋_和歌山醤油豚骨ラーメン</t>
  </si>
  <si>
    <t>麺屋味どころ久留米とんこつ</t>
  </si>
  <si>
    <t>春の限定_みそラーメン</t>
  </si>
  <si>
    <t>春の限定_塩らーめん</t>
  </si>
  <si>
    <t>春の限定_とんこつラーメン</t>
  </si>
  <si>
    <t>麺屋熊本豚骨ラーメン</t>
  </si>
  <si>
    <t>麺屋徳島醤油豚骨ラーメン</t>
  </si>
  <si>
    <t>カップスター_ピリ辛キムチ</t>
  </si>
  <si>
    <t>博多とんこつラーメン</t>
  </si>
  <si>
    <t>カップスターしょうゆ</t>
  </si>
  <si>
    <t>カップスターしょうゆケース</t>
  </si>
  <si>
    <t>71g×12P</t>
  </si>
  <si>
    <t>カップスターキムチ</t>
  </si>
  <si>
    <t>カップスターエビチリ</t>
  </si>
  <si>
    <t>サッポロ一番味噌ラーメンＢＩＧ</t>
  </si>
  <si>
    <t>カップスター豚骨</t>
  </si>
  <si>
    <t>カップスターとんこつケース</t>
  </si>
  <si>
    <t>78g×12P</t>
  </si>
  <si>
    <t>きらめきの一杯　トマたまラーメン</t>
  </si>
  <si>
    <t>きらめきの一杯　コンバタラーメン</t>
  </si>
  <si>
    <t>男の一杯　森崎友紀監修　濃厚黒マー油とんこつラーメン</t>
  </si>
  <si>
    <t>Ｗ辛ちゃんぽん</t>
  </si>
  <si>
    <t>カップスターかねふく明太子とんこつ</t>
  </si>
  <si>
    <t>カップスターごはんがススムキムチ</t>
  </si>
  <si>
    <t>ふなっしー船橋ソースラーメン</t>
  </si>
  <si>
    <t>ご当地のれん街　横浜しょうゆ</t>
  </si>
  <si>
    <t>ご当地のれん街　博多とんこつ</t>
  </si>
  <si>
    <t>ご当地のれん街　札幌みそ</t>
  </si>
  <si>
    <t>ｶｯﾌﾟｽﾀｰｲﾀﾘｱﾝEXVｵﾘｰﾌﾞ</t>
  </si>
  <si>
    <t>トマトとバジル塩らーめん</t>
  </si>
  <si>
    <t>カップスターちゃんぽん</t>
  </si>
  <si>
    <t>カップスターGreenLine　しょうゆ</t>
  </si>
  <si>
    <t>カップスターGreenLine　みそ</t>
  </si>
  <si>
    <t>カップスターGreenLine　とんこつ</t>
  </si>
  <si>
    <t>カップスター鯛だし白醤油</t>
  </si>
  <si>
    <t>71ｇ</t>
  </si>
  <si>
    <t>カップスター松茸香る温素麺</t>
  </si>
  <si>
    <t>トマたまヌードル</t>
  </si>
  <si>
    <t>オニぽてヌードル</t>
  </si>
  <si>
    <t>６８Ｇ</t>
  </si>
  <si>
    <t>和ラー博多鶏の水炊き風</t>
  </si>
  <si>
    <t>サッポロ一番_和ラー_津軽帆立貝焼き味噌風</t>
  </si>
  <si>
    <t>サッポロ一番_和ラー_博多_鶏の水炊き風　ケース</t>
  </si>
  <si>
    <t>75g×12</t>
  </si>
  <si>
    <t>サッポロ一番_和ラー_津軽帆立貝焼き味噌風　ケース</t>
  </si>
  <si>
    <t>73g×12</t>
  </si>
  <si>
    <t>サッポロ一番_和ラー_能登海老汁風</t>
  </si>
  <si>
    <t>サッポロ一番_和ラー_能登海老汁風　ケース</t>
  </si>
  <si>
    <t>和ラー_北海道根室かにの鉄砲汁風</t>
  </si>
  <si>
    <t>和ラー_両国_ちゃんこ鍋風</t>
  </si>
  <si>
    <t>７７ｇ</t>
  </si>
  <si>
    <t>和ラー_北海道根室かにの鉄砲汁風　ケース</t>
  </si>
  <si>
    <t>７５ｇ×１２</t>
  </si>
  <si>
    <t>和ラー_両国_ちゃんこ鍋風　ケース</t>
  </si>
  <si>
    <t>７７ｇ×１２</t>
  </si>
  <si>
    <t>カップスター　黒ゴマ坦々麺</t>
  </si>
  <si>
    <t>カップスター　黒ゴマ坦々麺　ケース</t>
  </si>
  <si>
    <t>72gx12</t>
  </si>
  <si>
    <t>全農カップスター岩手　ピリ辛しおラーメン</t>
  </si>
  <si>
    <t>６４ｇ</t>
  </si>
  <si>
    <t>全農カップスター熊本　ピリ辛みそラーメン</t>
  </si>
  <si>
    <t>カップスター鯛だし塩ラーメン</t>
  </si>
  <si>
    <t>和ラー三重伊勢海老汁風</t>
  </si>
  <si>
    <t>和ラー秋田きりたんぽ鍋風</t>
  </si>
  <si>
    <t>ご飯がススムキムチ味ラーメン　</t>
  </si>
  <si>
    <t>和ラー宮城仙台牛使用テールスープ風</t>
  </si>
  <si>
    <t>69G</t>
  </si>
  <si>
    <t>サッポロ一番みそラーメン旨辛３倍タテビッグ</t>
  </si>
  <si>
    <t>カップスター　兵庫産播州百日どり中華そば</t>
  </si>
  <si>
    <t>カップスター　沖縄あぐー豚使用沖縄そば風</t>
  </si>
  <si>
    <t>64G</t>
  </si>
  <si>
    <t>リケンわかめスープ味ラーメン　ケース</t>
  </si>
  <si>
    <t>60gX12</t>
  </si>
  <si>
    <t>リケンねぎピリ辛スープ味ラーメン　ケース</t>
  </si>
  <si>
    <t>63gX12</t>
  </si>
  <si>
    <t>サッポロ一番　坂内食堂喜多方本店　中華そば　</t>
  </si>
  <si>
    <t>塩らーめん　ピリ辛　タテ型カップ</t>
  </si>
  <si>
    <t>塩とんこつらーめん　旨辛　タテ型</t>
  </si>
  <si>
    <t>塩らーめん　ピリ辛　タテ型カップ　ケース</t>
  </si>
  <si>
    <t>73gX12</t>
  </si>
  <si>
    <t>塩とんこつらーめん　旨辛　タテ型　ケース</t>
  </si>
  <si>
    <t>70gX12</t>
  </si>
  <si>
    <t>らーめんバリ男濃厚豚骨醤油</t>
  </si>
  <si>
    <t>和ラー　北海道　かにすき風</t>
  </si>
  <si>
    <t>麺創研　紅　濃厚辛味噌ラーメン　紅</t>
  </si>
  <si>
    <t>みそラーメン　50周年　伊勢海老</t>
  </si>
  <si>
    <t>麺屋翔_香彩鶏だし塩ラーメン</t>
  </si>
  <si>
    <t>カップスターじゃがバター風塩ラーメン</t>
  </si>
  <si>
    <t>麺場_田所商店_北海道味噌ラーメン</t>
  </si>
  <si>
    <t>サッポロ一番　和ラー神戸関西すき焼き風　</t>
  </si>
  <si>
    <t>博多純情らーめんシンシン豚骨　97ｇ</t>
  </si>
  <si>
    <t>サッポロ一番　金沢カレー風ラーメンＢＫカレー７４ｇ</t>
  </si>
  <si>
    <t>サッポロ一番　門司港カレー風ラーメンチーズ　７１ｇ</t>
  </si>
  <si>
    <t>火災辛麺　赤神　神増　97ｇ</t>
  </si>
  <si>
    <t>グリーンカレーヌードル</t>
  </si>
  <si>
    <t>東京青葉中野本店中華そばゆず唐辛子ペースト</t>
  </si>
  <si>
    <t>サンヨー　エチオピア監修ビーフカリーラーメン９５ｇ</t>
  </si>
  <si>
    <t>東京一輪　チーズ味旨辛麺　</t>
  </si>
  <si>
    <t>カップスター辛みそ　ハロウィン</t>
  </si>
  <si>
    <t>銀座担担麺専門店ごまる　濃ごま担担麺　１００ｇ</t>
  </si>
  <si>
    <t>和ラー北海道札幌スープカレー風</t>
  </si>
  <si>
    <t>海鮮ねぎしお４５周年バースデー　64g</t>
  </si>
  <si>
    <t>ご飯がススム　豚キムチ味ラーメン</t>
  </si>
  <si>
    <t>カップスターチーズしお</t>
  </si>
  <si>
    <t>からあげラーメンしょうゆ</t>
  </si>
  <si>
    <t>日本唐揚協会認定からあげラーメンジンジャーしお</t>
  </si>
  <si>
    <t>カップスターじゃがバター乃木坂46</t>
  </si>
  <si>
    <t>和ラー　愛媛鯛ちり風</t>
  </si>
  <si>
    <t>カップスターペスカトーレ味</t>
  </si>
  <si>
    <t>桃屋のキムチの素キムチラーメン</t>
  </si>
  <si>
    <t>ご飯がススム豚キムチラーメン</t>
  </si>
  <si>
    <t>銀座カリー風味ヌードル中辛</t>
  </si>
  <si>
    <t>96ｇ</t>
  </si>
  <si>
    <t>カップスターフライドチキン味</t>
  </si>
  <si>
    <t>カップスターチーズしお味トムとジェリー</t>
  </si>
  <si>
    <t>ｻﾞ町中華ｻﾞｸ切野菜ﾗｰﾒﾝ醤油</t>
  </si>
  <si>
    <t>ｻﾞ町中華ｻﾞｸ切り野菜ﾀﾝﾒﾝ塩</t>
  </si>
  <si>
    <t>久世福商店毎日だしで仕上げたき・</t>
  </si>
  <si>
    <t>久世福商店野菜だしで仕上げた塩ら</t>
  </si>
  <si>
    <t>カップスター博多水炊き風和ラーメン</t>
  </si>
  <si>
    <t>指宿鰹節粉末仕立て醤油</t>
  </si>
  <si>
    <t>カップスター縦ロングガーリックシュリンプ</t>
  </si>
  <si>
    <t>サッポロ一番カップスターバーベキューチキン味</t>
  </si>
  <si>
    <t>サッポロ一番カップスタースモーキーベーコン味</t>
  </si>
  <si>
    <t>真的中華鶏湯肉麺</t>
  </si>
  <si>
    <t>真的中華香酸辣湯麺</t>
  </si>
  <si>
    <t>カップスター満月ポン風おしょうゆ味</t>
  </si>
  <si>
    <t>ウマ娘FMのまろやか味噌ラーメン</t>
  </si>
  <si>
    <t>ご当地×御出汁はかた地どり粉末仕立て醤油ラーメン</t>
  </si>
  <si>
    <t>サッポロ一番カップスター日高屋監修チゲ味噌ラーメン　ビッグ</t>
  </si>
  <si>
    <t>カップスター醤油</t>
  </si>
  <si>
    <t>カップスター醤油ケース</t>
  </si>
  <si>
    <t>71g×12個入</t>
  </si>
  <si>
    <t>カップスター味噌</t>
  </si>
  <si>
    <t>カップスター味噌ケース</t>
  </si>
  <si>
    <t>78g×12個入</t>
  </si>
  <si>
    <t>カップスター旨塩ケース</t>
  </si>
  <si>
    <t>75g×12個入</t>
  </si>
  <si>
    <t>カップスター豚骨ケース</t>
  </si>
  <si>
    <t>サッポロ一番カップスターみうら食品監修山形鳥中華味</t>
  </si>
  <si>
    <t>サッポロ一番タテ型ポケモンコンソメ醤油味ラーメン</t>
  </si>
  <si>
    <t>サッポロ一番タテ型ポケモン塩レモン味ラーメン</t>
  </si>
  <si>
    <t>ぐんまちゃんしょうゆラーメン</t>
  </si>
  <si>
    <t>サンヨーぐんまちゃんしょうゆケース756g</t>
  </si>
  <si>
    <t>ぐんまちゃんみそラーメン</t>
  </si>
  <si>
    <t>サンヨーぐんまちゃんみそラーメンケース780g</t>
  </si>
  <si>
    <t>780G</t>
  </si>
  <si>
    <t>ｻﾆｮｰｼｮｸﾋﾝ</t>
  </si>
  <si>
    <t>みんみんラーメン本店八王子醤油ラーメン</t>
  </si>
  <si>
    <t>カップスターばかうけ青のり</t>
  </si>
  <si>
    <t>カップスターばかうけごま揚</t>
  </si>
  <si>
    <t>カップスターカレーうどん</t>
  </si>
  <si>
    <t>カップスター海老天そば</t>
  </si>
  <si>
    <t>カップスターきつねうどん</t>
  </si>
  <si>
    <t>日高屋監修野菜たっぷりタンメン</t>
  </si>
  <si>
    <t>日高屋監修バクダン炒め味ラーメン</t>
  </si>
  <si>
    <t>サッポロ一番カップスターヒガシマル醤油関西だし</t>
  </si>
  <si>
    <t>64?</t>
  </si>
  <si>
    <t>ご当地御出汁仙台牛粉末使用牛テールスープ風ラーメン</t>
  </si>
  <si>
    <t>ご当地御出汁はかた地どり粉末使用水炊き風ラーメン</t>
  </si>
  <si>
    <t>久世福商店監修和風醤油らーめん</t>
  </si>
  <si>
    <t>久世福商店監修和風塩らーめん</t>
  </si>
  <si>
    <t>サッポロ一番地球の歩き方台湾担仔麺風</t>
  </si>
  <si>
    <t>久世福商店監修毎日だしで仕上げたゆず塩らーめん</t>
  </si>
  <si>
    <t>カップスターみうら食品監修山形鳥中華味</t>
  </si>
  <si>
    <t>シャンゴ濃厚ミートソース味ラーメン</t>
  </si>
  <si>
    <t>ベスビオ辛口魚介トマト味ラーメン</t>
  </si>
  <si>
    <t>カップスター広島中華そば</t>
  </si>
  <si>
    <t>ホープ軒本舗監修東京背脂豚骨醤油</t>
  </si>
  <si>
    <t>サッポロ一番ぐんまちゃんとろみしょうゆ</t>
  </si>
  <si>
    <t>サッポロ一番ぐんまちゃんしおタンメン</t>
  </si>
  <si>
    <t>サッポロ一番久世福商店毎日だし和風とろみ醤油</t>
  </si>
  <si>
    <t>サッポロ一番久世福商店毎日だし和風味噌</t>
  </si>
  <si>
    <t>サッポロ一番ポケモンヌードルしょうゆ味</t>
  </si>
  <si>
    <t>サッポロ一番ポケモンヌードルシーフード味</t>
  </si>
  <si>
    <t>すしざんまい監修マグロだし醤油ラーメン</t>
  </si>
  <si>
    <t>カップスター栃木佐野らーめん</t>
  </si>
  <si>
    <t>サッポロ一番カップスター栃木佐野らーめんケース</t>
  </si>
  <si>
    <t>カップスター茨城スタミナラーメン</t>
  </si>
  <si>
    <t>サッポロ一番カップスター茨城スタミナラーメンケース</t>
  </si>
  <si>
    <t>サッポロ一番中国ラーメン揚州商人監修酸辣湯麺</t>
  </si>
  <si>
    <t>カップスター点天監修餃子風塩ラーメン</t>
  </si>
  <si>
    <t>ＢＩＧタカナラーメン</t>
  </si>
  <si>
    <t>ＢＩＧナガサキチャンポン</t>
  </si>
  <si>
    <t>ホットヌードルはま塩</t>
  </si>
  <si>
    <t>ホットヌードルこく豚骨</t>
  </si>
  <si>
    <t>本気盛ねぎだく豚骨</t>
  </si>
  <si>
    <t>本気盛香油塩拉麺</t>
  </si>
  <si>
    <t>四季物語春のときめきらーめん</t>
  </si>
  <si>
    <t>四季物語_夏のラーメン</t>
  </si>
  <si>
    <t>四季物語秋のときめきらーめん</t>
  </si>
  <si>
    <t>四季物語冬のときめきらーめん</t>
  </si>
  <si>
    <t>四季物語春限定塩ラーメン</t>
  </si>
  <si>
    <t>四季物語夏限定らーめん</t>
  </si>
  <si>
    <t>赤辛ユッケジャ</t>
  </si>
  <si>
    <t>やみつき旨辛　赤辛　ユッケジャン味</t>
  </si>
  <si>
    <t>やみつき旨辛　青辛　キムチ味</t>
  </si>
  <si>
    <t>ﾏﾙﾁｬﾝ四季物語桜えび香るﾗｰﾒﾝ81G</t>
  </si>
  <si>
    <t>縦型　宮古島風　沖縄そば</t>
  </si>
  <si>
    <t>ﾎｯﾄﾇｰﾄﾞﾙNEO</t>
  </si>
  <si>
    <t>ﾄﾝｺﾂ</t>
  </si>
  <si>
    <t>四季物語　夏限定　沖縄そば</t>
  </si>
  <si>
    <t>78ｇ</t>
  </si>
  <si>
    <t>やみつき屋辛味噌キムチ</t>
  </si>
  <si>
    <t>でかまる旨コク豚骨しょう油</t>
  </si>
  <si>
    <t>１３７ｇ</t>
  </si>
  <si>
    <t>カチメン　ハットトリックヌードルしょうゆ味</t>
  </si>
  <si>
    <t>64ｇ</t>
  </si>
  <si>
    <t>カチメン華麗なテクニックヌードルカレー味</t>
  </si>
  <si>
    <t>73ｇ</t>
  </si>
  <si>
    <t>マルちゃん　四季物語秋限定さば節中華そば　７０ｇ</t>
  </si>
  <si>
    <t>マルちゃん　四季物語秋限定味噌らーめん　７５ｇ</t>
  </si>
  <si>
    <t>ＱＴＴＡ醤油</t>
  </si>
  <si>
    <t>ＱＴＴＡシーフード</t>
  </si>
  <si>
    <t>QTTA　TONKOTSUラーメン</t>
  </si>
  <si>
    <t>麺魚鯛だしらーめん</t>
  </si>
  <si>
    <t>京都系黒醤油らーめん</t>
  </si>
  <si>
    <t>四季物語秋徳島系豚骨醤油拉麺</t>
  </si>
  <si>
    <t>QTTA　バーベキューチキン味</t>
  </si>
  <si>
    <t>QTTA　サワークリームオニオン味</t>
  </si>
  <si>
    <t>やみつき旨辛辛黒富山ブラック　</t>
  </si>
  <si>
    <t>マルちゃんQTTA醤油</t>
  </si>
  <si>
    <t>マルちゃんQTTA醤油ケース</t>
  </si>
  <si>
    <t>マルちゃんQTTAシーフード</t>
  </si>
  <si>
    <t>マルちゃんQTTAシーフードケース</t>
  </si>
  <si>
    <t>マルちゃんＱＴＴＡ豚骨</t>
  </si>
  <si>
    <t>マルちゃんＱＴＴＡ豚骨　ケース</t>
  </si>
  <si>
    <t>80G*12</t>
  </si>
  <si>
    <t>マルちゃんQTTAカレー</t>
  </si>
  <si>
    <t>マルちゃんQTTAカレーケース</t>
  </si>
  <si>
    <t>86g×12P</t>
  </si>
  <si>
    <t>クッタ　スパイシーコンソメ</t>
  </si>
  <si>
    <t>メキシカンタコス</t>
  </si>
  <si>
    <t>サッカー日本代表専属シェフ監修　醤油ラーメン</t>
  </si>
  <si>
    <t>マルちゃん　ＱＴＴＡ　ハンバーガー味　</t>
  </si>
  <si>
    <t>【終売】ＱＴＴＡサワークリームオニオン</t>
  </si>
  <si>
    <t>マルちゃん　ＭＡＲＵＣＨＡＮ　ＱＴＴＡわさび＆ビーフ味</t>
  </si>
  <si>
    <t>本気盛花椒香る煮干醤油</t>
  </si>
  <si>
    <t>やみつき屋　スタミナ旨辛醤油</t>
  </si>
  <si>
    <t>98Ｇ</t>
  </si>
  <si>
    <t>マルちゃんQTTAとんこつ</t>
  </si>
  <si>
    <t>QTTAEXTRAHOT</t>
  </si>
  <si>
    <t>QTTA　ガーリック＆ペッパー味</t>
  </si>
  <si>
    <t>７種野菜スパイスカレー</t>
  </si>
  <si>
    <t>ＱＴＴＡとんこつしょうゆ味</t>
  </si>
  <si>
    <t>ＱＴＴＡたらこバタークリーム</t>
  </si>
  <si>
    <t>ｸｯﾀEXTRAHOTﾁｰｽﾞ</t>
  </si>
  <si>
    <t>マルちゃんQTTA裏シーフードクリーム味</t>
  </si>
  <si>
    <t>QTTA裏チリペッパーとんこつ味</t>
  </si>
  <si>
    <t>QTTA裏チリペッパーカレー味</t>
  </si>
  <si>
    <t>QTTAこく醤油味</t>
  </si>
  <si>
    <t>QTTAコクしょうゆ味ケース</t>
  </si>
  <si>
    <t>マルちゃんQTTAシ-フ-ド味</t>
  </si>
  <si>
    <t>QTTAシーフード味ケース</t>
  </si>
  <si>
    <t>78g×12</t>
  </si>
  <si>
    <t>QTTAトマトクリーム味</t>
  </si>
  <si>
    <t>QTTAトマトクリームケース</t>
  </si>
  <si>
    <t>84g×12</t>
  </si>
  <si>
    <t>マルちゃんQTTASクリ-ムオニオン</t>
  </si>
  <si>
    <t>マルちゃん魚介の旨みちゃんぽん</t>
  </si>
  <si>
    <t>1食分の野菜コク塩タンメン</t>
  </si>
  <si>
    <t>QTTAコク味噌味</t>
  </si>
  <si>
    <t>QTTA味噌味ケース</t>
  </si>
  <si>
    <t>87g×12P</t>
  </si>
  <si>
    <t>マルちゃんQTTAエクストラホット味</t>
  </si>
  <si>
    <t>東洋水産QTTAホット味ケース</t>
  </si>
  <si>
    <t>QTTA裏こんがりしょうゆ</t>
  </si>
  <si>
    <t>QTTA裏チリPシーフード</t>
  </si>
  <si>
    <t>QTTA裏辛コク味噌味</t>
  </si>
  <si>
    <t>QTTA裏HOTチーズ味</t>
  </si>
  <si>
    <t>QTTAサワークリームオニオン味</t>
  </si>
  <si>
    <t>QTTAサワークリームオニオンケース</t>
  </si>
  <si>
    <t>82g×12</t>
  </si>
  <si>
    <t>MARUCHANQTTAガーリックチーズクリーム味</t>
  </si>
  <si>
    <t>QTTAたらこバタークリーム味</t>
  </si>
  <si>
    <t>QTTAクリームカレーチーズ味</t>
  </si>
  <si>
    <t>QTTAシーフード味</t>
  </si>
  <si>
    <t>QTTA猛烈激辛味</t>
  </si>
  <si>
    <t>QTTA猛烈激辛味ケース</t>
  </si>
  <si>
    <t>85g×12P</t>
  </si>
  <si>
    <t>【終売】QTTA　豚キムチ味</t>
  </si>
  <si>
    <t>８２ｇ</t>
  </si>
  <si>
    <t>ＱＴＴＡ猛烈激辛チーズ味</t>
  </si>
  <si>
    <t>QTTAコク味噌味ケース</t>
  </si>
  <si>
    <t>ＱＴＴＡレモンチーズクリーム味</t>
  </si>
  <si>
    <t>QTTAコク味噌キムチ味</t>
  </si>
  <si>
    <t>QTTAクリームカレーチーズ</t>
  </si>
  <si>
    <t>QTTA豚キムチ味</t>
  </si>
  <si>
    <t>QTTA豚キムチ味ケース</t>
  </si>
  <si>
    <t>76g×12</t>
  </si>
  <si>
    <t>うまいヨゆうちゃんどっ豚骨ラーメン</t>
  </si>
  <si>
    <t>謹製貝だしシーフード味</t>
  </si>
  <si>
    <t>QTTAしあわせバター味</t>
  </si>
  <si>
    <t>マルちゃんマイカグラ鶏白湯ラーメン</t>
  </si>
  <si>
    <t>マジ盛ニンニク塩担々麺</t>
  </si>
  <si>
    <t>QTTA勇者のキーマカレー味</t>
  </si>
  <si>
    <t>QTTAコクしょうゆ味</t>
  </si>
  <si>
    <t>75g12</t>
  </si>
  <si>
    <t>QTTAしょうゆとんこつ味</t>
  </si>
  <si>
    <t>QTTAしょうゆとんこつ味ケース</t>
  </si>
  <si>
    <t>マジ盛野菜たっぷり黒醤油</t>
  </si>
  <si>
    <t>マルちゃん新潟長岡生姜醤油ラーメン96g</t>
  </si>
  <si>
    <t>QTTA　鶏ポタ</t>
  </si>
  <si>
    <t>マジ盛鶏白湯colorsレッド</t>
  </si>
  <si>
    <t>沼るタマネギ八王子風醤油ラーメン</t>
  </si>
  <si>
    <t>大島味噌ラーメン</t>
  </si>
  <si>
    <t>にんたまにんにくラーメン</t>
  </si>
  <si>
    <t>にんたまにんにくラーメンケース</t>
  </si>
  <si>
    <t>77g×12</t>
  </si>
  <si>
    <t>クッタコクふわチーズクリーム味</t>
  </si>
  <si>
    <t>マジ盛貝だし白湯</t>
  </si>
  <si>
    <t>やみつき屋牛だし旨辛ユッケジャン味ラーメン</t>
  </si>
  <si>
    <t>QTTAREDガーリックマヨ味</t>
  </si>
  <si>
    <t>QTTAGREENスモーキーマヨ味</t>
  </si>
  <si>
    <t>QTTAオニオングラタンスープ</t>
  </si>
  <si>
    <t>味噌バター味ラーメン</t>
  </si>
  <si>
    <t>QTTAカルボナーラ味</t>
  </si>
  <si>
    <t>QTTAしょうゆ味</t>
  </si>
  <si>
    <t>QTTAミルキーシーフード味</t>
  </si>
  <si>
    <t>QTTAシビレ麻辣湯麺</t>
  </si>
  <si>
    <t>中華そば</t>
  </si>
  <si>
    <t>カップヌードル醤油ケース</t>
  </si>
  <si>
    <t>75g×20</t>
  </si>
  <si>
    <t>カップシーフードヌードルケース</t>
  </si>
  <si>
    <t>74g×20</t>
  </si>
  <si>
    <t>カップヌードルカレーケース</t>
  </si>
  <si>
    <t>カップヌードルリフィル（詰め替え）ケース</t>
  </si>
  <si>
    <t>72g*8</t>
  </si>
  <si>
    <t>シーフードヌードル　リフィル（詰め替え）ケース</t>
  </si>
  <si>
    <t>75g*8</t>
  </si>
  <si>
    <t>チキンラーメンリフィル</t>
  </si>
  <si>
    <t>チキンラーメンリフィルケース</t>
  </si>
  <si>
    <t>63g*8</t>
  </si>
  <si>
    <t>チリトマトヌードル</t>
  </si>
  <si>
    <t>チーズカレーヌードル</t>
  </si>
  <si>
    <t>カップヌードル韓国風辛口</t>
  </si>
  <si>
    <t>地中海塩カップヌードル</t>
  </si>
  <si>
    <t>カップヌードルビアンコ</t>
  </si>
  <si>
    <t>ラーメン屋さん旭川しょうゆ風味</t>
  </si>
  <si>
    <t>ラーメンヤサンサッポロミソ</t>
  </si>
  <si>
    <t>カップヌードルチリトマトビック</t>
  </si>
  <si>
    <t>シーフードヌードルネッタイカラクチ</t>
  </si>
  <si>
    <t>とんがらし麺レッドカレ－</t>
  </si>
  <si>
    <t>ラ－メンヤセアブラショウユ</t>
  </si>
  <si>
    <t>とんがらし麺辛ワンタン</t>
  </si>
  <si>
    <t>トンガラシメンナンデムンシジャン</t>
  </si>
  <si>
    <t>とんがらし麺キムチラーメン</t>
  </si>
  <si>
    <t>出前一丁ひよこ</t>
  </si>
  <si>
    <t>出前一丁縦型</t>
  </si>
  <si>
    <t>チキンラーメンわくわくカップ</t>
  </si>
  <si>
    <t>チキンラーメンカップキーマカレー</t>
  </si>
  <si>
    <t>出前一丁わくわくカップ</t>
  </si>
  <si>
    <t>出前一丁周年</t>
  </si>
  <si>
    <t>チキンラーメン周年</t>
  </si>
  <si>
    <t>チキンラーメンひよこ</t>
  </si>
  <si>
    <t>中華広東麺</t>
  </si>
  <si>
    <t>黒ごまと山椒の担々麺</t>
  </si>
  <si>
    <t>とんがらし麺海鮮チゲ</t>
  </si>
  <si>
    <t>とんがらし麺_辛とんこつ味</t>
  </si>
  <si>
    <t>とんがらし麺海鮮ちゃんぽん</t>
  </si>
  <si>
    <t>トンガラシメンユッケジャン</t>
  </si>
  <si>
    <t>とんがらし麺いかキムチパイタン風味</t>
  </si>
  <si>
    <t>とんがらし麺辛坦々</t>
  </si>
  <si>
    <t>とんがらし麺味噌チゲ</t>
  </si>
  <si>
    <t>香港風みそカップヌードル</t>
  </si>
  <si>
    <t>カップヌードルしお</t>
  </si>
  <si>
    <t>カップヌードル欧風チーズ</t>
  </si>
  <si>
    <t>カップヌードルポーク</t>
  </si>
  <si>
    <t>カップヌードルキムチ</t>
  </si>
  <si>
    <t>カップヌードルチャイナ醤油</t>
  </si>
  <si>
    <t>カップヌードルチャイナ味噌</t>
  </si>
  <si>
    <t>カップヌードル欧風チーズカレー</t>
  </si>
  <si>
    <t>日清自慢チャーシュー麺</t>
  </si>
  <si>
    <t>ビックスパイシーチキン</t>
  </si>
  <si>
    <t>カップシーフードイタリアン</t>
  </si>
  <si>
    <t>カップヌードルきのこバター醤油風味</t>
  </si>
  <si>
    <t>ラーメン屋サン旭川しょうゆ風味</t>
  </si>
  <si>
    <t>チキンラーメン縦型ひよこ</t>
  </si>
  <si>
    <t>チキンラーメン縦型</t>
  </si>
  <si>
    <t>ラーメン屋さん九州とんこつ</t>
  </si>
  <si>
    <t>とんがらし麺_激辛キムチ味</t>
  </si>
  <si>
    <t>とんがらし麺激辛海鮮味</t>
  </si>
  <si>
    <t>ラーメン屋さんカップコク醤油</t>
  </si>
  <si>
    <t>ちゃんこラーメン</t>
  </si>
  <si>
    <t>トンガラシメンゲキカラプルコギ</t>
  </si>
  <si>
    <t>トンガラシメンゲキカラカムジャタン</t>
  </si>
  <si>
    <t>とんがらし麺熱辛豚キムチ</t>
  </si>
  <si>
    <t>ビ－フデミグラス</t>
  </si>
  <si>
    <t>カップヌードルみそ</t>
  </si>
  <si>
    <t>カップヌードル_チリトマト</t>
  </si>
  <si>
    <t>カップヌ－ドルワイルドチリペッパ－</t>
  </si>
  <si>
    <t>カップヌ－ドルクリ－ミ－チキン</t>
  </si>
  <si>
    <t>カップヌ－ドル３５周年</t>
  </si>
  <si>
    <t>サイリウムコーンＦセミＳＮ</t>
  </si>
  <si>
    <t>スパイシ－カレ－ヌードル</t>
  </si>
  <si>
    <t>ミルクシ－フ－ドヌ－ドル</t>
  </si>
  <si>
    <t>レッドカレ－ヌードル</t>
  </si>
  <si>
    <t>日清カップヌードルみそ</t>
  </si>
  <si>
    <t>カップヌ－ドル四川風坦々</t>
  </si>
  <si>
    <t>ミルクカレ－</t>
  </si>
  <si>
    <t>カップヌードルシーフードカレー</t>
  </si>
  <si>
    <t>カップヌードルチーズ＆トマト</t>
  </si>
  <si>
    <t>カップヌードルチーズ＆ガーリック</t>
  </si>
  <si>
    <t>とんがらし麺熱辛</t>
  </si>
  <si>
    <t>とんがらし麺_熟辛</t>
  </si>
  <si>
    <t>とんがらし麺熟辛豚コク味噌</t>
  </si>
  <si>
    <t>カップヌードルミルクシーフド</t>
  </si>
  <si>
    <t>カップヌードルミルクカレー</t>
  </si>
  <si>
    <t>とんがらし麺キムチチゲ</t>
  </si>
  <si>
    <t>とんがらし麺熟辛味噌チゲ</t>
  </si>
  <si>
    <t>とんがらし麺熟辛イタリアン</t>
  </si>
  <si>
    <t>日清坦々麺</t>
  </si>
  <si>
    <t>チキンラーメンカップ</t>
  </si>
  <si>
    <t>フォー_トムヤムクン風</t>
  </si>
  <si>
    <t>日清_坦々麺</t>
  </si>
  <si>
    <t>サイリウムヌードルしょうゆＮ</t>
  </si>
  <si>
    <t>サイリウムＮチキンタンメン</t>
  </si>
  <si>
    <t>四川流坦々麺</t>
  </si>
  <si>
    <t>日清中華雲呑麺</t>
  </si>
  <si>
    <t>野菜スープヌードルミネストローネ</t>
  </si>
  <si>
    <t>野菜スープヌードル酸辣湯</t>
  </si>
  <si>
    <t>スパイスキッチン　パクチストチキンフォー</t>
  </si>
  <si>
    <t>麺なしラーメン豚骨豆腐スープ</t>
  </si>
  <si>
    <t>麺なしラーメン担々豆腐スープ</t>
  </si>
  <si>
    <t>スパイスキッチントムヤムクンパクチー</t>
  </si>
  <si>
    <t>おぼろ豆腐とめかぶのスープ</t>
  </si>
  <si>
    <t>カップＮチリトマトシーフードトマト</t>
  </si>
  <si>
    <t>カップヌードル_カレーライト</t>
  </si>
  <si>
    <t>ハマトラ_フレンチカレー</t>
  </si>
  <si>
    <t>ハマトラ_横濱ハヤシ</t>
  </si>
  <si>
    <t>カップヌードル百年記念</t>
  </si>
  <si>
    <t>カップヌードルライト</t>
  </si>
  <si>
    <t>カップヌードルシーフードライ</t>
  </si>
  <si>
    <t>カップヌードルぶっとリッチ</t>
  </si>
  <si>
    <t>カップヌードル　シーフード　ライトケース</t>
  </si>
  <si>
    <t>57G______</t>
  </si>
  <si>
    <t>とんがらし麺熟辛豆腐チゲ</t>
  </si>
  <si>
    <t>とんがらし麺_タイ風トムヤムクン</t>
  </si>
  <si>
    <t>とんがらし麺_カラシビタンメン</t>
  </si>
  <si>
    <t>ＢＩＧオニガリラー油ヌードル</t>
  </si>
  <si>
    <t>カップヌードルマイレンジデミグラス</t>
  </si>
  <si>
    <t>カップヌードルマイレンジエビトマクリーム</t>
  </si>
  <si>
    <t>カップＮミルクシーフード</t>
  </si>
  <si>
    <t>ス-プヌ-ドル</t>
  </si>
  <si>
    <t>カップヌードル_しお</t>
  </si>
  <si>
    <t>カップヌードルGOLD　金のゴマ入りチキンソルト味</t>
  </si>
  <si>
    <t>カップヌードル_チーズクリームシチューヌードル</t>
  </si>
  <si>
    <t>カップヌードル_ブラックみそ</t>
  </si>
  <si>
    <t>カップヌードルイタリアンカレーヌードル</t>
  </si>
  <si>
    <t>日清　カップヌードル　スパイシー豚骨ヌードル　ビッグ</t>
  </si>
  <si>
    <t>カップヌードル_チリトマト_ライト</t>
  </si>
  <si>
    <t>カップヌードルケース</t>
  </si>
  <si>
    <t>77g×20P</t>
  </si>
  <si>
    <t>カップヌードルシーフードケース</t>
  </si>
  <si>
    <t>75g×20P</t>
  </si>
  <si>
    <t>85g×20P</t>
  </si>
  <si>
    <t>チキンラーメン夏野菜カレー</t>
  </si>
  <si>
    <t>チキンラーメンカップ　マイルドカレー</t>
  </si>
  <si>
    <t>チキンラーメン受験生応援カップ　ぽっかぽかジンジャー風味</t>
  </si>
  <si>
    <t>チキンラーメン受験生応援カップ　スタミナガーリック風味</t>
  </si>
  <si>
    <t>77ｇ</t>
  </si>
  <si>
    <t>74ｇ</t>
  </si>
  <si>
    <t>サイリウムヌードル_しょうゆ味</t>
  </si>
  <si>
    <t>サイリウムヌードル_チキンタンメン</t>
  </si>
  <si>
    <t>サイリウムヌードル_シーフード</t>
  </si>
  <si>
    <t>日清　カップヌードル_レッドショック</t>
  </si>
  <si>
    <t>カップヌードル_AKB４８メッセージムービー付き</t>
  </si>
  <si>
    <t>カップヌードルカレー_AKBメッセージムービー付</t>
  </si>
  <si>
    <t>カップヌードルシーフード_AKBメッセージ付</t>
  </si>
  <si>
    <t>カップヌードルチリトマト_AKBメッセージムービー付</t>
  </si>
  <si>
    <t>カップヌードルチーズミラドリア</t>
  </si>
  <si>
    <t>カップヌードルキング麻婆茄子</t>
  </si>
  <si>
    <t>日清　カップヌードル　イタリアンカレー</t>
  </si>
  <si>
    <t>カップヌードルレッドカレー</t>
  </si>
  <si>
    <t>カップヌードル　レッドチリトマト</t>
  </si>
  <si>
    <t>カップヌードルｗｈｉｔｅシチュー</t>
  </si>
  <si>
    <t>カップヌードルレッドシーフード</t>
  </si>
  <si>
    <t>カップヌードル　レッドシーフードヌードル</t>
  </si>
  <si>
    <t>カップヌードル　トムヤムクン</t>
  </si>
  <si>
    <t>カップヌードル欧風チーズカレーケース</t>
  </si>
  <si>
    <t>日清のとんがらし麺　　海鮮スープ</t>
  </si>
  <si>
    <t>日清のとんがらし麺　_牛白湯スープ</t>
  </si>
  <si>
    <t>カップヌードル_ミルクシーフード</t>
  </si>
  <si>
    <t>カップヌードル　チリトマト　ケース</t>
  </si>
  <si>
    <t>75G______</t>
  </si>
  <si>
    <t>日清の赤おに麺赤いスープのたんたん麺編</t>
  </si>
  <si>
    <t>日清の青おに麺青菜たっぷり塩タンメン編</t>
  </si>
  <si>
    <t>日清　カップヌードル　バースデー記念パッケージ</t>
  </si>
  <si>
    <t>日清　カップヌードルカレー　バースデー記念パッケージ</t>
  </si>
  <si>
    <t>日清　カップヌードルシーフードヌードル　バースデー記念パッケ－ジ</t>
  </si>
  <si>
    <t>カップヌードルチリトマト</t>
  </si>
  <si>
    <t>ﾆｯｼﾝﾄﾏﾄ</t>
  </si>
  <si>
    <t>アンパンマンらーめんあっさりしょうゆ</t>
  </si>
  <si>
    <t>カップヌードルベジータ　キャベツ＆ベーコン</t>
  </si>
  <si>
    <t>カップヌードル　ベジータ　豚キャベツとんこつ</t>
  </si>
  <si>
    <t>カップヌードル　マッサマンカレー</t>
  </si>
  <si>
    <t>カップヌードル　シンガポール風ラクサ</t>
  </si>
  <si>
    <t>パスタスタイル　和風タラコ</t>
  </si>
  <si>
    <t>カップヌードルリッチ_スッポン</t>
  </si>
  <si>
    <t>パスタスタイル　ボロネーゼ</t>
  </si>
  <si>
    <t>カップヌードルリッチ_フカヒレ</t>
  </si>
  <si>
    <t>日清　カップヌードルスパイシーチキンカレー　７９ｇ</t>
  </si>
  <si>
    <t>カップヌードルパスタ　ボンゴレ</t>
  </si>
  <si>
    <t>カップヌードル　ミーゴレン</t>
  </si>
  <si>
    <t>ｶｯﾌﾟﾇｰﾄﾞﾙ抹茶仕立のｼｰﾌｰﾄﾞ</t>
  </si>
  <si>
    <t>77G</t>
  </si>
  <si>
    <t>カップヌードル　塩</t>
  </si>
  <si>
    <t>カップヌードル　トムヤムクンヌードル</t>
  </si>
  <si>
    <t>カップヌードル　しお　　ケース</t>
  </si>
  <si>
    <t>カップヌードル　トムヤムクンヌードルケース</t>
  </si>
  <si>
    <t>有名店_銀座いし井_中華そば</t>
  </si>
  <si>
    <t>とんがらし麺トマトチーズ</t>
  </si>
  <si>
    <t>有名店　築地えび金</t>
  </si>
  <si>
    <t>カップヌードル　ライトプラス　ラタトゥイユ</t>
  </si>
  <si>
    <t>カップヌードルライトプラスバーニャカウダ</t>
  </si>
  <si>
    <t>カップヌードル　ライト和風コンソメ</t>
  </si>
  <si>
    <t>アンパンマンらーめんしょうゆ味33gケース</t>
  </si>
  <si>
    <t>33g×15</t>
  </si>
  <si>
    <t>カップヌードル　リッチ贅沢とろみフカヒレスープ</t>
  </si>
  <si>
    <t>カップヌードルナイス　濃厚ポークしょうゆ</t>
  </si>
  <si>
    <t>58G</t>
  </si>
  <si>
    <t>カップヌードルナイス　クリーミーシーフード</t>
  </si>
  <si>
    <t>ＴＨＥＮＯＯＤＬＥ　ＴＯＫＹＯ　Ｄｕｅ　Ｉｔａｌｉａｎ特製らぁ麺</t>
  </si>
  <si>
    <t>Fカップヌードルチキンのシュプレームソース味トリュフ風味</t>
  </si>
  <si>
    <t>名店が認めた本格Style_篝_鶏白湯Soba</t>
  </si>
  <si>
    <t>ＡＦＵＲＩ　柚子辣湯麺　</t>
  </si>
  <si>
    <t>神戸ビーフカレーヌードル</t>
  </si>
  <si>
    <t>カップヌードル　シンガポールチリクラブ</t>
  </si>
  <si>
    <t>78G</t>
  </si>
  <si>
    <t>リッチあわび風味オイスター煮</t>
  </si>
  <si>
    <t>73G</t>
  </si>
  <si>
    <t>カップヌードルシャンピニオンズ</t>
  </si>
  <si>
    <t>カップヌードルラサグライアヤムムラユ</t>
  </si>
  <si>
    <t>カップヌードルサマーヌードル</t>
  </si>
  <si>
    <t>カップヌードル　リッチ松茸薫る濃厚きのこクリーム</t>
  </si>
  <si>
    <t>カップヌードル　ナイス　濃厚キムチ豚骨</t>
  </si>
  <si>
    <t>ミルクシーフードヌードル</t>
  </si>
  <si>
    <t>カップヌードルチリトマトヌードルケース</t>
  </si>
  <si>
    <t>76g×20P</t>
  </si>
  <si>
    <t>チリチリ♪チリトマト</t>
  </si>
  <si>
    <t>カップヌードル北海道限定パッケージ</t>
  </si>
  <si>
    <t>カップヌードルカレー北海道限定パッケージ</t>
  </si>
  <si>
    <t>カップヌードルシーフード北海道限定パッケージ</t>
  </si>
  <si>
    <t>カップヌードル北海道限定パッケージ箱</t>
  </si>
  <si>
    <t>78g×20P</t>
  </si>
  <si>
    <t>カップヌードルカレー北海道限定パッケージ箱</t>
  </si>
  <si>
    <t>87g×20P</t>
  </si>
  <si>
    <t>カップヌードルシーフード北海道限定パッケージ箱</t>
  </si>
  <si>
    <t>カップヌードルトムヤムクン</t>
  </si>
  <si>
    <t>カップヌードル　ラクサ</t>
  </si>
  <si>
    <t>81G</t>
  </si>
  <si>
    <t>ラ王タテカップやさいタンメン味噌</t>
  </si>
  <si>
    <t>カップヌードル　シーフードヌードル　大坂なおみ全米優勝パッケージ</t>
  </si>
  <si>
    <t>カップヌードル　カレー　大坂なおみ全米優勝パッケージ</t>
  </si>
  <si>
    <t>87ｇ</t>
  </si>
  <si>
    <t>カップヌードルナイス濃厚しょうゆ</t>
  </si>
  <si>
    <t>カップヌードルナイスシーフード</t>
  </si>
  <si>
    <t>日清カップヌードルナイスキムチ豚骨</t>
  </si>
  <si>
    <t>カップヌードル味噌</t>
  </si>
  <si>
    <t>令和カップヌードル</t>
  </si>
  <si>
    <t>カップヌードル　カレー　新元号パッケージ</t>
  </si>
  <si>
    <t>８７g</t>
  </si>
  <si>
    <t>カップヌードル　シーフードヌードル　新元号パッケージ</t>
  </si>
  <si>
    <t>７５g</t>
  </si>
  <si>
    <t>カップヌードル　蘭州牛肉麺</t>
  </si>
  <si>
    <t>76ｇ</t>
  </si>
  <si>
    <t>とんがらし麺うま辛麻辣麺</t>
  </si>
  <si>
    <t>とんがらし麺　旨辛酸辣湯麺</t>
  </si>
  <si>
    <t>カップヌードルナイス　濃厚クリーミーシーフード</t>
  </si>
  <si>
    <t>カップヌードルナイス濃厚キムチ豚骨</t>
  </si>
  <si>
    <t>北海道ミルクシーフードヌードル</t>
  </si>
  <si>
    <t>スモーキーチリしょうゆ味</t>
  </si>
  <si>
    <t>カップヌードル　ガーリックシュリンプ味</t>
  </si>
  <si>
    <t>カップヌードル謎肉キーマカレー</t>
  </si>
  <si>
    <t>日清　カップヌードル　スパイスチキンカレー　</t>
  </si>
  <si>
    <t>カップヌードル_海老の濃厚トマトクリーム</t>
  </si>
  <si>
    <t>60周年記念カップヌードル</t>
  </si>
  <si>
    <t>６０周年記念　カップヌードル　カレー</t>
  </si>
  <si>
    <t>６０周年記念　カップヌードル　シーフードヌードル　</t>
  </si>
  <si>
    <t>６０周年記念　カップヌードル　チリトマト</t>
  </si>
  <si>
    <t>カップヌードル４７周年バースデー記念パッケージ</t>
  </si>
  <si>
    <t>カップヌードルカレー４７周年バースデー記念パッケージ</t>
  </si>
  <si>
    <t>カップヌードルシーフード４７周年バースデー記念パッケージ</t>
  </si>
  <si>
    <t>カップヌードルチリトマト４７周年バースデー記念パッケージ</t>
  </si>
  <si>
    <t>７６ｇ</t>
  </si>
  <si>
    <t>カップヌードル肉食リッチ担々麺</t>
  </si>
  <si>
    <t>カップヌードル　リッチ贅沢濃厚うにクリーム</t>
  </si>
  <si>
    <t>ラ王やさいタンメンピリ辛味噌</t>
  </si>
  <si>
    <t>カップヌードル味噌ケース</t>
  </si>
  <si>
    <t>カップヌードルナイスシーフードケース</t>
  </si>
  <si>
    <t>56g×12</t>
  </si>
  <si>
    <t>カップヌードルナイス濃厚しょうゆケース</t>
  </si>
  <si>
    <t>カップヌードルトムヤムクンケース</t>
  </si>
  <si>
    <t>75g×12P</t>
  </si>
  <si>
    <t>イタリアンチリトマト味</t>
  </si>
  <si>
    <t>カップヌードル　チリトマトヌードル　新元号パッケージ</t>
  </si>
  <si>
    <t>７６g</t>
  </si>
  <si>
    <t>カップヌードルしおケース</t>
  </si>
  <si>
    <t>77g×20</t>
  </si>
  <si>
    <t>ラ王　野菜たっぷりタンメンしょうゆ　</t>
  </si>
  <si>
    <t>カップヌードル北海道ミルクシーフー道ヌードル</t>
  </si>
  <si>
    <t>カップヌードル旨辛豚骨</t>
  </si>
  <si>
    <t>カップヌードルエビトマトクリーム</t>
  </si>
  <si>
    <t>日清カップヌードル48周年77ｇ</t>
  </si>
  <si>
    <t>日清カップヌードルカレー48周年87ｇ</t>
  </si>
  <si>
    <t>日清カップヌードルシーフード48周年75ｇ</t>
  </si>
  <si>
    <t>日清カップヌードルグリーンカレー</t>
  </si>
  <si>
    <t>カップヌードルリッチスッポンスープ味　</t>
  </si>
  <si>
    <t>AFURI柚子しおラーメン</t>
  </si>
  <si>
    <t>カップヌードル　イタリアントマト</t>
  </si>
  <si>
    <t>カップヌードルＶ２大坂なおみ</t>
  </si>
  <si>
    <t>日清の担々麺ケース</t>
  </si>
  <si>
    <t>日清の雲呑麺ケース</t>
  </si>
  <si>
    <t>カップヌードルソルトオフ</t>
  </si>
  <si>
    <t>カップヌードル旨辛豚骨ケース</t>
  </si>
  <si>
    <t>82g×20P</t>
  </si>
  <si>
    <t>カップヌードルソルトオフケース</t>
  </si>
  <si>
    <t>74g×12</t>
  </si>
  <si>
    <t>カップヌードル北海道ミルクシーフー道ヌードルケース</t>
  </si>
  <si>
    <t>81g×20</t>
  </si>
  <si>
    <t>カップヌードル味噌北海道限定パッケージ</t>
  </si>
  <si>
    <t>カップヌードル1000億円記念</t>
  </si>
  <si>
    <t>カップヌードル49周年バースデー記念</t>
  </si>
  <si>
    <t>シーフードヌードル49周年バースデー記念</t>
  </si>
  <si>
    <t>カップヌードルカレー49周年バースデー記念</t>
  </si>
  <si>
    <t>カップヌードル抹茶鶏白湯</t>
  </si>
  <si>
    <t>カップヌードル謎肉キムチ</t>
  </si>
  <si>
    <t>カップヌードル魚介仕立てのペペロンチーノ</t>
  </si>
  <si>
    <t>カップヌードルピリッと生姜のグリーンカレー</t>
  </si>
  <si>
    <t>カップヌードルピリッと生姜のグリーンカレーケース</t>
  </si>
  <si>
    <t>80g×12</t>
  </si>
  <si>
    <t>チリトマトヌードル49周年バースデー記念</t>
  </si>
  <si>
    <t>カップヌードル謎肉キムチケース</t>
  </si>
  <si>
    <t>とんがらし麺うま辛キムチチーズ味ケース</t>
  </si>
  <si>
    <t>カップヌードルPROケース</t>
  </si>
  <si>
    <t>74g×12P</t>
  </si>
  <si>
    <t>カップヌードルPROシーフードケース</t>
  </si>
  <si>
    <t>とんがらし麺海鮮チゲケース</t>
  </si>
  <si>
    <t>63g×12P</t>
  </si>
  <si>
    <t>カップヌードルスーパー合体シリーズカップヌードル＆しお</t>
  </si>
  <si>
    <t>カップヌードルスーパー合体シリーズカレー＆シーフード</t>
  </si>
  <si>
    <t>カップヌードルスーパー合体シリーズ味噌＆旨辛豚骨</t>
  </si>
  <si>
    <t>カップヌードルスーパー合体シリーズチリトマト＆欧風チーズカレー</t>
  </si>
  <si>
    <t>カップヌードル辛麺</t>
  </si>
  <si>
    <t>カップヌードルポルチーニ香るきのこポタージュ</t>
  </si>
  <si>
    <t>鬼滅一丁どんぶり鬼滅の刃パッケージケース</t>
  </si>
  <si>
    <t>86g×12</t>
  </si>
  <si>
    <t>日清キメツラーメン油そば鬼滅の刃パッケージケース</t>
  </si>
  <si>
    <t>カップヌードル辛麺ケース</t>
  </si>
  <si>
    <t>カップヌードルポルチーニ香るきのこポタージュケース</t>
  </si>
  <si>
    <t>79g×12</t>
  </si>
  <si>
    <t>カップヌードルスーパー合体シリーズカップヌードル＆しおケース</t>
  </si>
  <si>
    <t>カップヌードルスーパー合体シリーズカレー＆シーフードケース</t>
  </si>
  <si>
    <t>79g×20P</t>
  </si>
  <si>
    <t>カップヌードルスーパー合体シリーズ味噌＆旨辛豚骨ケース</t>
  </si>
  <si>
    <t>84g×20P</t>
  </si>
  <si>
    <t>カップヌードル受験生</t>
  </si>
  <si>
    <t>丸源ラーメン肉そば</t>
  </si>
  <si>
    <t>カップヌードルにんにく豚骨</t>
  </si>
  <si>
    <t>とんがらし麺チーズ麻婆ケース</t>
  </si>
  <si>
    <t>69g*12</t>
  </si>
  <si>
    <t>カップヌードルにんにく豚骨ケース</t>
  </si>
  <si>
    <t>カップヌードルシーフード受験生</t>
  </si>
  <si>
    <t>カップヌードル受験生ケース</t>
  </si>
  <si>
    <t>78g×20</t>
  </si>
  <si>
    <t>カップヌードルシーフード受験生ケース</t>
  </si>
  <si>
    <t>カップヌードルタッカルビ</t>
  </si>
  <si>
    <t>百名店　琥珀</t>
  </si>
  <si>
    <t>カップヌードル味噌ミニケース</t>
  </si>
  <si>
    <t>41g×15</t>
  </si>
  <si>
    <t>カップヌードルPROチリトマトケース</t>
  </si>
  <si>
    <t>カップヌードルタカルビケース</t>
  </si>
  <si>
    <t>84g*12</t>
  </si>
  <si>
    <t>カップヌードルスーパー合体カップヌードル＆シーフードヌードル</t>
  </si>
  <si>
    <t>カップヌードルスーパー合体辛麺＆にんにく豚骨</t>
  </si>
  <si>
    <t>カップヌードルスーパー合体欧風チーズカレー＆味噌</t>
  </si>
  <si>
    <t>カップヌードルスーパー合体チリトマト＆トムヤムクン</t>
  </si>
  <si>
    <t>カップヌードウ味噌北海道限定パッケージ</t>
  </si>
  <si>
    <t>カップヌードル濃厚クリーミークラムチャウダー</t>
  </si>
  <si>
    <t>とんがらし麺ヤンニョム</t>
  </si>
  <si>
    <t>東京純豆腐チゲラーメン</t>
  </si>
  <si>
    <t>王道家豚骨醤油ラーメン</t>
  </si>
  <si>
    <t>カップヌードルスーパー合体カップヌードル＆シーフードケース</t>
  </si>
  <si>
    <t>カップヌードルスーパー合体欧風チーズカレー＆味噌ケース</t>
  </si>
  <si>
    <t>85g×12</t>
  </si>
  <si>
    <t>カップヌードルスーパー合体辛麺＆にんにく豚骨ケース</t>
  </si>
  <si>
    <t>83g×12</t>
  </si>
  <si>
    <t>カップヌードルスーパー合体チリトマト＆トムヤムクンケース</t>
  </si>
  <si>
    <t>カップヌードルラクサ</t>
  </si>
  <si>
    <t>カップヌードルねぎ塩</t>
  </si>
  <si>
    <t>カップヌードルねぎ塩ケース</t>
  </si>
  <si>
    <t>76g×20</t>
  </si>
  <si>
    <t>カップヌードルカレー受験生</t>
  </si>
  <si>
    <t>カップヌードルカレー受験生ケース</t>
  </si>
  <si>
    <t>87g×20</t>
  </si>
  <si>
    <t>とんがらし麺ヤンニョムケース</t>
  </si>
  <si>
    <t>カップヌードルチーズバターカレーケース</t>
  </si>
  <si>
    <t>カップヌードル海鮮コチュジャンチゲ味</t>
  </si>
  <si>
    <t>カップヌードル担担</t>
  </si>
  <si>
    <t>カップヌードル燻製チーズのチリトマト</t>
  </si>
  <si>
    <t>あっさりおいしいカップヌードル旨辛シーフード</t>
  </si>
  <si>
    <t>カップヌードル酸辣湯BIG</t>
  </si>
  <si>
    <t>とんがらし麺トマトクリーム</t>
  </si>
  <si>
    <t>チキンラーメンビッグ令和の韓食ヤンニョム</t>
  </si>
  <si>
    <t>はるちゃんラーメン</t>
  </si>
  <si>
    <t>カップヌードル担担ケース</t>
  </si>
  <si>
    <t>カップヌードル海鮮コチュジャンチゲ味ケース</t>
  </si>
  <si>
    <t>特上カップヌードルケース</t>
  </si>
  <si>
    <t>特上カップヌードルカレーケース</t>
  </si>
  <si>
    <t>特上カップヌードルシーフードケース</t>
  </si>
  <si>
    <t>特上カップヌードルチリトマトケース</t>
  </si>
  <si>
    <t>80g×20</t>
  </si>
  <si>
    <t>カップヌードルエビまみれ</t>
  </si>
  <si>
    <t>カップヌードル謎肉まみれ</t>
  </si>
  <si>
    <t>カップヌードルシーフードヌードルイカまみれ</t>
  </si>
  <si>
    <t>CNカレー謎肉まみれ</t>
  </si>
  <si>
    <t>カップヌードルエビまみれケース</t>
  </si>
  <si>
    <t>68g×12</t>
  </si>
  <si>
    <t>カップヌードル謎肉まみれケース</t>
  </si>
  <si>
    <t>カップヌードルシーフードヌードルイカまみれケース</t>
  </si>
  <si>
    <t>CNカレー謎肉まみれケース</t>
  </si>
  <si>
    <t>88g×12</t>
  </si>
  <si>
    <t>カップヌードル燻製チーズのチリトマトケース</t>
  </si>
  <si>
    <t>73g×20</t>
  </si>
  <si>
    <t>カップヌードル魚介ぶしカレー</t>
  </si>
  <si>
    <t>744g</t>
  </si>
  <si>
    <t>SUSURUも唸る背脂チャッチャ系東京環七ラーメンじょっぱり</t>
  </si>
  <si>
    <t>特上カップヌードルシーフードヌードル</t>
  </si>
  <si>
    <t>特上カップヌードルチリトマトヌードル</t>
  </si>
  <si>
    <t>Fカップヌードルオマール海老のビスク風</t>
  </si>
  <si>
    <t>Fカップヌードル真鯛と帆立のプロヴァンス風ブイヤベース味</t>
  </si>
  <si>
    <t>Fヌードルチキンのシュプレームソース味トリュフ風味</t>
  </si>
  <si>
    <t>カップヌードルレモンシーフードヌードル</t>
  </si>
  <si>
    <t>カップヌードル北海道濃厚ミルクシーフー道ヌードル</t>
  </si>
  <si>
    <t>カップヌードル白担担</t>
  </si>
  <si>
    <t>カップヌードル白味噌</t>
  </si>
  <si>
    <t>カップヌードル3種のチーズ鶏白湯</t>
  </si>
  <si>
    <t>カップヌードルスパイス香るクリーミーグリーンカレー</t>
  </si>
  <si>
    <t>Fカップヌードルオマール海老のビスク風ケース</t>
  </si>
  <si>
    <t>1660g</t>
  </si>
  <si>
    <t>Fカップヌードル真鯛と帆立のプロヴァンス風ブイヤベース味ケース</t>
  </si>
  <si>
    <t>1520g</t>
  </si>
  <si>
    <t>Fカップヌードルチキンのシュプレームソース味トリュフ風味ケース</t>
  </si>
  <si>
    <t>1680g</t>
  </si>
  <si>
    <t>カップヌードルカプヌのエモい出パッケージ</t>
  </si>
  <si>
    <t>カップヌードルレモンシーフードヌードルケース</t>
  </si>
  <si>
    <t>1460g</t>
  </si>
  <si>
    <t>カップヌードルスパイス香るクリーミーグリーンカレーケース</t>
  </si>
  <si>
    <t>RamenBreakBeats地鶏醤油らぁ麺</t>
  </si>
  <si>
    <t>JapaneseRamen五感黄金色の塩らぁめん</t>
  </si>
  <si>
    <t>カップヌードル白担担ケース</t>
  </si>
  <si>
    <t>1760g</t>
  </si>
  <si>
    <t>カップヌードル白味噌ケース</t>
  </si>
  <si>
    <t>カップヌードル受験生応援パッケージ</t>
  </si>
  <si>
    <t>カップヌードルシーフードヌードル受験生応援パッケージ</t>
  </si>
  <si>
    <t>カップヌードルカレー受験生応援パッケージ</t>
  </si>
  <si>
    <t>カップヌードウチリトマトヌードウ北海道限定パッケージ</t>
  </si>
  <si>
    <t>936g</t>
  </si>
  <si>
    <t>カップヌードル3種のチーズ鶏白湯ケース</t>
  </si>
  <si>
    <t>カップヌードルバターチキンカレービッグケース</t>
  </si>
  <si>
    <t>106g×12</t>
  </si>
  <si>
    <t>あっさりおいしいカップヌードルチリトマトケース</t>
  </si>
  <si>
    <t>1240g</t>
  </si>
  <si>
    <t>カップヌードルペルー式チキンのクリーム煮込み味</t>
  </si>
  <si>
    <t>シーフードヌードルぶっこみ飯</t>
  </si>
  <si>
    <t>日清カップヌードルねぎ塩謎肉豚丼</t>
  </si>
  <si>
    <t>カップヌードル　イタリアンチリトマト味</t>
  </si>
  <si>
    <t>ＮＥＷ長崎ちゃんぽん</t>
  </si>
  <si>
    <t>野菜ちゃんぽん柚子風味</t>
  </si>
  <si>
    <t>名店監修濃厚久留米ラーメン</t>
  </si>
  <si>
    <t>縦ビッグ砦監修元祖貝白湯ラーメン</t>
  </si>
  <si>
    <t>チャルメラコレクショ豚骨醤油</t>
  </si>
  <si>
    <t>チャルメラコレクション塩豚骨</t>
  </si>
  <si>
    <t>チャルメラカップしょうゆ</t>
  </si>
  <si>
    <t>チャルメラカップしお</t>
  </si>
  <si>
    <t>チャルメラカップとんこつ</t>
  </si>
  <si>
    <t>チャルメラカップみそ</t>
  </si>
  <si>
    <t>チャルメラカップ_しょうゆ</t>
  </si>
  <si>
    <t>チャルメラカップ_醤油</t>
  </si>
  <si>
    <t>チャルメラカップ　塩</t>
  </si>
  <si>
    <t>チャルメラカップ_味噌</t>
  </si>
  <si>
    <t>チャルメラ　ワンピースヌードル　バーベキューしょうゆ　ケース</t>
  </si>
  <si>
    <t>チャルメラ　ワンピースヌードル　ペッパーシーフード　ケース</t>
  </si>
  <si>
    <t>香る逸品　辛味噌らぁめん</t>
  </si>
  <si>
    <t>チャルメラコーンラーメン</t>
  </si>
  <si>
    <t>86ｇ</t>
  </si>
  <si>
    <t>チャルメラ高菜ラーメン</t>
  </si>
  <si>
    <t>98ｇ</t>
  </si>
  <si>
    <t>チャルメラにんにくラーメン</t>
  </si>
  <si>
    <t>一杯満足しょうゆ味ヌードルケース</t>
  </si>
  <si>
    <t>一杯満足シーフード味ヌードルケース</t>
  </si>
  <si>
    <t>一杯満足スパイシーカレー味ヌードル</t>
  </si>
  <si>
    <t>一杯満足スパイシーカレー味ヌードルケース</t>
  </si>
  <si>
    <t>日本相撲協会監修味噌ちゃんこ味ラーメン</t>
  </si>
  <si>
    <t>至極の一杯鶏こく醤油ラーメンケース</t>
  </si>
  <si>
    <t>至極の一杯芳醇味噌ラーメンケース</t>
  </si>
  <si>
    <t>至極の一杯コク塩バター味ラーメンケース</t>
  </si>
  <si>
    <t>至極の一杯コク黒とんこつラーメンケース</t>
  </si>
  <si>
    <t>チョッパやパリカタ麺</t>
  </si>
  <si>
    <t>チョッパ屋極細麺しょうゆ</t>
  </si>
  <si>
    <t>ラーの道_炊きだし鶏しょうゆ</t>
  </si>
  <si>
    <t>小麦の時間_鶏ガラしょうゆ味</t>
  </si>
  <si>
    <t>小麦の時間_鶏ガラしお味</t>
  </si>
  <si>
    <t>中華三昧四川飯店坦々麺</t>
  </si>
  <si>
    <t>中華三昧　四川飯店　担々麺　タテ型　ケース</t>
  </si>
  <si>
    <t>中華三昧　赤坂栄林　酸辣湯麺　タテ型　ケース</t>
  </si>
  <si>
    <t>チョッパヤ_中辛スパイシーカレー焼そば</t>
  </si>
  <si>
    <t>明星_Quick1_チキンコンソメ</t>
  </si>
  <si>
    <t>明星_Quick1_ブイヤベース</t>
  </si>
  <si>
    <t>明星_Quick1_ミネストローネ</t>
  </si>
  <si>
    <t>すこびる辛麺激辛豆腐チゲ</t>
  </si>
  <si>
    <t>チャルメラカップあんかけラーメン</t>
  </si>
  <si>
    <t>チャルメラカップちゃんぽん</t>
  </si>
  <si>
    <t>チャルメラカップウォーリーしょうゆ味　</t>
  </si>
  <si>
    <t>チャルメラカップウォーリーシーフード味</t>
  </si>
  <si>
    <t>チャルメラカップ　バリカタ豚骨</t>
  </si>
  <si>
    <t>ﾁｬﾙﾒﾗ　鬼太郎_香味醤油味</t>
  </si>
  <si>
    <t>ﾁｬﾙﾒﾗ　ねこ娘_旨辛みそ味</t>
  </si>
  <si>
    <t>一平ちゃん　ワンピースバーベキューしょうゆヌードル</t>
  </si>
  <si>
    <t>チョッパヤバリカタ麺高菜豚骨</t>
  </si>
  <si>
    <t>すこびる辛麺激辛豚骨ラーメン</t>
  </si>
  <si>
    <t>チョッパヤバリカタどとんこつ</t>
  </si>
  <si>
    <t>中華三昧　銀座アスター監修　とろみ醤油麺　タテ型　ケース</t>
  </si>
  <si>
    <t>ローカーボヌードルコンソメ味</t>
  </si>
  <si>
    <t>ローカーボヌードルバジル味</t>
  </si>
  <si>
    <t>低糖質麺　ローカーボヌードル　コンソメスープ</t>
  </si>
  <si>
    <t>低糖質麺　ローカーボヌードル　レモンジンジャースープ</t>
  </si>
  <si>
    <t>中華三昧　広東風　とろみ醤油</t>
  </si>
  <si>
    <t>63G</t>
  </si>
  <si>
    <t>低糖質麺ﾛ-ｶ-ﾎﾞNoodlesﾋﾞ-ﾌｺﾝｿﾒ</t>
  </si>
  <si>
    <t>５４ｇ</t>
  </si>
  <si>
    <t>低糖質麺ﾛ-ｶ-ﾎﾞNoodles鶏白湯</t>
  </si>
  <si>
    <t>中華三昧　麻辣火鍋拉麺</t>
  </si>
  <si>
    <t>ローカーボNoodles　まろやか鶏白湯</t>
  </si>
  <si>
    <t>ローカーボNoodles　ピり辛酸辣湯</t>
  </si>
  <si>
    <t>中華三昧タテ型　重慶飯店　麻婆麺　６５ｇ</t>
  </si>
  <si>
    <t>中華三昧タテ型ビッグ　赤坂栄林酸辣湯麺</t>
  </si>
  <si>
    <t>中華三昧重慶飯店麻婆麺</t>
  </si>
  <si>
    <t>９５ｇ</t>
  </si>
  <si>
    <t>極のチャルメラ　バリカタ麺　焦がしにんにく濃厚豚骨</t>
  </si>
  <si>
    <t>ローカーボヌードル鶏がら醤油</t>
  </si>
  <si>
    <t>ローカーボヌードル野菜タンメン</t>
  </si>
  <si>
    <t>チャルメラカップ塩</t>
  </si>
  <si>
    <t>素材のおかげ生姜醤油らぁめん</t>
  </si>
  <si>
    <t>チャルメラカップ_バリカタ豚骨</t>
  </si>
  <si>
    <t>チャルメラカップみそケース</t>
  </si>
  <si>
    <t>チャルメラカップしおケース</t>
  </si>
  <si>
    <t>チャルメラカップ博多バリカタ豚骨ケース</t>
  </si>
  <si>
    <t>チャルメラカップ宮崎辛麺</t>
  </si>
  <si>
    <t>チャルメラカップ宮崎辛麺ケース</t>
  </si>
  <si>
    <t>チャルメラカップ豚骨醤油</t>
  </si>
  <si>
    <t>中華三昧赤坂栄林酸辣湯麺ケース</t>
  </si>
  <si>
    <t>中華三昧赤坂璃宮広東風醤油ケース</t>
  </si>
  <si>
    <t>中華三昧中国料理北京北京風香塩ケース</t>
  </si>
  <si>
    <t>ロカボNOODLES野菜たっぷり醤油</t>
  </si>
  <si>
    <t>ロカボNOODLES野菜たっぷり醤油ケース</t>
  </si>
  <si>
    <t>ロカボNOODLES野菜たっぷりタンメン</t>
  </si>
  <si>
    <t>チャルメラカップトマト味ケース</t>
  </si>
  <si>
    <t>中華三昧赤坂栄林トマト酸辣湯麺</t>
  </si>
  <si>
    <t>博多バリカタネギ豚骨</t>
  </si>
  <si>
    <t>沖縄そばタテ型ケース</t>
  </si>
  <si>
    <t>チャルメラワンピースコンソメトマト味ケース</t>
  </si>
  <si>
    <t>至極の一杯醤油ラーメンケース</t>
  </si>
  <si>
    <t>至極の一杯味噌ラーメンケース</t>
  </si>
  <si>
    <t>至極の一杯塩ラーメンケース</t>
  </si>
  <si>
    <t>至極の一杯小海老天そばケース</t>
  </si>
  <si>
    <t>中華三昧タテ型酸辣湯麺</t>
  </si>
  <si>
    <t>明星中華三昧赤坂璃宮広東風醤油</t>
  </si>
  <si>
    <t>明星麺神濃香豚骨醤油</t>
  </si>
  <si>
    <t>明星チャルメラ塩</t>
  </si>
  <si>
    <t>明星チャルメラしょうゆ</t>
  </si>
  <si>
    <t>チャルメラカップ青森スタミナ源たれにんにく甘旨醤油ラーメン</t>
  </si>
  <si>
    <t>BIGだぜ一平ちゃん背脂醤油ラーメン</t>
  </si>
  <si>
    <t>BIG一平ちゃん背脂醤油ケース</t>
  </si>
  <si>
    <t>BIGだぜ一平ちゃん旨辛味噌ラーメン</t>
  </si>
  <si>
    <t>BIG一平ちゃん旨辛味噌ケース</t>
  </si>
  <si>
    <t>明星辛麺屋輪監修とろみ宮崎辛麺</t>
  </si>
  <si>
    <t>中華三昧タテ型栄林酸辣湯麺</t>
  </si>
  <si>
    <t>中華三昧タテ型赤坂璃宮五目とろみ醤油</t>
  </si>
  <si>
    <t>中華三昧タテ型中国料理北京鶏塩白湯麺</t>
  </si>
  <si>
    <t>麺神豚骨醤油</t>
  </si>
  <si>
    <t>麺神カップ辛スタミナ中華そば</t>
  </si>
  <si>
    <t>中華三昧タテ型四川飯店麻婆豆腐麺</t>
  </si>
  <si>
    <t>辛麺屋輪監修宮崎辛麺25辛</t>
  </si>
  <si>
    <t>チャルメラカップとり野菜みそラーメン</t>
  </si>
  <si>
    <t>麺神カップ牛白湯ラーメン</t>
  </si>
  <si>
    <t>ロカボNOODLESおいしさプラスピリ辛酸辣湯</t>
  </si>
  <si>
    <t>BIGだぜ一平ちゃん黒マー油豚骨ラーメン</t>
  </si>
  <si>
    <t>モード学園コラボ辛DEMO幸ハニーバター風旨辛チゲラーメン</t>
  </si>
  <si>
    <t>青春という名のラーメン胸さわぎでかミートしょうゆ</t>
  </si>
  <si>
    <t>青春という名のラーメン誘惑でかタマゴチャンポン</t>
  </si>
  <si>
    <t>青春という名のラーメン純情でかポテトしおバター</t>
  </si>
  <si>
    <t>チャンピオンカレー監修濃厚カレーラーメン</t>
  </si>
  <si>
    <t>中華三昧タテ型スーツァンレストラン陳豆乳担々麺</t>
  </si>
  <si>
    <t>BIGだぜ一平ちゃん豚骨醤油ラーメン</t>
  </si>
  <si>
    <t>BIGだぜ一平ちゃん濃厚味噌ラーメン</t>
  </si>
  <si>
    <t>青春とい名のラーメンシーフード</t>
  </si>
  <si>
    <t>男のスタミナパワーヌードル醤油</t>
  </si>
  <si>
    <t>男のスタミナパワーヌードルとんこつ</t>
  </si>
  <si>
    <t>六厘舎監修肉特盛背脂豚骨中華そば</t>
  </si>
  <si>
    <t>ヴィーガンヌードル担担麺</t>
  </si>
  <si>
    <t>ヴィーガンヌードル酸辣湯麺</t>
  </si>
  <si>
    <t>ヴィーガンヌードル醤油</t>
  </si>
  <si>
    <t>しょう油味ヌードル</t>
  </si>
  <si>
    <t>しお味ヌードル</t>
  </si>
  <si>
    <t>マイフレンドヌードル　しょうゆ味</t>
  </si>
  <si>
    <t>マイフレンドヌードル　カレー風味</t>
  </si>
  <si>
    <t>情熱のにんにく醤油ヌードル</t>
  </si>
  <si>
    <t>魅惑のレモン塩ヌードル</t>
  </si>
  <si>
    <t>ぐんまちゃんヌードルしょうゆ　ケース</t>
  </si>
  <si>
    <t>63g*12</t>
  </si>
  <si>
    <t>金ちゃんヌードル</t>
  </si>
  <si>
    <t>金ちゃんヌードル塩</t>
  </si>
  <si>
    <t>金ちゃん野菜ちゃんぽん饂飩</t>
  </si>
  <si>
    <t>金ちゃんヌードル旨いしお</t>
  </si>
  <si>
    <t>金ちゃんヌードルしょうゆとんこつ　</t>
  </si>
  <si>
    <t>金ちゃんヌードル　辛味　</t>
  </si>
  <si>
    <t>金ちゃんヌードルしお</t>
  </si>
  <si>
    <t>金ちゃんヌードルカレー</t>
  </si>
  <si>
    <t>金ちゃんねぎ豚塩とんこつ</t>
  </si>
  <si>
    <t>金ちゃんヌードルちゃんぽん太麺</t>
  </si>
  <si>
    <t>金ちゃんヌードル辛味噌</t>
  </si>
  <si>
    <t>金ちゃんヌードルどにんにく</t>
  </si>
  <si>
    <t>金ちゃんヌードルトマト＆チーズ</t>
  </si>
  <si>
    <t>金ちゃんカップしょうゆ味</t>
  </si>
  <si>
    <t>ラーメンカップ鶏しお</t>
  </si>
  <si>
    <t>金ちゃんラーメンちゃんぽん76g</t>
  </si>
  <si>
    <t>金ちゃんヌードル天津麺風</t>
  </si>
  <si>
    <t>金ちゃんヌードルケース</t>
  </si>
  <si>
    <t>金ちゃんヌードルカレー＿ケース</t>
  </si>
  <si>
    <t>金ちゃんヌードルしおケース</t>
  </si>
  <si>
    <t>金ちゃんヌードルカレーケース</t>
  </si>
  <si>
    <t>83g×12P</t>
  </si>
  <si>
    <t>ねぎラーメンケース</t>
  </si>
  <si>
    <t>ｷﾝﾁﾔﾝ</t>
  </si>
  <si>
    <t>金ちゃんラーメンカップしょうゆ味ケース</t>
  </si>
  <si>
    <t>金ちゃんラーメンカップ鶏しおケース</t>
  </si>
  <si>
    <t>73g×12P</t>
  </si>
  <si>
    <t>金ちゃんラーメンカップ担々麺ケース</t>
  </si>
  <si>
    <t>80×12P</t>
  </si>
  <si>
    <t>金ちゃん鍋焼うどんプデチゲ風216g</t>
  </si>
  <si>
    <t>アサヒ　おどろき麺０　焦がし醤油麺　１４．１ｇ</t>
  </si>
  <si>
    <t>14.1G</t>
  </si>
  <si>
    <t>辛ラーメンキムチ味</t>
  </si>
  <si>
    <t>トムヤムラーメン</t>
  </si>
  <si>
    <t>カップグリーンカレーラーメン</t>
  </si>
  <si>
    <t>辛カップラーメン</t>
  </si>
  <si>
    <t>ブラック辛ラーメン_プレミアム</t>
  </si>
  <si>
    <t>辛ラーメンキムチカップ　ケース</t>
  </si>
  <si>
    <t>ノグリ旨辛焼きちゃんぽん</t>
  </si>
  <si>
    <t>キムチカップラーメン</t>
  </si>
  <si>
    <t>ジャイアント辛カップラーメン</t>
  </si>
  <si>
    <t>韓美味火ラーメン</t>
  </si>
  <si>
    <t>キムチチゲラーメン</t>
  </si>
  <si>
    <t>ｵﾓﾘ</t>
  </si>
  <si>
    <t>スパイシーラーメンSシーフード味</t>
  </si>
  <si>
    <t>タテ型HandyHaoHaoTomChuaCay</t>
  </si>
  <si>
    <t>オムニラーメンライムパクチー</t>
  </si>
  <si>
    <t>旨韓国ピリ辛ラーメン</t>
  </si>
  <si>
    <t>旨激辛ラーメン</t>
  </si>
  <si>
    <t>まる旨　中華そば</t>
  </si>
  <si>
    <t>まる旨　味噌ラーメン</t>
  </si>
  <si>
    <t>まる旨　豚骨ラーメン</t>
  </si>
  <si>
    <t>ＣｏＣｏ壱番屋　ビーフカレー　ヌードル</t>
  </si>
  <si>
    <t>新潟県編妙高とん汁ラーメン</t>
  </si>
  <si>
    <t>宮崎県編旨辛麺</t>
  </si>
  <si>
    <t>飲み干す一杯背脂とんこつラーメン</t>
  </si>
  <si>
    <t>どっさり野菜　チリトマト</t>
  </si>
  <si>
    <t>どっさり野菜カレー</t>
  </si>
  <si>
    <t>ヌードルグー_しおラーメン</t>
  </si>
  <si>
    <t>飲み干す一杯鶏炊き醤油</t>
  </si>
  <si>
    <t>どっさり野菜鶏出ししょうゆ</t>
  </si>
  <si>
    <t>飲み干す一杯_濃厚魚介醤油</t>
  </si>
  <si>
    <t>どっさり野菜_韓国風チゲラーメン</t>
  </si>
  <si>
    <t>どっさり野菜_ちゃんぽん</t>
  </si>
  <si>
    <t>飲み干す一杯_肉だれ味噌</t>
  </si>
  <si>
    <t>どっさり野菜チリトマト</t>
  </si>
  <si>
    <t>飲み干す一杯_肉だれ味噌ラーメン</t>
  </si>
  <si>
    <t>飲み干す一杯_担担麺</t>
  </si>
  <si>
    <t>飲干す一杯麻婆拉麺</t>
  </si>
  <si>
    <t>飲み干す一杯_背脂とんこつ</t>
  </si>
  <si>
    <t>ヌードルグー_しょうゆ</t>
  </si>
  <si>
    <t>ヌードルグー_とんこつ</t>
  </si>
  <si>
    <t>春雨ヌードル海鮮シーフード</t>
  </si>
  <si>
    <t>飲み干す一杯横浜豚骨醤油</t>
  </si>
  <si>
    <t>飲み干す一杯仙台辛味噌</t>
  </si>
  <si>
    <t>どっさり野菜　塩タンメン</t>
  </si>
  <si>
    <t>飲み干す一杯　豚まろ味噌ラーメン</t>
  </si>
  <si>
    <t>ＥＤＧＥチーズかけすぎチリトマト味ラーメン</t>
  </si>
  <si>
    <t>らーめん空監修辛味噌</t>
  </si>
  <si>
    <t>飲み干す一杯　仙台辛味噌ラーメン</t>
  </si>
  <si>
    <t>飲み干す一杯　横浜　豚骨醤油ラーメン</t>
  </si>
  <si>
    <t>よこすか海軍カレーラーメン　</t>
  </si>
  <si>
    <t>麺屋Hulu-lu監修の一杯　柚子塩</t>
  </si>
  <si>
    <t>MEGAニボ　ど煮干し中華そば</t>
  </si>
  <si>
    <t>飲み干す一杯濃厚背脂とんこつ</t>
  </si>
  <si>
    <t>71G</t>
  </si>
  <si>
    <t>５９ｇ</t>
  </si>
  <si>
    <t>まる旨味噌ラーメン</t>
  </si>
  <si>
    <t>エースコックべんてん特製濃厚塩ラーメン　９２ｇ</t>
  </si>
  <si>
    <t>オキコラーメンBIGチキン味</t>
  </si>
  <si>
    <t>飲み干す一杯麻婆麺</t>
  </si>
  <si>
    <t>魚藍亭監修　よこすか海軍カレーラーメン</t>
  </si>
  <si>
    <t>飲み干す一杯名古屋台湾ラーメン</t>
  </si>
  <si>
    <t>お取り寄せNIPPON北海道産花咲ガニだし使用醤油ラーメン</t>
  </si>
  <si>
    <t>お取り寄せNIPPON愛媛宇和海産真鯛だし使用塩ラーメン</t>
  </si>
  <si>
    <t>野原ひろし昼メシの流儀クセになるもやしそば塩</t>
  </si>
  <si>
    <t>野原ひろし昼メシの流儀クセになるもやしそば味噌</t>
  </si>
  <si>
    <t>でびっと監修鶏とん塩ラーメン</t>
  </si>
  <si>
    <t>でびっと監修煮干し醤油ラーメン</t>
  </si>
  <si>
    <t>お取り寄せNIPPON名古屋コーチンだし使用醤油ラーメン</t>
  </si>
  <si>
    <t>お取り寄せNIPPON富山県産白エビだし使用塩ラーメン</t>
  </si>
  <si>
    <t>お取り寄せNIPPON宮崎県産霧島黒豚だし使用豚骨</t>
  </si>
  <si>
    <t>お取り寄せNIPPON北海道産花咲ガニだし使用醤油</t>
  </si>
  <si>
    <t>でびっと監修鶏こく醤油ラーメン</t>
  </si>
  <si>
    <t>北海道花咲ガニだし醤油ラーメン</t>
  </si>
  <si>
    <t>静岡駿河湾桜えびだし塩ラーメン</t>
  </si>
  <si>
    <t>飲み干す一杯　丸鶏コク醤油</t>
  </si>
  <si>
    <t>飲み干す一杯　鶏とろ醤油ラーメン</t>
  </si>
  <si>
    <t>す・またん　カレーワンタンタンメン</t>
  </si>
  <si>
    <t>67ｇ</t>
  </si>
  <si>
    <t>どっさり野菜旨辛しょうゆ</t>
  </si>
  <si>
    <t>飲み干す一杯　酸辣湯</t>
  </si>
  <si>
    <t>どっさり野菜×ﾜﾝﾀﾝﾒﾝ_ﾀﾝﾒﾝ味</t>
  </si>
  <si>
    <t>サンリオキャラクターズヌードル　しょうゆ味</t>
  </si>
  <si>
    <t>サンリオキャラクターズヌードル　しお味</t>
  </si>
  <si>
    <t>まる旨青森煮干ラーメン</t>
  </si>
  <si>
    <t>まる旨愛媛和風ちゃんぽん</t>
  </si>
  <si>
    <t>まる旨鳥取牛骨ラーメン</t>
  </si>
  <si>
    <t>ご当地の一杯札幌濃厚味噌ラーメン</t>
  </si>
  <si>
    <t>ご当地の一杯横浜豚骨醤油ラーメン</t>
  </si>
  <si>
    <t>ご当地の一杯仙台辛味噌ラーメン</t>
  </si>
  <si>
    <t>ご当地の一杯京都背脂醤油ラーメン</t>
  </si>
  <si>
    <t>ご当地の一杯函館塩ラーメン</t>
  </si>
  <si>
    <t>ご当地の一杯和歌山こってり中華そば</t>
  </si>
  <si>
    <t>千年こうじや監修八海山酒粕仕立濃厚味噌ラーメン</t>
  </si>
  <si>
    <t>リンガーハットの長崎ちゃんぽんケース</t>
  </si>
  <si>
    <t>リンガーハットのピリカラちゃんぽん</t>
  </si>
  <si>
    <t>リンガーハットのピリカラちゃんぽんケース</t>
  </si>
  <si>
    <t>よーいドンワンタンメン鶏だし塩ちゃんこ味</t>
  </si>
  <si>
    <t>大盛食堂　味噌ラーメン</t>
  </si>
  <si>
    <t>旅麺　札幌味噌ラーメン</t>
  </si>
  <si>
    <t>旅麺長崎ちゃんぽん</t>
  </si>
  <si>
    <t>カップスター　ホワイトシチュー味</t>
  </si>
  <si>
    <t>カップスター　ハヤシ味</t>
  </si>
  <si>
    <t>旅麺　函館塩</t>
  </si>
  <si>
    <t>カップスターすき焼風醤油らーめん　本みりん仕立て</t>
  </si>
  <si>
    <t>ｻｯﾎﾟﾛ一番　鍋風　みそラーメン</t>
  </si>
  <si>
    <t>ｻｯﾎﾟﾛ一番　鍋風　塩ラーメン</t>
  </si>
  <si>
    <t>サッポロ一番全農_カップスター鶏つみれが入った_醤油</t>
  </si>
  <si>
    <t>６３ｇ</t>
  </si>
  <si>
    <t>サッポロ一番全農_カップスターチャーシューが入った_ピリ辛味噌</t>
  </si>
  <si>
    <t>６７ｇ</t>
  </si>
  <si>
    <t>塩らーめんカルボナーラ風</t>
  </si>
  <si>
    <t>とよみづき大豆の豆腐チゲラーメン</t>
  </si>
  <si>
    <t>みそラーメンＢＥＳＴレシピ豚キムチ</t>
  </si>
  <si>
    <t>桃屋キムチラーメン</t>
  </si>
  <si>
    <t>全農鹿児島いいとこ鶏使用しょうゆ</t>
  </si>
  <si>
    <t>全農北海道産じゃがいもみそラーメン</t>
  </si>
  <si>
    <t>みそラーメン　旨辛</t>
  </si>
  <si>
    <t>野郎ラーメン　濃厚トンコツ</t>
  </si>
  <si>
    <t>リケンわかめスープ味ラーメン　</t>
  </si>
  <si>
    <t>リケンねぎピリ辛スープ味ラーメン</t>
  </si>
  <si>
    <t>Ｇプレミアム　たっぷり野菜　タンメン</t>
  </si>
  <si>
    <t>Ｇプレミアム　たっぷり野菜　塩レモン味らーめん</t>
  </si>
  <si>
    <t>７４ｇ</t>
  </si>
  <si>
    <t>サッポロ一番　千葉醸造醤油使用　千葉竹岡式醤油ラーメン</t>
  </si>
  <si>
    <t>サッポロ一番　北海道醸造味噌使用　札幌味噌ラーメン</t>
  </si>
  <si>
    <t>サッポロ一番　グリーンプレミアム野菜タンメン７７ｇ</t>
  </si>
  <si>
    <t>サッポロ一番Ｇプレミアム塩レモン味らーめん　７５ｇ</t>
  </si>
  <si>
    <t>サッポロ一番　カップスターあさりだし塩らーめん</t>
  </si>
  <si>
    <t>カップスターしょうゆ　復刻版　70g</t>
  </si>
  <si>
    <t>創味シャンタン　海鮮塩味刀削風麺</t>
  </si>
  <si>
    <t>ヤマモリ監修　グリーンカレー味ヌードル</t>
  </si>
  <si>
    <t>ヤマモリ監修　トムヤムクン味ヌードル</t>
  </si>
  <si>
    <t>丸大食品監修　スンドゥブ辛口味ラーメン　65g</t>
  </si>
  <si>
    <t>ポケモンＮ　しょうゆラーメン　64g</t>
  </si>
  <si>
    <t>ホテイフーズ監修　やきとり塩味風味　ラーメン</t>
  </si>
  <si>
    <t>ポケモンヌードルしょうゆ</t>
  </si>
  <si>
    <t>ポケモンヌードルとんこつ味</t>
  </si>
  <si>
    <t>和ラー鹿児島豚しゃぶ風</t>
  </si>
  <si>
    <t>ポケモンしょうゆ焼とうもろこし風</t>
  </si>
  <si>
    <t>ポケモンヌードルしお味海鮮風</t>
  </si>
  <si>
    <t>ポケモンヌードルバターしょうゆ</t>
  </si>
  <si>
    <t>ポケモンヌードルコンソメ味</t>
  </si>
  <si>
    <t>サッポロ一番スプラトゥーン３シーフードラーメン</t>
  </si>
  <si>
    <t>サッポロ一番スプラトゥーン３イカ墨味ラーメン</t>
  </si>
  <si>
    <t>ふえるわかめちゃん　焙煎ごまスープ味うどん</t>
  </si>
  <si>
    <t>九州あごだし醤油ラーメンフンドーキンゴールデン紫使用</t>
  </si>
  <si>
    <t>カップスターみうら食品監修山形鳥中華味ケース</t>
  </si>
  <si>
    <t>カップスター仙台味噌使用仙台辛味噌</t>
  </si>
  <si>
    <t>カップスター仙台味噌使用仙台辛味噌ケース</t>
  </si>
  <si>
    <t>具材たっぷりnoodle　CABBAGE</t>
  </si>
  <si>
    <t>ホットヌードルこがし醤油</t>
  </si>
  <si>
    <t>マルちゃんヌードル_しょうゆ</t>
  </si>
  <si>
    <t>マルちゃんヌードルシーフード</t>
  </si>
  <si>
    <t>hanauta　ﾛｰｽﾞﾋｯﾌﾟ担担ﾇｰﾄﾞﾙ</t>
  </si>
  <si>
    <t>hanauta_ｶﾓﾐｰﾙｿﾙﾄﾇｰﾄﾞﾙ</t>
  </si>
  <si>
    <t>hanauta_ソルトヌードル</t>
  </si>
  <si>
    <t>hanauta_坦々ヌードル</t>
  </si>
  <si>
    <t>ｈａｎａｕｔａ　鶏白湯ラーメン</t>
  </si>
  <si>
    <t>ホットヌードルNEO醤油</t>
  </si>
  <si>
    <t>ホットヌードルNEO醤油ケース</t>
  </si>
  <si>
    <t>ホットヌードルNEOはま塩</t>
  </si>
  <si>
    <t>ホットヌードルNEOはま塩ケース</t>
  </si>
  <si>
    <t>ホットヌードルNEO担担麺</t>
  </si>
  <si>
    <t>ホットヌードルNEO担担麺ケース</t>
  </si>
  <si>
    <t>やみつき旨辛　辛黒しょうゆラーメン</t>
  </si>
  <si>
    <t>やみつき旨辛　辛白ちゃんぽん</t>
  </si>
  <si>
    <t>ホットヌードル塩分オフ旨みしょうゆ味</t>
  </si>
  <si>
    <t>ホットヌードル塩分オフ旨み旨みしお味</t>
  </si>
  <si>
    <t>四季物語　あさりだし醤油らーめん</t>
  </si>
  <si>
    <t>四季物語　はもだし塩らーめん</t>
  </si>
  <si>
    <t>四季物語　青唐辛子ちゃんぽん</t>
  </si>
  <si>
    <t>ホットヌードル　塩分オフ　旨みしょうゆ味</t>
  </si>
  <si>
    <t>７３ｇ</t>
  </si>
  <si>
    <t>ホットヌードル　塩分オフ　旨みしょうゆ味　ケース</t>
  </si>
  <si>
    <t>７３ｇ×１２</t>
  </si>
  <si>
    <t>ホットヌードル　塩分オフ　旨みしお味</t>
  </si>
  <si>
    <t>ホットヌードル　塩分オフ　旨みしお味　ケース</t>
  </si>
  <si>
    <t>ホットヌードル塩分オフ旨みカレｰ味</t>
  </si>
  <si>
    <t>７８ｇ</t>
  </si>
  <si>
    <t>ホットヌードル塩分オフ旨みカレｰ味　ケース</t>
  </si>
  <si>
    <t>７８ｇ×１２</t>
  </si>
  <si>
    <t>匠の一杯　ニボチャチャスパイシー</t>
  </si>
  <si>
    <t>愚直　豚骨ラーメン</t>
  </si>
  <si>
    <t>麺処若武者特濃旨辛鶏台湾</t>
  </si>
  <si>
    <t>ホットヌードルNEOカレー</t>
  </si>
  <si>
    <t>ホットヌードルNEOカレーケース</t>
  </si>
  <si>
    <t>三ん寅味噌ラーメン</t>
  </si>
  <si>
    <t>沼るニンニク熊本風とんこつラーメン</t>
  </si>
  <si>
    <t>沼るニボシ青森風煮干し醤油ラーメン</t>
  </si>
  <si>
    <t>やみつき屋セアブラック</t>
  </si>
  <si>
    <t>謹製野菜たっぷり鶏塩らーめん</t>
  </si>
  <si>
    <t>ﾄｳﾖｳｼｻﾝ</t>
  </si>
  <si>
    <t>沼るセアブラ京都風背脂醤油ラーメン</t>
  </si>
  <si>
    <t>沼るトウガラシ宮崎風辛麺</t>
  </si>
  <si>
    <t>QTTAレモンクリーム味</t>
  </si>
  <si>
    <t>ホットヌ－ドルショウユ</t>
  </si>
  <si>
    <t>ホットヌードルトンコツ</t>
  </si>
  <si>
    <t>ホットヌードルショウユ</t>
  </si>
  <si>
    <t>ホットヌ－ドル_ハマシオ</t>
  </si>
  <si>
    <t>ホットヌ－ドル_トンコツ</t>
  </si>
  <si>
    <t>ホットヌードル_とんこつ</t>
  </si>
  <si>
    <t>ホットヌードル_はましお</t>
  </si>
  <si>
    <t>ホットヌードル_しょうゆ</t>
  </si>
  <si>
    <t>ホットヌードル醤油</t>
  </si>
  <si>
    <t>ホットヌードル豚骨</t>
  </si>
  <si>
    <t>ホットヌードルチャンポン</t>
  </si>
  <si>
    <t>ホットヌードルペッパーバジル</t>
  </si>
  <si>
    <t>ホットヌードルじゃがバター塩</t>
  </si>
  <si>
    <t>ス－プヌ－ドル</t>
  </si>
  <si>
    <t>スープヌードルカレー</t>
  </si>
  <si>
    <t>ス－プヌードシ－フ－ド</t>
  </si>
  <si>
    <t>スパイスキッチントムヤムクン</t>
  </si>
  <si>
    <t>ス-プヌードシーフード</t>
  </si>
  <si>
    <t>スープヌードル　キムチ</t>
  </si>
  <si>
    <t>日清中華　担々麺</t>
  </si>
  <si>
    <t>日清のとんがらし麺　うま辛鶏白湯</t>
  </si>
  <si>
    <t>スープヌードル</t>
  </si>
  <si>
    <t>スープヌードルシーフード</t>
  </si>
  <si>
    <t>ソフトバンク　とんこつ味</t>
  </si>
  <si>
    <t>ソフトバンク　ちゃんぽん味</t>
  </si>
  <si>
    <t>スープヌードル　ケース</t>
  </si>
  <si>
    <t>59G______</t>
  </si>
  <si>
    <t>スープヌードル　カレー　ケース</t>
  </si>
  <si>
    <t>71G______</t>
  </si>
  <si>
    <t>スープヌードル　シーフード　ケース</t>
  </si>
  <si>
    <t>61G______</t>
  </si>
  <si>
    <t>とんがらし麺　うま辛海鮮</t>
  </si>
  <si>
    <t>とんがらし麺　うま辛トマト</t>
  </si>
  <si>
    <t>とんがらし麺　酸辣湯麺</t>
  </si>
  <si>
    <t>とんがらし麺　うま辛担々麺</t>
  </si>
  <si>
    <t>クリーミートマトヌードル</t>
  </si>
  <si>
    <t>あっさり少なめカップヌードル</t>
  </si>
  <si>
    <t>あっさり少なめカップヌードル　シーフード</t>
  </si>
  <si>
    <t>あっさり少なめカップヌードル　カレー</t>
  </si>
  <si>
    <t>ペッパークラブ</t>
  </si>
  <si>
    <t>ラ王　やさいタンメン醤油</t>
  </si>
  <si>
    <t>ラ王タテカップ　やさいタンメン塩</t>
  </si>
  <si>
    <t>インド風バターチキンカリー</t>
  </si>
  <si>
    <t>ザヌードル　アフリ柚子塩　</t>
  </si>
  <si>
    <t>中華担々麺カップ</t>
  </si>
  <si>
    <t>雲呑麺</t>
  </si>
  <si>
    <t>あっさりおいしいカップヌードル</t>
  </si>
  <si>
    <t>あっさりおいしいカップヌードルカレー</t>
  </si>
  <si>
    <t>あっさりおいしいカップヌードルシーフード</t>
  </si>
  <si>
    <t>あっさりおいしいカップヌードルケース</t>
  </si>
  <si>
    <t>57g×20P</t>
  </si>
  <si>
    <t>あっさりおいしいカップヌードルカレーケース</t>
  </si>
  <si>
    <t>70g×20P</t>
  </si>
  <si>
    <t>あっさりおいしいカップヌードルシーフードケース</t>
  </si>
  <si>
    <t>60g×20P</t>
  </si>
  <si>
    <t>チキンラーメンBIG　チキとん鶏ガラペッパー豚骨味</t>
  </si>
  <si>
    <t>ラ王野菜たっぷりタンメン　トマト味</t>
  </si>
  <si>
    <t>日清とんがらし麺海鮮</t>
  </si>
  <si>
    <t>とんがらし麺　うま辛酸辣湯麺</t>
  </si>
  <si>
    <t>日清とんがらし麺うま辛トマト＆チーズ</t>
  </si>
  <si>
    <t>とんがらし麺うま辛味噌</t>
  </si>
  <si>
    <t>日清の担々麺</t>
  </si>
  <si>
    <t>日清の雲呑麺</t>
  </si>
  <si>
    <t>とんがらし麺うま辛キムチチーズ味</t>
  </si>
  <si>
    <t>とんがらし麺チーズ麻婆</t>
  </si>
  <si>
    <t>あっさりおいしいカップヌードル旨辛シーフード58gケース</t>
  </si>
  <si>
    <t>58g×20</t>
  </si>
  <si>
    <t>あっさりおいしいカップヌードルチリトマト</t>
  </si>
  <si>
    <t>魔改造カップヌードルケース</t>
  </si>
  <si>
    <t>79g×20</t>
  </si>
  <si>
    <t>魔改造カップヌードルカレーケース</t>
  </si>
  <si>
    <t>82g×20</t>
  </si>
  <si>
    <t>魔改造カップヌードルシーフードヌードルケース</t>
  </si>
  <si>
    <t>魔改造カップヌードルチリトマトヌードルケース</t>
  </si>
  <si>
    <t>魔改造カップヌードル</t>
  </si>
  <si>
    <t>魔改造カップヌードルカレー</t>
  </si>
  <si>
    <t>魔改造カップヌードルシーフードヌードル</t>
  </si>
  <si>
    <t>魔改造カップヌードルチリトマトヌードル</t>
  </si>
  <si>
    <t>縦型ちゃんぽん</t>
  </si>
  <si>
    <t>旨辛山椒担々風ラーメン</t>
  </si>
  <si>
    <t>えびだし塩ラーメン</t>
  </si>
  <si>
    <t>博多屋台とんこつラーメン</t>
  </si>
  <si>
    <t>長崎えびだし塩ラーメン</t>
  </si>
  <si>
    <t>ｱﾙﾀｲ</t>
  </si>
  <si>
    <t>縦型長崎塩レモンラーメン</t>
  </si>
  <si>
    <t>富山ブラックラーメン</t>
  </si>
  <si>
    <t>宮崎辛味噌ラーメン</t>
  </si>
  <si>
    <t>紀州梅しそラーメン</t>
  </si>
  <si>
    <t>和風中華そば</t>
  </si>
  <si>
    <t>さっぱりピリ辛ラーメン</t>
  </si>
  <si>
    <t>トマトチーズラーメン</t>
  </si>
  <si>
    <t>チャルメラカップ_しお</t>
  </si>
  <si>
    <t>チャルメラカップ_みそ</t>
  </si>
  <si>
    <t>ワンピースヌードル　バーベキューしょうゆ味</t>
  </si>
  <si>
    <t>ワンピースヌードル　ペッパーシーフード味</t>
  </si>
  <si>
    <t>香る逸品豚骨らぁめん</t>
  </si>
  <si>
    <t>香る逸品　醤油らぁめん</t>
  </si>
  <si>
    <t>香る逸品鶏白湯らぁめん</t>
  </si>
  <si>
    <t>香る逸品鶏塩らぁめん</t>
  </si>
  <si>
    <t>一杯満足しょうゆ味ヌードル</t>
  </si>
  <si>
    <t>一杯満足シーフード味ヌードル</t>
  </si>
  <si>
    <t>明星食べて応援沖縄そば</t>
  </si>
  <si>
    <t>至極の一杯鶏こく醤油ラーメン</t>
  </si>
  <si>
    <t>至極の一杯芳醇味噌ラーメン</t>
  </si>
  <si>
    <t>至極の一杯コク塩バター味ラーメン</t>
  </si>
  <si>
    <t>至極の一杯コク黒とんこつラーメン</t>
  </si>
  <si>
    <t>チャルメラカップ　辛旨味噌</t>
  </si>
  <si>
    <t>ラーメン紀行和歌山中華そば</t>
  </si>
  <si>
    <t>中華三昧　銀座アスター監修　とろみ醤油麺</t>
  </si>
  <si>
    <t>ローカーボNoodlesコンソメ味</t>
  </si>
  <si>
    <t>ローカーボNoodles塩バジル味</t>
  </si>
  <si>
    <t>中華三昧　海鮮塩タンメン</t>
  </si>
  <si>
    <t>極みのチャルメラ　バリカタ</t>
  </si>
  <si>
    <t>チャルメラカップ_ワンピースレッドシーフード</t>
  </si>
  <si>
    <t>明星　中華三昧　BIG　麻婆麺　97ｇ</t>
  </si>
  <si>
    <t>チャルメラカップ博多バリカタ豚骨</t>
  </si>
  <si>
    <t>チャルメラカップ進撃の巨人コンソメしょうゆ</t>
  </si>
  <si>
    <t>チャルメラ源たれ甘旨醤油ラーメン</t>
  </si>
  <si>
    <t>チャルメラカップトマト味</t>
  </si>
  <si>
    <t>チャルメラワンピースコンソメトマト味</t>
  </si>
  <si>
    <t>至極の一杯醤油ラーメン</t>
  </si>
  <si>
    <t>至極の一杯味噌ラーメン</t>
  </si>
  <si>
    <t>至極の一杯塩ラーメン</t>
  </si>
  <si>
    <t>至極の一杯小海老天そば</t>
  </si>
  <si>
    <t>明星チャルメラカップ宮崎辛麺</t>
  </si>
  <si>
    <t>チャルメラバリカタ豚骨</t>
  </si>
  <si>
    <t>チャルメラゆず塩味ラーメン</t>
  </si>
  <si>
    <t>ロカボNOODLESおいしさプラスこってり醤油</t>
  </si>
  <si>
    <t>チャルメラカップゆず塩味ラーメン</t>
  </si>
  <si>
    <t>チャルメラカップゆず塩味ラーメンケース</t>
  </si>
  <si>
    <t>青春とい名のラーメンしおバター</t>
  </si>
  <si>
    <t>シーフードラーメン</t>
  </si>
  <si>
    <t>ぐんまちゃんヌードルしょうゆ味かきたま入</t>
  </si>
  <si>
    <t>トムヤムクンヌードル</t>
  </si>
  <si>
    <t>金ちゃんヌードル　すっきり塩</t>
  </si>
  <si>
    <t>金ちゃんヌードル　コク旨カレー</t>
  </si>
  <si>
    <t>金ちゃんヌードル　とんこつ</t>
  </si>
  <si>
    <t>金ちゃん食堂醤油味</t>
  </si>
  <si>
    <t>金ちゃん食堂味噌味</t>
  </si>
  <si>
    <t>チリトマト味ヌードル</t>
  </si>
  <si>
    <t>胡麻のコクと花椒の香り担々麺</t>
  </si>
  <si>
    <t>しょうゆヌードルケース</t>
  </si>
  <si>
    <t>シーフードヌードルケース</t>
  </si>
  <si>
    <t>本場韓国コムタンラーメン</t>
  </si>
  <si>
    <t>本場韓国参鶏湯ラーメンカップ</t>
  </si>
  <si>
    <t>辛ラーメンカップ</t>
  </si>
  <si>
    <t>辛ラーメンキムチカップ</t>
  </si>
  <si>
    <t>辛ラーメン激辛</t>
  </si>
  <si>
    <t>韓国のりラーメン</t>
  </si>
  <si>
    <t>農心キムチラーメンカップ</t>
  </si>
  <si>
    <t>宋家キムチ　リアルキムチラーメン</t>
  </si>
  <si>
    <t>ﾃｻﾞﾝｼﾞｬﾊﾟﾝ</t>
  </si>
  <si>
    <t>サッポロ一番久世福商店毎日だしきつねうどん</t>
  </si>
  <si>
    <t>ウエスト監修ごぼう天うどん</t>
  </si>
  <si>
    <t>だし技とろろ昆布うどん</t>
  </si>
  <si>
    <t>「冷え知らず」さんの生姜野菜ちゃんぽんうどん</t>
  </si>
  <si>
    <t>エース　飲み干す一杯　カレーうどん</t>
  </si>
  <si>
    <t>飲み干す一杯　きつねうどん</t>
  </si>
  <si>
    <t>まろやか豆腐のきつねうどん</t>
  </si>
  <si>
    <t>エース飲み干す一杯カレーうどん</t>
  </si>
  <si>
    <t>エース三角きつねうどん</t>
  </si>
  <si>
    <t>タテ型　だしの旨みで減塩　鶏かき玉うどん</t>
  </si>
  <si>
    <t>飲み干す一杯　名古屋　味噌煮込みうどん</t>
  </si>
  <si>
    <t>だしの旨みで減塩鶏かき玉うどん</t>
  </si>
  <si>
    <t>フジッコ　純とろ　とろろ昆布うどん　６３ｇ</t>
  </si>
  <si>
    <t>エースコック　よこすか海軍カレーうどん　６３ｇ</t>
  </si>
  <si>
    <t>まる旨きつねうどん</t>
  </si>
  <si>
    <t>まる旨カレーうどん</t>
  </si>
  <si>
    <t>飲み干す一杯名古屋味噌煮込みうどん</t>
  </si>
  <si>
    <t>たらっと　とろりたまご風すき焼き味うどん</t>
  </si>
  <si>
    <t>魚藍亭監修よこすか海軍カレーうどんケース</t>
  </si>
  <si>
    <t>エースコック　きのこ物語きのこ餡かけうどん　５８ｇ</t>
  </si>
  <si>
    <t>まる旨　きつねうどん　ケース</t>
  </si>
  <si>
    <t>まる旨　カレーうどん　ケース</t>
  </si>
  <si>
    <t>まる旨きつねうどんケース</t>
  </si>
  <si>
    <t>まる旨カレーうどんケース</t>
  </si>
  <si>
    <t>道の駅内子フレッシュパークからり監修もち麦うどん</t>
  </si>
  <si>
    <t>エースコックW鶏旨塩うどんすだち風味</t>
  </si>
  <si>
    <t>たんぱく質カレーうどん</t>
  </si>
  <si>
    <t>９１ｇ</t>
  </si>
  <si>
    <t>まる旨長崎あごだしうどん</t>
  </si>
  <si>
    <t>おでんにうどんおどん</t>
  </si>
  <si>
    <t>きのこ庵まいたけ天うどん</t>
  </si>
  <si>
    <t>わかめ庵たっぷりわかめうどん</t>
  </si>
  <si>
    <t>和風の花道_肉うどん</t>
  </si>
  <si>
    <t>旨だし庵_肉うどん</t>
  </si>
  <si>
    <t>ＫＩＮＧＣＵＰ肉汁うどん</t>
  </si>
  <si>
    <t>旨だし庵　ちゃんぽんうどん</t>
  </si>
  <si>
    <t>サッポロ一番　わかめ庵わかめうどん</t>
  </si>
  <si>
    <t>きのこ庵２種のきのこうどん</t>
  </si>
  <si>
    <t>全農カップスター　豚汁うどん</t>
  </si>
  <si>
    <t>カップスターカレーうどんケース</t>
  </si>
  <si>
    <t>84g×12P</t>
  </si>
  <si>
    <t>桃屋のつゆ　きつねうどん</t>
  </si>
  <si>
    <t>サッポロ一番　にんべん極鰹だしきつねうどん　６８ｇ</t>
  </si>
  <si>
    <t>ご飯がススム　キムチ担担うどん</t>
  </si>
  <si>
    <t>桃屋のつゆで仕上げた肉だしうどん</t>
  </si>
  <si>
    <t>創味のつゆ仕立て肉うどん</t>
  </si>
  <si>
    <t>ご飯がススム海鮮キムチチゲうどん</t>
  </si>
  <si>
    <t>にんべんごま香る極鰹だし肉だしうどん</t>
  </si>
  <si>
    <t>カップスターきつねうどんケース</t>
  </si>
  <si>
    <t>舞妓はんひぃーひぃー一味仕立て狂辛豚汁風うどん</t>
  </si>
  <si>
    <t>創味のつゆ仕立てきつねうどん</t>
  </si>
  <si>
    <t>山田うどん食堂監修たぬきうどん</t>
  </si>
  <si>
    <t>山田うどん食堂監修赤パンチ味うどん</t>
  </si>
  <si>
    <t>67g×12個入</t>
  </si>
  <si>
    <t>カップスターカリーうどん</t>
  </si>
  <si>
    <t>カップスターカリーうどんケース</t>
  </si>
  <si>
    <t>80g×12個入</t>
  </si>
  <si>
    <t>きのこ庵2種のきのこうどん</t>
  </si>
  <si>
    <t>創味のつゆ仕上げきつねうどん</t>
  </si>
  <si>
    <t>サッポロ一番_塩らーめんまさかのうどん</t>
  </si>
  <si>
    <t>山田うどん食堂赤パンチ味</t>
  </si>
  <si>
    <t>カップスターほたて塩味</t>
  </si>
  <si>
    <t>つるこしうどんｘ醤油豚骨味</t>
  </si>
  <si>
    <t>四季物語_春のときめきうどん</t>
  </si>
  <si>
    <t>四季物語_夏のうどん</t>
  </si>
  <si>
    <t>四季物語秋のときめきうどん</t>
  </si>
  <si>
    <t>四季物語冬のときめきうどん</t>
  </si>
  <si>
    <t>縦型カレーうどん</t>
  </si>
  <si>
    <t>四季物語春限定うどん</t>
  </si>
  <si>
    <t>四季物語　鶏つくねと白菜　うどん　冬限定</t>
  </si>
  <si>
    <t>心あったか　しょうが味とん汁うどん</t>
  </si>
  <si>
    <t>ﾏﾙﾁｬﾝ四季物語桜えび香るうどん80G</t>
  </si>
  <si>
    <t>うまいつゆ　天ぷらうどん　ケース</t>
  </si>
  <si>
    <t>68ｇｘ12</t>
  </si>
  <si>
    <t>四季物語　夏限定　もずく天うどん</t>
  </si>
  <si>
    <t>82ｇ</t>
  </si>
  <si>
    <t>うまいつゆ塩分ｵﾌうどん</t>
  </si>
  <si>
    <t>うまいつゆ　ゆず香るかきたまうどん</t>
  </si>
  <si>
    <t>日本うまいもん吉田のうどん</t>
  </si>
  <si>
    <t>うまいつゆ天ぷらうどんケース</t>
  </si>
  <si>
    <t>縦型ビッグ豆乳ごま担々うどん</t>
  </si>
  <si>
    <t>紅生姜天入り牛肉うどん</t>
  </si>
  <si>
    <t>京うどん</t>
  </si>
  <si>
    <t>京うどんこくカレー</t>
  </si>
  <si>
    <t>京うどん天茶うどん</t>
  </si>
  <si>
    <t>日清の京うどん_カレー南蛮</t>
  </si>
  <si>
    <t>京うどん梅の香仕立て</t>
  </si>
  <si>
    <t>日清　京うどん</t>
  </si>
  <si>
    <t>日清の京うどん</t>
  </si>
  <si>
    <t>日清京うどん</t>
  </si>
  <si>
    <t>日清_京うどんケース</t>
  </si>
  <si>
    <t>69g×20</t>
  </si>
  <si>
    <t>若鯱家カレーうどん</t>
  </si>
  <si>
    <t>日清のどん兵衛カップヌードルシーフードうどん</t>
  </si>
  <si>
    <t>とんがらし麺辛太うどん</t>
  </si>
  <si>
    <t>日本相撲協会監修鶏塩ちゃんこ味うどん</t>
  </si>
  <si>
    <t>日本相撲協会監修鶏塩ちゃんこ味うどんケース</t>
  </si>
  <si>
    <t>鍋の〆豆腐チゲ風うどん</t>
  </si>
  <si>
    <t>鍋の〆寄せ鍋風うどん</t>
  </si>
  <si>
    <t>至極の一杯コクきつねうどんケース</t>
  </si>
  <si>
    <t>至極の一杯きつねうどんケース</t>
  </si>
  <si>
    <t>BIGだぜ一平ちゃん肉汁うどん</t>
  </si>
  <si>
    <t>BIGだぜ一平ちゃん肉汁うどんケース</t>
  </si>
  <si>
    <t>冷やしたぬきうどんケース</t>
  </si>
  <si>
    <t>117g×12</t>
  </si>
  <si>
    <t>金ちゃんきつねうどん縦型</t>
  </si>
  <si>
    <t>まる旨_きつねうどん</t>
  </si>
  <si>
    <t>まる旨_カレーうどん</t>
  </si>
  <si>
    <t>「冷え知らず」さんの生姜とん汁うどん</t>
  </si>
  <si>
    <t>飲み干す一杯カレーうどん</t>
  </si>
  <si>
    <t>まる旨　きつねうどん</t>
  </si>
  <si>
    <t>まる旨　カレーうどん</t>
  </si>
  <si>
    <t>「冷え知らず」生姜とん汁うどん</t>
  </si>
  <si>
    <t>よこすか海軍カレーうどん　</t>
  </si>
  <si>
    <t>魚藍亭監修よこすか海軍カレーうどん</t>
  </si>
  <si>
    <t>京都産京鴨だしうどん</t>
  </si>
  <si>
    <t>まる旨すだち風味鶏塩うどん</t>
  </si>
  <si>
    <t>きのこ庵まいたけうどん</t>
  </si>
  <si>
    <t>キノコアンカオリユズキノコ</t>
  </si>
  <si>
    <t>きのこ庵まいたけとごばううど</t>
  </si>
  <si>
    <t>カップスター豚汁うどん　粕汁仕立て</t>
  </si>
  <si>
    <t>創味のつゆ使用きつねうどん</t>
  </si>
  <si>
    <t>鶏だし塩鍋風うどん</t>
  </si>
  <si>
    <t>桃屋のり醤油味うどん</t>
  </si>
  <si>
    <t>創味のつゆ使用　きつねうどん</t>
  </si>
  <si>
    <t>６８ｇ</t>
  </si>
  <si>
    <t>丸大食品監修　スンドゥブマイルド味うどん　68g</t>
  </si>
  <si>
    <t>創味のつゆ使用　肉だしうどん　66g</t>
  </si>
  <si>
    <t>ポケモンヌードル　うどん　65g</t>
  </si>
  <si>
    <t>うまいつゆ_天ぷらうどん</t>
  </si>
  <si>
    <t>うまいつゆ　チゲうどん</t>
  </si>
  <si>
    <t>うまいつゆ_豚汁うどん</t>
  </si>
  <si>
    <t>うまいつゆ天ぷらうどん</t>
  </si>
  <si>
    <t>ｈａｎａｕｔａ　きつねうどん</t>
  </si>
  <si>
    <t>四季物語　鯛だしうどん</t>
  </si>
  <si>
    <t>豆乳ごま担々うどん</t>
  </si>
  <si>
    <t>うまいつゆラー油香るうま辛そば</t>
  </si>
  <si>
    <t>麺之助縦型天ぷらうどん</t>
  </si>
  <si>
    <t>日清のカリーうどん</t>
  </si>
  <si>
    <t>どん兵衛グリーンカレーうどん　</t>
  </si>
  <si>
    <t>93G</t>
  </si>
  <si>
    <t>おだしがおいしいカップヌードル肉だしうどん</t>
  </si>
  <si>
    <t>カリーうどん</t>
  </si>
  <si>
    <t>おだしがおいしいカップヌードル鶏南蛮そば</t>
  </si>
  <si>
    <t>おだしがおいしいカップヌードル肉だしうどんケース</t>
  </si>
  <si>
    <t>63g×20P</t>
  </si>
  <si>
    <t>日清の博多風うどん</t>
  </si>
  <si>
    <t>縦型博多だしうどんごぼう入り</t>
  </si>
  <si>
    <t>至極の一杯コクきつねうどん</t>
  </si>
  <si>
    <t>至極の一杯きつねうどん</t>
  </si>
  <si>
    <t>金ちゃんうどん復刻版</t>
  </si>
  <si>
    <t>金ちゃん食堂きつねうどん</t>
  </si>
  <si>
    <t>縦型ビッグ沖縄そば</t>
  </si>
  <si>
    <t>神田まつや鶏南ばんそば</t>
  </si>
  <si>
    <t>だし技きざみ揚げ振り鰹そば</t>
  </si>
  <si>
    <t>だし技小海老天振り鰹そば</t>
  </si>
  <si>
    <t>だし技小海老天そば</t>
  </si>
  <si>
    <t>エース　飲み干す一杯　鴨だしそば</t>
  </si>
  <si>
    <t>飲み干す一杯　鶏南蛮そば</t>
  </si>
  <si>
    <t>茎わかめの小海老天そば</t>
  </si>
  <si>
    <t>味わい鴨南蛮そば</t>
  </si>
  <si>
    <t>エース小海老天そば</t>
  </si>
  <si>
    <t>タテ型　だしの旨みで減塩　鶏南蛮そば</t>
  </si>
  <si>
    <t>だしの旨みで減塩鶏南蛮そば</t>
  </si>
  <si>
    <t>たらっと　とろりたまご風カレー南蛮そば</t>
  </si>
  <si>
    <t>エースコック　きのこ物語　きのこ餡かけそば　５８ｇ</t>
  </si>
  <si>
    <t>まる旨　肉そば　ケース</t>
  </si>
  <si>
    <t>まる旨　小海老天そば　ケース</t>
  </si>
  <si>
    <t>まる旨小海老天そばケース</t>
  </si>
  <si>
    <t>57g×12P</t>
  </si>
  <si>
    <t>まる旨信州わさびそば</t>
  </si>
  <si>
    <t>カップスター天ぷらそば</t>
  </si>
  <si>
    <t>きのこ庵なめこそば</t>
  </si>
  <si>
    <t>わかめ庵_三種のわかめそば</t>
  </si>
  <si>
    <t>和風の花道_小エビ天そば</t>
  </si>
  <si>
    <t>旨だし庵_カレー南蛮そば</t>
  </si>
  <si>
    <t>旨だし庵　カレー南蛮そば</t>
  </si>
  <si>
    <t>きのこ庵２種のきのこそば</t>
  </si>
  <si>
    <t>全農カップスター　鶏南ばんそば</t>
  </si>
  <si>
    <t>創味のつゆ仕立て小海老天そば</t>
  </si>
  <si>
    <t>にんべんゆず極鰹だし小海老天そば</t>
  </si>
  <si>
    <t>カップスター海老天そばケース</t>
  </si>
  <si>
    <t>68gx12</t>
  </si>
  <si>
    <t>にんべんゆず香る極鰹だし小海老天そば</t>
  </si>
  <si>
    <t>66g×12個入</t>
  </si>
  <si>
    <t>きのこ庵2種のきのこそば</t>
  </si>
  <si>
    <t>創味のつゆ仕上げ小海老天そば</t>
  </si>
  <si>
    <t>カップスター鶏天そば</t>
  </si>
  <si>
    <t>うまいつゆ肉そばケース</t>
  </si>
  <si>
    <t>うまいつゆ　鴨だしそば　ケース</t>
  </si>
  <si>
    <t>72ｇｘ12</t>
  </si>
  <si>
    <t>本気盛肉南ばんそば</t>
  </si>
  <si>
    <t>うまいつゆ塩分ｵﾌそば</t>
  </si>
  <si>
    <t>72G</t>
  </si>
  <si>
    <t>うまいつゆ鴨だしそば　ケース</t>
  </si>
  <si>
    <t>麺之助縦型きつねそば</t>
  </si>
  <si>
    <t>江戸そば茶そば</t>
  </si>
  <si>
    <t>日清の江戸そば_小海老天</t>
  </si>
  <si>
    <t>江戸そばゆずの香仕立て</t>
  </si>
  <si>
    <t>日清こだわり蕎麦屋鶏カレー南蛮そば</t>
  </si>
  <si>
    <t>日清　江戸そば　辛口七味付</t>
  </si>
  <si>
    <t>766g</t>
  </si>
  <si>
    <t>日清の江戸そば</t>
  </si>
  <si>
    <t>日清江戸そば</t>
  </si>
  <si>
    <t>日清_江戸そばケース</t>
  </si>
  <si>
    <t>こだわり具材の彩中華そば</t>
  </si>
  <si>
    <t>至極の一杯コク小海老天そばケース</t>
  </si>
  <si>
    <t>64g×12P</t>
  </si>
  <si>
    <t>BIGだぜ一平ちゃんラー油そば</t>
  </si>
  <si>
    <t>BIGだぜ一平ちゃんラー油そばケース</t>
  </si>
  <si>
    <t>まる旨_小海老天そば</t>
  </si>
  <si>
    <t>「冷え知らず」さんの生姜卵とじあんかけそば</t>
  </si>
  <si>
    <t>まる旨　小海老天そば</t>
  </si>
  <si>
    <t>「冷え知らず」生姜あんかけそば</t>
  </si>
  <si>
    <t>まる旨小海老天そば</t>
  </si>
  <si>
    <t>まる旨_肉そば</t>
  </si>
  <si>
    <t>まる旨ピリ辛ニラたま蕎麦</t>
  </si>
  <si>
    <t>きのこ庵なめことめかぶそば</t>
  </si>
  <si>
    <t>サッポロ一番　わかめ庵わかめそば</t>
  </si>
  <si>
    <t>創味のつゆ使用小海老天そば</t>
  </si>
  <si>
    <t>創味のつゆ使用　小海老天そば</t>
  </si>
  <si>
    <t>創味のつゆ使用　小海老天そば　69g</t>
  </si>
  <si>
    <t>ホテイフーズ監修　やきとりたれ味風味　そば</t>
  </si>
  <si>
    <t>縦型天ぷらそば</t>
  </si>
  <si>
    <t>うまいつゆ_肉そば</t>
  </si>
  <si>
    <t>うまいつゆ肉そば</t>
  </si>
  <si>
    <t>うまいつゆ鴨だしそば</t>
  </si>
  <si>
    <t>麺之助縦型肉そば</t>
  </si>
  <si>
    <t>麺之助縦型鴨だしそば</t>
  </si>
  <si>
    <t>カップ天ぷらそば</t>
  </si>
  <si>
    <t>おだしがおいしいカップヌードル鶏南蛮そばケース</t>
  </si>
  <si>
    <t>62g×20</t>
  </si>
  <si>
    <t>至極の一杯コク小海老天そば</t>
  </si>
  <si>
    <t>たぬきそば</t>
  </si>
  <si>
    <t>ホットワンタンしょうゆ</t>
  </si>
  <si>
    <t>ホットワンタンおかずスープ</t>
  </si>
  <si>
    <t>ホットワンタン坦々スープ</t>
  </si>
  <si>
    <t>ホットワンタンケース</t>
  </si>
  <si>
    <t>46g×12P</t>
  </si>
  <si>
    <t>ホットワンタン和風あごだしスープ</t>
  </si>
  <si>
    <t>マルちゃんホットワンタンピリ辛わかめ</t>
  </si>
  <si>
    <t>マルちゃんホットワンタン貝だしスープ</t>
  </si>
  <si>
    <t>ホットワンタンピリ辛わかめスープ</t>
  </si>
  <si>
    <t>ホットワンタン貝だしスープ</t>
  </si>
  <si>
    <t>ホットワンタン煮干し塩スープ</t>
  </si>
  <si>
    <t>ホットワンタン赤いきつね味</t>
  </si>
  <si>
    <t>ホットワンタンおかずのスープ</t>
  </si>
  <si>
    <t>ホットワンタン和風鶏たまスープ</t>
  </si>
  <si>
    <t>トンガラシワンタンスープ</t>
  </si>
  <si>
    <t>大砲ラーメン監修とんこつワンタンスープ</t>
  </si>
  <si>
    <t>札幌らーめん信玄監修コク味噌ワンタンスープ</t>
  </si>
  <si>
    <t>がんばれ受験生ホッとするワンタンゆず風味鶏しお味</t>
  </si>
  <si>
    <t>がんばれ受験生ホッとワンタン</t>
  </si>
  <si>
    <t>ワンタンとんこつ</t>
  </si>
  <si>
    <t>がんばれ受験生ホットワンタンたまごスープ</t>
  </si>
  <si>
    <t>ホットワンタン和風鶏昆布だしスープ</t>
  </si>
  <si>
    <t>がんばれ受験生ホットワンタン生姜風味のたまごスープ</t>
  </si>
  <si>
    <t>ホットワンタン焼きあごだし</t>
  </si>
  <si>
    <t>ＳＯＵＰワンタン_ネギしお味</t>
  </si>
  <si>
    <t>ご自愛ポタージュクリーミートマト</t>
  </si>
  <si>
    <t>ＳＯＵＰワンタン_鶏ガラ醤油</t>
  </si>
  <si>
    <t>パスタdeモッチッチカルボナーラ風</t>
  </si>
  <si>
    <t>パスタdeモッチッチカルボナーラ風ケース</t>
  </si>
  <si>
    <t>96g×12</t>
  </si>
  <si>
    <t>パスタdeモッチッチアラビアータ風</t>
  </si>
  <si>
    <t>パスタdeモッチッチボロネーゼ風</t>
  </si>
  <si>
    <t>パスタdeモッチッチボロネーゼ風ケース</t>
  </si>
  <si>
    <t>95g×12</t>
  </si>
  <si>
    <t>バミーヌアトゥン</t>
  </si>
  <si>
    <t>縦型ビッグゆず香る鶏白湯うどん</t>
  </si>
  <si>
    <t>カップヌードルすき焼き風謎肉牛丼</t>
  </si>
  <si>
    <t>タイチョイストムヤムココナッツヌードル60g</t>
  </si>
  <si>
    <t>タイチョイスグリーンカレーヌードル60g</t>
  </si>
  <si>
    <t>タイチョイストムヤムヌードル60g</t>
  </si>
  <si>
    <t>からだ想いの鶏だしライスヌードル</t>
  </si>
  <si>
    <t>からだ想いの牛だしライスヌードル</t>
  </si>
  <si>
    <t>からだ想いのトムヤムライスヌードル</t>
  </si>
  <si>
    <t>わかめそうめん</t>
  </si>
  <si>
    <t>まる旨柚子香るそうめん</t>
  </si>
  <si>
    <t>スープはるさめデリハピ梅いっぱい</t>
  </si>
  <si>
    <t>まる旨柚子香るそうめんケース</t>
  </si>
  <si>
    <t>50g×12</t>
  </si>
  <si>
    <t>魚藍亭監修よこすか海軍カレー焼そば</t>
  </si>
  <si>
    <t>たらこバター味焼そばモッチッチ</t>
  </si>
  <si>
    <t>パスタdeモッチッチ和風たらこ味</t>
  </si>
  <si>
    <t>サッポロご当地麺屋はなび台湾カレー</t>
  </si>
  <si>
    <t>炒飯の素　カレー風味</t>
  </si>
  <si>
    <t>ジュンサイスープ</t>
  </si>
  <si>
    <t>アッタカセキハン</t>
  </si>
  <si>
    <t>アッタカゴモクカマメシ</t>
  </si>
  <si>
    <t>沼るコショウ長崎風ちゃんぽん</t>
  </si>
  <si>
    <t>フォー白湯海鮮</t>
  </si>
  <si>
    <t>フォー鶏と香草</t>
  </si>
  <si>
    <t>辛味海鮮チゲ粒麺</t>
  </si>
  <si>
    <t>麺なしどん兵衛肉だし豆腐スープ</t>
  </si>
  <si>
    <t>日清焼そばU.F.O.カップヌードルシーフード焼そば</t>
  </si>
  <si>
    <t>松屋監修ビーフカレー</t>
  </si>
  <si>
    <t>カップヌードルすき焼き風謎肉牛丼ケース</t>
  </si>
  <si>
    <t>118g×6</t>
  </si>
  <si>
    <t>銀座篝濃厚鶏白湯めし</t>
  </si>
  <si>
    <t>赤坂榮林酸辣油春雨</t>
  </si>
  <si>
    <t>中華三昧_赤坂栄林_酸辣湯春雨_30g</t>
  </si>
  <si>
    <t>カップ皿うどん海鮮スープ</t>
  </si>
  <si>
    <t>フォートムヤム味</t>
  </si>
  <si>
    <t>フォーチキンスープ味</t>
  </si>
  <si>
    <t>フォーシーフード味</t>
  </si>
  <si>
    <t>まる旨　柚子香るそうめん</t>
  </si>
  <si>
    <t>５１ｇ</t>
  </si>
  <si>
    <t>あんかけチャーハンの素</t>
  </si>
  <si>
    <t>鯛だし豆腐スープ</t>
  </si>
  <si>
    <t>辛味ヌードル</t>
  </si>
  <si>
    <t>しょうゆヌードル</t>
  </si>
  <si>
    <t>鴨だしそば</t>
  </si>
  <si>
    <t>スーパーカップ大盛りアブラアブラアブラ濃厚油そば</t>
  </si>
  <si>
    <t>173g</t>
  </si>
  <si>
    <t>スーパーカップＷいか焼そば</t>
  </si>
  <si>
    <t>SC串カツ田中串カツソース味焼そば</t>
  </si>
  <si>
    <t>がブリチキン監修からあげ味焼そば</t>
  </si>
  <si>
    <t>ブタメン焼そばおとなアレンジキムチ味フレーク付</t>
  </si>
  <si>
    <t>名もなき下敷スパゲッティ味焼そばハンバーグ弁当風</t>
  </si>
  <si>
    <t>元祖ニュータンタンメン本舗監修　まぜタン</t>
  </si>
  <si>
    <t>大判やきそば弁当</t>
  </si>
  <si>
    <t>赤いきつね焼うどんでか盛</t>
  </si>
  <si>
    <t>正麺濃厚こくソース焼そば</t>
  </si>
  <si>
    <t>正麺汁なし担々麺</t>
  </si>
  <si>
    <t>正麺まぜそば魚介豚骨</t>
  </si>
  <si>
    <t>日本うまいもん富士宮やきそば</t>
  </si>
  <si>
    <t>マルちゃん正麺カップ焼そば</t>
  </si>
  <si>
    <t>マルちゃん正麺カップたらこ味焼そば</t>
  </si>
  <si>
    <t>マルちゃん正麺カップペペロンチーノ味焼そば</t>
  </si>
  <si>
    <t>でっかいやきそば弁当</t>
  </si>
  <si>
    <t>258g</t>
  </si>
  <si>
    <t>Ｃｈｉｎ麻婆豆腐焼そば</t>
  </si>
  <si>
    <t>焼そばＵＦＯテリヤキソース＆マヨネーズＢＩＧ</t>
  </si>
  <si>
    <t>177g</t>
  </si>
  <si>
    <t>日清焼そばＵ．Ｆ．Ｏ．　豚盛り塩焼そば　ビッグ</t>
  </si>
  <si>
    <t>焼そばＵＦＯビッグ極太油そば</t>
  </si>
  <si>
    <t>168g</t>
  </si>
  <si>
    <t>ラ王ビリビリ辛うま汁なし担々麺</t>
  </si>
  <si>
    <t>焼そばUFO大盛り</t>
  </si>
  <si>
    <t>日清焼そばUFO爆盛バーレル</t>
  </si>
  <si>
    <t>U.F.O.大盛豚×辛背脂にんにく辛味噌まぜそば</t>
  </si>
  <si>
    <t>ＵＦＯ極濃モンスター焼きそば</t>
  </si>
  <si>
    <t>ラ王台湾まぜそば</t>
  </si>
  <si>
    <t>豚ラ王まぜそば</t>
  </si>
  <si>
    <t>U.F.O.大盛牛旨だれ</t>
  </si>
  <si>
    <t>１５７ｇ</t>
  </si>
  <si>
    <t>焼そばU.F.O.大盛濃い濃いたらこバター</t>
  </si>
  <si>
    <t>ゲーミングカップヌードルエナジーガーリック＆黒胡椒焼そば</t>
  </si>
  <si>
    <t>ゲーミングカップヌードルエナジーガーリック＆黒胡椒焼そばケース</t>
  </si>
  <si>
    <t>どん兵衛特盛柚子胡椒塩焼うどん</t>
  </si>
  <si>
    <t>焼そばU.F.O.大盛じゃがチーズ焼そば</t>
  </si>
  <si>
    <t>日清焼そばU.F.O.大盛ぶっ濃いトリプルペッパー手羽先風味</t>
  </si>
  <si>
    <t>完全メシ豚辛ラ王油そば</t>
  </si>
  <si>
    <t>完全メシUFO汁なし担々</t>
  </si>
  <si>
    <t>一平ちゃん夜店の焼きそば大盛</t>
  </si>
  <si>
    <t>ぶぶか油そば</t>
  </si>
  <si>
    <t>ぼてぢゅう極太濃厚焼そば</t>
  </si>
  <si>
    <t>低糖質麺はじめ屋こってりソース焼そば</t>
  </si>
  <si>
    <t>博多バリカタにんにく豚骨まぜそば</t>
  </si>
  <si>
    <t>大砲ラーメンネギとんこつ味まぜそば</t>
  </si>
  <si>
    <t>一平ちゃん夜店の焼そば大盛だくだくタルタルソース</t>
  </si>
  <si>
    <t>みかさ焼きそば</t>
  </si>
  <si>
    <t>大砲ラーメン監修昔ラーメン風まぜそば</t>
  </si>
  <si>
    <t>一平ちゃん夜店の焼そば大盛スタミナ豚塩だれ味</t>
  </si>
  <si>
    <t>一平ちゃん夜店の焼そば大盛クリームシチュー味</t>
  </si>
  <si>
    <t>一平ちゃん夜店の焼そば大盛だくだくレモンタルタルチキン南蛮</t>
  </si>
  <si>
    <t>ペヤングソースやきそば超大盛</t>
  </si>
  <si>
    <t>ソースやきそば超大盛ケース</t>
  </si>
  <si>
    <t>237g×12</t>
  </si>
  <si>
    <t>ペヤング　濃口ソースやきそば大盛からしマヨネーズ</t>
  </si>
  <si>
    <t>超大盛り焼きそばハーフ＆ハーフ激辛</t>
  </si>
  <si>
    <t>ペヤング超大盛やきそばハーフ＆ハーフ激辛ケース</t>
  </si>
  <si>
    <t>235g×12</t>
  </si>
  <si>
    <t>ソース焼きそば超超超大盛GIGAMAX</t>
  </si>
  <si>
    <t>ペヤング_ソースやきそば金粉入り</t>
  </si>
  <si>
    <t>ペヤング_超超超大盛GIGAMAX</t>
  </si>
  <si>
    <t>やきそば超超超大盛GIGAMAマヨネーズMIX</t>
  </si>
  <si>
    <t>436g</t>
  </si>
  <si>
    <t>ペヤング_中華風そのまま皿うどん</t>
  </si>
  <si>
    <t>ペヤング_激辛やきそば超超超大盛GIGAMA</t>
  </si>
  <si>
    <t>431g</t>
  </si>
  <si>
    <t>ペヤング_超大盛やきそばマシマシキャベツ</t>
  </si>
  <si>
    <t>ペヤングGIGAMAX関西風天かす</t>
  </si>
  <si>
    <t>413g</t>
  </si>
  <si>
    <t>GIGAMAX納豆キムチ味</t>
  </si>
  <si>
    <t>ペヤングGIGAMAXガーリックパワー</t>
  </si>
  <si>
    <t>401g</t>
  </si>
  <si>
    <t>ペヤング超超超大盛GIGAMAX君なら食べれる</t>
  </si>
  <si>
    <t>412g</t>
  </si>
  <si>
    <t>ポテトやきそば超大盛</t>
  </si>
  <si>
    <t>ペヤング超大盛やきそばマヨネーズMAX</t>
  </si>
  <si>
    <t>ペヤング超超超超超超大盛やきそばペタマックス</t>
  </si>
  <si>
    <t>878g</t>
  </si>
  <si>
    <t>ペヤング超超超超超超大盛やきそばペタマックスケース</t>
  </si>
  <si>
    <t>878g×4</t>
  </si>
  <si>
    <t>ペヤング超大盛やきそばハーフ＆ハーフW獄激辛</t>
  </si>
  <si>
    <t>233g</t>
  </si>
  <si>
    <t>超大盛焼そばハーフ＆ハーフガーリックカレー</t>
  </si>
  <si>
    <t>超大盛シーフード唐辛子マヨやきそば</t>
  </si>
  <si>
    <t>超大盛シーフード唐辛子マヨやきそばケース</t>
  </si>
  <si>
    <t>243g×12P</t>
  </si>
  <si>
    <t>超大盛激辛焼そばマシマシキャベツ</t>
  </si>
  <si>
    <t>262g</t>
  </si>
  <si>
    <t>ペタマックスたぬきそば風</t>
  </si>
  <si>
    <t>598g</t>
  </si>
  <si>
    <t>獄激辛やきそばFinal</t>
  </si>
  <si>
    <t>超大盛もつキムやきそば</t>
  </si>
  <si>
    <t>超大盛もつキムやきそばケース</t>
  </si>
  <si>
    <t>238g×12P</t>
  </si>
  <si>
    <t>GIGAMAXGREATBOSSもつ煮入り</t>
  </si>
  <si>
    <t>501g</t>
  </si>
  <si>
    <t>ペヤングGIGAMAXGREATBOSSもつ煮入りケース</t>
  </si>
  <si>
    <t>501g×8</t>
  </si>
  <si>
    <t>超大盛やきそばハーフ＆ハーフイカスミ</t>
  </si>
  <si>
    <t>ペヤング超大盛やきそばハーフ＆ハーフイカスミケース</t>
  </si>
  <si>
    <t>234g×12</t>
  </si>
  <si>
    <t>超大盛やきそばハーフ＆ハーフカレー</t>
  </si>
  <si>
    <t>ペヤング超大盛やきそばハーフ＆ハーフカレーケース</t>
  </si>
  <si>
    <t>ペヤング超大盛合い盛りうどんそば風天かす・七味入り</t>
  </si>
  <si>
    <t>ペヤング超大盛合い盛りうどんそば風天かす・七味入りケース</t>
  </si>
  <si>
    <t>231g×12</t>
  </si>
  <si>
    <t>ペヤング超大盛彩り豊かな7種の具材のやきそば</t>
  </si>
  <si>
    <t>ペヤング超大盛彩り豊かな7種の具材のやきそばケース</t>
  </si>
  <si>
    <t>236g×12</t>
  </si>
  <si>
    <t>超大盛チーズタッカルビやきそば</t>
  </si>
  <si>
    <t>ペヤング超大盛からしマヨ黒胡椒やきそば魔王２６８ｇ</t>
  </si>
  <si>
    <t>268G</t>
  </si>
  <si>
    <t>超超超大盛ギガＭＡＸハーフハーフ激辛</t>
  </si>
  <si>
    <t>441g</t>
  </si>
  <si>
    <t>ペヤング超超超超超超大盛ペタMAX激辛</t>
  </si>
  <si>
    <t>873g</t>
  </si>
  <si>
    <t>ペヤング超大盛やきそばハーフ＆ハーフ東西</t>
  </si>
  <si>
    <t>ペヤングソースやきそば6食ギフトボックス</t>
  </si>
  <si>
    <t>910g</t>
  </si>
  <si>
    <t>ペヤングソースやきそば6食ギフトボックスケース</t>
  </si>
  <si>
    <t>910g×4</t>
  </si>
  <si>
    <t>ペヤングやきそば四種四昧</t>
  </si>
  <si>
    <t>ペヤング超大盛やきそば祭</t>
  </si>
  <si>
    <t>241g</t>
  </si>
  <si>
    <t>ペヤング超大盛塩やきそば</t>
  </si>
  <si>
    <t>ペヤング超大盛天かすMAXやきそば</t>
  </si>
  <si>
    <t>名古屋発台湾まぜそば</t>
  </si>
  <si>
    <t>2200g</t>
  </si>
  <si>
    <t>凄麺　汁なし担担麺</t>
  </si>
  <si>
    <t>広島汁なし担々麺</t>
  </si>
  <si>
    <t>ﾆｭｰﾀｯﾁ</t>
  </si>
  <si>
    <t>凄麺　THEまぜそば</t>
  </si>
  <si>
    <t>凄麺汁なし担担麺</t>
  </si>
  <si>
    <t>ニュータッチ凄麺名古屋THE台湾まぜそば</t>
  </si>
  <si>
    <t>ニュータッチ凄麺広島THE汁なし担担麺</t>
  </si>
  <si>
    <t>凄麺名古屋THE・台湾まぜそば</t>
  </si>
  <si>
    <t>ニュータッチ凄麺名古屋ザ台湾まぜそば</t>
  </si>
  <si>
    <t>ニュータッチ凄麺広島ザ汁なし担担麺</t>
  </si>
  <si>
    <t>大黒_冷し中華</t>
  </si>
  <si>
    <t>冷し_担々麺</t>
  </si>
  <si>
    <t>110g×12</t>
  </si>
  <si>
    <t>広島風お好み焼きそば</t>
  </si>
  <si>
    <t>127g×12</t>
  </si>
  <si>
    <t>ビック_ソースやきそば</t>
  </si>
  <si>
    <t>辛ラーメン焼きそばカップ</t>
  </si>
  <si>
    <t>甘辛ヤンニョムチキンビビン麺</t>
  </si>
  <si>
    <t>ブルダック湯麺BIGCUP</t>
  </si>
  <si>
    <t>ブルダック炒め麺BIGCUP</t>
  </si>
  <si>
    <t>カルボブルダック炒め麺</t>
  </si>
  <si>
    <t>チーズブルダック炒め麺BIG</t>
  </si>
  <si>
    <t>極辛ブルダック炒め麺BIG</t>
  </si>
  <si>
    <t>クリームカルボブルダック炒め麺BIG</t>
  </si>
  <si>
    <t>ロゼブルダック炒め麺BIG</t>
  </si>
  <si>
    <t>ワントゥコン王</t>
  </si>
  <si>
    <t>ペヤング　ソースやきそば</t>
  </si>
  <si>
    <t>汁なしブルダックカップ麺70ｇ</t>
  </si>
  <si>
    <t>汁なしチーズブルダックカップ麺70ｇ</t>
  </si>
  <si>
    <t>汁なしホットタッカルビ麺</t>
  </si>
  <si>
    <t>汁なしチーズタッカルビ麺</t>
  </si>
  <si>
    <t>ペヤングやまとの味カレーやきそば</t>
  </si>
  <si>
    <t>かた焼そば鶏だししょう</t>
  </si>
  <si>
    <t>かた焼そば海鮮だししお</t>
  </si>
  <si>
    <t>スーパーカップ_大盛りいか焼そば</t>
  </si>
  <si>
    <t>大盛り豚しお焼そば</t>
  </si>
  <si>
    <t>スーパーカップ大盛りぶた塩焼</t>
  </si>
  <si>
    <t>焼きなびグルメ博多風焼きラーメン</t>
  </si>
  <si>
    <t>146g</t>
  </si>
  <si>
    <t>スーパーカップ大盛ぶた塩焼そば</t>
  </si>
  <si>
    <t>CoCo壱番屋監修_カレー焼きそば</t>
  </si>
  <si>
    <t>スーパーカップ_大盛り　にけつッ焼そば</t>
  </si>
  <si>
    <t>エース　大盛り中華風焼そば</t>
  </si>
  <si>
    <t>バーベキュー味焼きそば</t>
  </si>
  <si>
    <t>ココ一番屋監修キーマカレー焼きそば</t>
  </si>
  <si>
    <t>大盛りいかすみ焼きそばブラック</t>
  </si>
  <si>
    <t>まる旨ソース焼そば</t>
  </si>
  <si>
    <t>111ｇ</t>
  </si>
  <si>
    <t>汁なしわかめラーメン</t>
  </si>
  <si>
    <t>スーパーカップ大盛いか焼そば</t>
  </si>
  <si>
    <t>三島のゆかり塩やきそば</t>
  </si>
  <si>
    <t>驚愕の麺1.5玉背脂入油そば</t>
  </si>
  <si>
    <t>エースコック　大吉　海老香ばし油そば　９４ｇ</t>
  </si>
  <si>
    <t>スーパーカップチャンプル風焼そば</t>
  </si>
  <si>
    <t>復刻版大盛りいか焼そば</t>
  </si>
  <si>
    <t>大盛りプリングルズ焼きそば_サワー＆オニオン</t>
  </si>
  <si>
    <t>エビチリ風油そば</t>
  </si>
  <si>
    <t>スーパーＣ大盛千房監修荒節おどるソース焼そば</t>
  </si>
  <si>
    <t>スーパーカップMAX大盛濃い旨スパイシー焼そば</t>
  </si>
  <si>
    <t>俺たちのガッツ飯爆汗ナポリタン風まぜそば</t>
  </si>
  <si>
    <t>SP大盛り　ブタキム油そば</t>
  </si>
  <si>
    <t>夏の辛口　ＳＣ大盛り　汁なし担担麺　１５８ｇ</t>
  </si>
  <si>
    <t>名店　伊吹監修　煮干しまぜソバ</t>
  </si>
  <si>
    <t>俺たちガッツ飯汁なしラー油まぜ蕎麦</t>
  </si>
  <si>
    <t>厚切太麺　こってり味噌だれ油そば</t>
  </si>
  <si>
    <t>スーパーカップMAX大盛り太麺辛だれ油そば</t>
  </si>
  <si>
    <t>ＣｏＣｏ壱番屋監修　カレー焼そば</t>
  </si>
  <si>
    <t>わかめ油そば　ピリ辛ごまラー油仕立て</t>
  </si>
  <si>
    <t>MEGA鰹　濃厚魚介まぜそば</t>
  </si>
  <si>
    <t>一度は食べたい名店の味べんてん塩ダレ油そば</t>
  </si>
  <si>
    <t>スーパーカップ大盛りブタキム油そば絶辛</t>
  </si>
  <si>
    <t>一度は食べたい名店の味ど・みそ味噌まぜそば</t>
  </si>
  <si>
    <t>ブタメン焼そばとんこつ味</t>
  </si>
  <si>
    <t>スーパーカップ大盛りプリングルズ焼そば</t>
  </si>
  <si>
    <t>EDGE鬼背脂濃厚こってり油そば</t>
  </si>
  <si>
    <t>スーパーカップ大盛り粗挽き胡椒まぜそば</t>
  </si>
  <si>
    <t>スーパーカップ大盛りいか天ふりかけ焼そば</t>
  </si>
  <si>
    <t>スーパーカップ大盛りいか焼そば</t>
  </si>
  <si>
    <t>166g</t>
  </si>
  <si>
    <t>EDGE濃厚たらこ味焼そば</t>
  </si>
  <si>
    <t>リンガーハットのまぜ辛めん</t>
  </si>
  <si>
    <t>弾丸屋台メシ博多濃厚焼ラーメン</t>
  </si>
  <si>
    <t>スーパーカップ大盛り背徳感MAXブタキム油そば</t>
  </si>
  <si>
    <t>ＳＣ大盛り　欲望のブタキム油そば　ガリチーブースト</t>
  </si>
  <si>
    <t>ＭＥＧＡ鶏　濃厚鶏まぜそば</t>
  </si>
  <si>
    <t>スーパーカップ大盛り　北海道　塩バター味焼そば</t>
  </si>
  <si>
    <t>THE中華練りごまを利かせた汁なし担担麺</t>
  </si>
  <si>
    <t>全国ラーメン店マップ奈良編天理スタミナラーメン</t>
  </si>
  <si>
    <t>ＪＡＮＪＡＮソース焼きそば</t>
  </si>
  <si>
    <t>ＪＡＮＪＡＮたらこ焼そば</t>
  </si>
  <si>
    <t>焼そばモッチッチ</t>
  </si>
  <si>
    <t>焼そばモッチッチふわり鰹だし</t>
  </si>
  <si>
    <t>塩レモン焼そばモッチッチ瀬戸内レモン仕立て</t>
  </si>
  <si>
    <t>たらこ味焼そばモッチッチ　だし塩仕立て　</t>
  </si>
  <si>
    <t>焼うどんモッチッチ　だし醤油味</t>
  </si>
  <si>
    <t>韓国旨辛焼そばモッチッチ　ヤンニョムだれ</t>
  </si>
  <si>
    <t>スーパーカップしょうゆラーメンが転生したら焼そばになった</t>
  </si>
  <si>
    <t>スーパーカップ豚キムチラーメンが転生したら焼そばになった</t>
  </si>
  <si>
    <t>焼そばモッチッチ汁なし担々</t>
  </si>
  <si>
    <t>マヨ焼そば</t>
  </si>
  <si>
    <t>熱烈スパルタン　刻みニンニク入り　濃辛　太そば</t>
  </si>
  <si>
    <t>スーパーカップ豚キムチラーメンが転生したら焼そばになったケース</t>
  </si>
  <si>
    <t>106×12</t>
  </si>
  <si>
    <t>三島のゆかり使用塩焼そばケース</t>
  </si>
  <si>
    <t>80g×12P</t>
  </si>
  <si>
    <t>三島のあかり使用ピリ辛たらこ味焼そばケース</t>
  </si>
  <si>
    <t>ＪＡＮＪＡＮ　鶏しお味焼そば　レモン風味　ケース</t>
  </si>
  <si>
    <t>102g×12</t>
  </si>
  <si>
    <t>焼そばモッチッチケース</t>
  </si>
  <si>
    <t>99g×12P</t>
  </si>
  <si>
    <t>焼そばモッチッチふわり鰹だしケース</t>
  </si>
  <si>
    <t>97g×12</t>
  </si>
  <si>
    <t>エースコック　大吉　海老香ばし油そば　ケース</t>
  </si>
  <si>
    <t>94gx12</t>
  </si>
  <si>
    <t>ＪＡＮＪＡＮ　ソース焼そば　ケース</t>
  </si>
  <si>
    <t>104g×12</t>
  </si>
  <si>
    <t>ブタメン焼そばとんこつ味ケース</t>
  </si>
  <si>
    <t>116g×12P</t>
  </si>
  <si>
    <t>スーパーカップ大盛りチーズプルコギまぜそば</t>
  </si>
  <si>
    <t>１６５ｇ</t>
  </si>
  <si>
    <t>スーパーカップいか天ふりかけ焼そば</t>
  </si>
  <si>
    <t>スーパーカップＷいか焼そば_ケース</t>
  </si>
  <si>
    <t>154g×12</t>
  </si>
  <si>
    <t>ＳＣ串カツ田中串カツソース味焼そばケース</t>
  </si>
  <si>
    <t>163g×12P</t>
  </si>
  <si>
    <t>三島のゆかり使用塩焼そば</t>
  </si>
  <si>
    <t>三島のゆかり使用塩焼そば_ケース</t>
  </si>
  <si>
    <t>三島のひろし使用だし醤油味焼そば</t>
  </si>
  <si>
    <t>三島のひろし使用だし醤油味焼そば_ケース</t>
  </si>
  <si>
    <t>CoCo壱番屋監修スパイス辛旨カレー焼そば</t>
  </si>
  <si>
    <t>スーパーカップ1.5ねぎ塩焼そば</t>
  </si>
  <si>
    <t>がブリチキン監修からあげ味焼そばケース</t>
  </si>
  <si>
    <t>スーパーカップ黄金の味中辛風旨辛醤油焼そば</t>
  </si>
  <si>
    <t>スーパーカップ黄金の味中辛風旨辛醤油焼そばケース</t>
  </si>
  <si>
    <t>107g×12</t>
  </si>
  <si>
    <t>よこすか海軍カレー焼そば</t>
  </si>
  <si>
    <t>105g×12</t>
  </si>
  <si>
    <t>野菜の旨みが引き立つコンソメ味塩焼そば</t>
  </si>
  <si>
    <t>ビーフの旨みが引き立つカレー味焼そば</t>
  </si>
  <si>
    <t>CoCo壱番屋専門店の辛旨ポークカレー味焼そば</t>
  </si>
  <si>
    <t>渾身の逸品特製蛤だし塩そば大盛り</t>
  </si>
  <si>
    <t>SCカルビーコンソメWパンチ味焼そば</t>
  </si>
  <si>
    <t>カルビーのりしお味焼そばサクサクじゃがいも入り</t>
  </si>
  <si>
    <t>ブタメン焼そばおまけのカレー味トッピング付き</t>
  </si>
  <si>
    <t>ブタメン焼そばおまけのカレー味トッピング付きケース</t>
  </si>
  <si>
    <t>三島のだしひろし使用だし醤油味焼うどん</t>
  </si>
  <si>
    <t>大阪たこ焼き味焼そば</t>
  </si>
  <si>
    <t>カップ焼ビーフンガーリック</t>
  </si>
  <si>
    <t>カップ焼ビーフンスパイシー</t>
  </si>
  <si>
    <t>長崎皿うどん揚げめん</t>
  </si>
  <si>
    <t>小林甚製麺</t>
  </si>
  <si>
    <t>ｺﾊﾞﾔｼｼﾞﾝｾｲ</t>
  </si>
  <si>
    <t>スガキヤ生焼うどんしょうゆ味</t>
  </si>
  <si>
    <t>スガキヤ生焼そばソース味</t>
  </si>
  <si>
    <t>寿がきや_カップだし名人_焼うどんしょうゆ味</t>
  </si>
  <si>
    <t>辛辛魚まぜそば</t>
  </si>
  <si>
    <t>岐阜タンメン監修まぜそば旨塩だれ</t>
  </si>
  <si>
    <t>そばきや和風とんこつやきそば</t>
  </si>
  <si>
    <t>焼きそば学校</t>
  </si>
  <si>
    <t>塩カルビ焼そば</t>
  </si>
  <si>
    <t>オタフクお好みソース焼そば</t>
  </si>
  <si>
    <t>行楽やきそば</t>
  </si>
  <si>
    <t>ビック塩ヤキソバ</t>
  </si>
  <si>
    <t>ハバネロ激辛焼そば</t>
  </si>
  <si>
    <t>アラビアンやきそば</t>
  </si>
  <si>
    <t>デュラムおばさんのペペロン</t>
  </si>
  <si>
    <t>デュラムおばさんのたらこ</t>
  </si>
  <si>
    <t>デュラムのカルボナーラ</t>
  </si>
  <si>
    <t>デュラムおばさんのミートソーススパゲッティ</t>
  </si>
  <si>
    <t>デュラムおばさんのキャベツペペロンチーノ</t>
  </si>
  <si>
    <t>エバラ黄金の味焼肉のたれ焼そば</t>
  </si>
  <si>
    <t>デュラムおばさんの明太子スパゲッティ</t>
  </si>
  <si>
    <t>デュラムおばさんチーズクリームフィットチーネ</t>
  </si>
  <si>
    <t>ラー油のまぜそば</t>
  </si>
  <si>
    <t>ディズニー野菜タンメン</t>
  </si>
  <si>
    <t>デュラムおばさんナポリタン</t>
  </si>
  <si>
    <t>デュラムおばさんのツナマヨスパゲティ</t>
  </si>
  <si>
    <t>デュラムおばさんのバジリコスパゲティ</t>
  </si>
  <si>
    <t>塩カルビ味焼そばケース</t>
  </si>
  <si>
    <t>109g×12P</t>
  </si>
  <si>
    <t>デュラムおばさん　カルボナーラ　フェットチーネ</t>
  </si>
  <si>
    <t>デュラムおばさん　ミートソース　フェットチーネ</t>
  </si>
  <si>
    <t>デュラマヨ明太子</t>
  </si>
  <si>
    <t>黒辛カレー　焼そば</t>
  </si>
  <si>
    <t>塩らーめん味　焼そば</t>
  </si>
  <si>
    <t>デュラおばぺペロンチーノ</t>
  </si>
  <si>
    <t>アラビヤン焼きそば</t>
  </si>
  <si>
    <t>激辛トマトソーススパゲッティ</t>
  </si>
  <si>
    <t>お好みソース焼そば</t>
  </si>
  <si>
    <t>お好みソース味焼そばケース</t>
  </si>
  <si>
    <t>129ｇ×12</t>
  </si>
  <si>
    <t>サッポロ一番塩拉麺味大判焼そ</t>
  </si>
  <si>
    <t>１３２Ｇ</t>
  </si>
  <si>
    <t>カップパスタ　カルボナーラ</t>
  </si>
  <si>
    <t>カップパスタ　明太子</t>
  </si>
  <si>
    <t>縁日の焼そば東味カップケース</t>
  </si>
  <si>
    <t>サッポロ一番　バソキヤ</t>
  </si>
  <si>
    <t>１３６ｇ</t>
  </si>
  <si>
    <t>ｻｯﾎﾟｲﾁﾊﾞﾝ</t>
  </si>
  <si>
    <t>パスタデリ　トマトソース　フェットチーネ</t>
  </si>
  <si>
    <t>１０３ｇ</t>
  </si>
  <si>
    <t>パスタデリ_ペペロンチーノスパゲッティ</t>
  </si>
  <si>
    <t>旅麺浅草ソース焼そばケース</t>
  </si>
  <si>
    <t>東京油そばタレ濃いめ</t>
  </si>
  <si>
    <t>ピリ辛カルビ味焼そば</t>
  </si>
  <si>
    <t>１０８ｇ</t>
  </si>
  <si>
    <t>サッポロ一番　醤油味油そば　ケース</t>
  </si>
  <si>
    <t>95Ｇ×１２</t>
  </si>
  <si>
    <t>サッポロ一番　刀削麺風汁なし担々麺　ケース</t>
  </si>
  <si>
    <t>82G×１２</t>
  </si>
  <si>
    <t>かねふく　ピリ辛明太子味　焼そば</t>
  </si>
  <si>
    <t>９９ｇ</t>
  </si>
  <si>
    <t>汁なし　四川風麻婆麺　ケース</t>
  </si>
  <si>
    <t>８１ｇ×１２</t>
  </si>
  <si>
    <t>汁なし　海老味油そば　ケース</t>
  </si>
  <si>
    <t>８３ｇ×１２</t>
  </si>
  <si>
    <t>オタフク辛口お好みソース味焼そば</t>
  </si>
  <si>
    <t>オタフク辛口お好みソース味焼そば　ケース</t>
  </si>
  <si>
    <t>115gX12</t>
  </si>
  <si>
    <t>五ノ神製作所　海老味油そば</t>
  </si>
  <si>
    <t>106G</t>
  </si>
  <si>
    <t>ネギ塩ダレカルビ味焼そば　ケース</t>
  </si>
  <si>
    <t>106gX12</t>
  </si>
  <si>
    <t>オタフクお好みソース味焼きそばガーリック風味</t>
  </si>
  <si>
    <t>サツポロ一番オタフクお好みソース味焼きそば</t>
  </si>
  <si>
    <t>サツポロ一番オタフクお好みソース味焼そばケース</t>
  </si>
  <si>
    <t>124g×12P</t>
  </si>
  <si>
    <t>明太子味まぜそば</t>
  </si>
  <si>
    <t>汁なし四川風麻婆麺</t>
  </si>
  <si>
    <t>牛角カルビやきそば</t>
  </si>
  <si>
    <t>世界の山ちゃん監修　幻の手羽先風味焼そば</t>
  </si>
  <si>
    <t>桃屋の少し辛いラー油で仕上げた油そば</t>
  </si>
  <si>
    <t>やまとの味カレー味焼きそば</t>
  </si>
  <si>
    <t>背徳のニンニク豚醤油汁なし麺</t>
  </si>
  <si>
    <t>焼きそば焼牡蠣風味</t>
  </si>
  <si>
    <t>しょうが焼きそば</t>
  </si>
  <si>
    <t>ノザキのコンビーフ味塩焼そば</t>
  </si>
  <si>
    <t>サッポロ一番　ガーリックバター風　塩カルビ味焼そば</t>
  </si>
  <si>
    <t>背徳のあげ玉関西風焼そば</t>
  </si>
  <si>
    <t>岩下の新生姜味塩焼そば</t>
  </si>
  <si>
    <t>ShinShin炊き出し豚骨味焼きらーめん</t>
  </si>
  <si>
    <t>オタフク焼そばソース味焼そば</t>
  </si>
  <si>
    <t>塩カルビ味焼そばフンドーキン青柚子</t>
  </si>
  <si>
    <t>オタフクたこ焼ソース味焼そば</t>
  </si>
  <si>
    <t>焼そばバゴーン</t>
  </si>
  <si>
    <t>やきそば弁当</t>
  </si>
  <si>
    <t>昔ながらのソースやきそば</t>
  </si>
  <si>
    <t>やきそば弁当_塩</t>
  </si>
  <si>
    <t>でか一ソース焼そば</t>
  </si>
  <si>
    <t>焼そば名人ソース焼そばケース</t>
  </si>
  <si>
    <t>118g×12P</t>
  </si>
  <si>
    <t>焼そば名人_塩焼そば　ケース</t>
  </si>
  <si>
    <t>109ｇ×12</t>
  </si>
  <si>
    <t>俺の塩</t>
  </si>
  <si>
    <t>俺の塩たらこ味</t>
  </si>
  <si>
    <t>黒い豚カレー焼きそば</t>
  </si>
  <si>
    <t>四季物語春のときめき塩焼そば</t>
  </si>
  <si>
    <t>四季物語_夏の焼きそば</t>
  </si>
  <si>
    <t>富士宮やきそば塩味</t>
  </si>
  <si>
    <t>四季物語秋のときめき焼そば</t>
  </si>
  <si>
    <t>四季物語冬のときめき焼そば</t>
  </si>
  <si>
    <t>やきそば弁当たらこ味</t>
  </si>
  <si>
    <t>昔ながらのソース焼きそば凄太</t>
  </si>
  <si>
    <t>四季物語春限定焼そば</t>
  </si>
  <si>
    <t>やきそば弁当かルビーのりしお</t>
  </si>
  <si>
    <t>焼きそばべんとうナポリタン味</t>
  </si>
  <si>
    <t>東水　俺の塩　復刻版</t>
  </si>
  <si>
    <t>俺の塩たらこ大盛</t>
  </si>
  <si>
    <t>東水　トマトｿｰｽ味の焼きそば</t>
  </si>
  <si>
    <t>東水　ﾎﾜｲﾄｿｰｽ味の焼そば</t>
  </si>
  <si>
    <t>焼きそば弁当はま塩</t>
  </si>
  <si>
    <t>四季物語　鶏つくねと白菜　焼そば　冬限定</t>
  </si>
  <si>
    <t>昔ながらのソース焼そば　こくマヨ</t>
  </si>
  <si>
    <t>焼そばバゴォーン濃厚甘口　ケース</t>
  </si>
  <si>
    <t>134ｇｘ12</t>
  </si>
  <si>
    <t>俺の塩　たらこ味　大盛り</t>
  </si>
  <si>
    <t>焼きそば名人キムチ焼きそば</t>
  </si>
  <si>
    <t>あの街この味東京系油そば</t>
  </si>
  <si>
    <t>あの街この味博多系焼ラーメン</t>
  </si>
  <si>
    <t>珍々亭　油そば</t>
  </si>
  <si>
    <t>やきそば弁当　塩</t>
  </si>
  <si>
    <t>やきそば弁当　塩　ケース</t>
  </si>
  <si>
    <t>114ｇｘ12</t>
  </si>
  <si>
    <t>昔ながらのソース焼そば　ケース</t>
  </si>
  <si>
    <t>123ｇｘ12</t>
  </si>
  <si>
    <t>やきそば弁当ちょい辛</t>
  </si>
  <si>
    <t>やきそば弁当ちょい辛ケース</t>
  </si>
  <si>
    <t>やきそば弁当　濃厚甘口</t>
  </si>
  <si>
    <t>やきそば弁当　濃厚甘口　ケース</t>
  </si>
  <si>
    <t>122ｇｘ12</t>
  </si>
  <si>
    <t>焼そばバゴォーン　えび塩味　ケース</t>
  </si>
  <si>
    <t>110ｇ×12</t>
  </si>
  <si>
    <t>四季物語　夏限定　沖縄風チャンプルー焼そば</t>
  </si>
  <si>
    <t>121ｇ</t>
  </si>
  <si>
    <t>やきそば弁当_エクスプレス</t>
  </si>
  <si>
    <t>やきそば弁当エクスプレス　【箱】</t>
  </si>
  <si>
    <t>117gx12</t>
  </si>
  <si>
    <t>やきそば弁当_たらこ味バター風味</t>
  </si>
  <si>
    <t>やきそば弁当_たらこ味バター風味　ケース</t>
  </si>
  <si>
    <t>111ｇｘ12</t>
  </si>
  <si>
    <t>昔ながらの焼うどんしょうゆ味</t>
  </si>
  <si>
    <t>昔ながらの焼うどん　しょうゆ味　ケース</t>
  </si>
  <si>
    <t>106ｇｘ12</t>
  </si>
  <si>
    <t>みそ１位大島</t>
  </si>
  <si>
    <t>赤いきつね焼うどん</t>
  </si>
  <si>
    <t>101ｇ</t>
  </si>
  <si>
    <t>焼そばバゴォーン　辛口　ケース</t>
  </si>
  <si>
    <t>119ｇ×12</t>
  </si>
  <si>
    <t>富士宮やきそば</t>
  </si>
  <si>
    <t>マルちゃん昔ながらソース焼そばちょい辛</t>
  </si>
  <si>
    <t>あんかけ風やきそば弁当</t>
  </si>
  <si>
    <t>あんかけ風やきそば弁当　ケース</t>
  </si>
  <si>
    <t>昔ながらの関西風お好みソース焼そば</t>
  </si>
  <si>
    <t>１２５ｇ</t>
  </si>
  <si>
    <t>昔ながらの関西風お好みソース焼そば_Ｃ</t>
  </si>
  <si>
    <t>１２５ｇ×１２</t>
  </si>
  <si>
    <t>焼そばバゴォーン　塩味　ケース</t>
  </si>
  <si>
    <t>１０７ｇ×１２</t>
  </si>
  <si>
    <t>やきそば弁当　激辛　ケース</t>
  </si>
  <si>
    <t>１２２ｇ×１２</t>
  </si>
  <si>
    <t>焼そばバゴォーン　甘口ソース　ケース</t>
  </si>
  <si>
    <t>１２１ｇ×１２</t>
  </si>
  <si>
    <t>やきそば弁当旨塩</t>
  </si>
  <si>
    <t>やきそば弁当旨塩ケース</t>
  </si>
  <si>
    <t>115g×12P</t>
  </si>
  <si>
    <t>ﾏﾙﾁｬﾝ赤いきつね焼うどん</t>
  </si>
  <si>
    <t>昔ながらソース焼そば</t>
  </si>
  <si>
    <t>焼そばバゴォーン　塩味</t>
  </si>
  <si>
    <t>やきそば弁当　焼きとうきび焦し醤油</t>
  </si>
  <si>
    <t>118ｇ</t>
  </si>
  <si>
    <t>やきそば弁当　焼きとうきび焦し醤油【函】</t>
  </si>
  <si>
    <t>118ｇ×12</t>
  </si>
  <si>
    <t>辛赤　名古屋台湾ラーメン</t>
  </si>
  <si>
    <t>焼そばバゴォーンお好みソース</t>
  </si>
  <si>
    <t>121G</t>
  </si>
  <si>
    <t>やきそば弁当　お好みソース味</t>
  </si>
  <si>
    <t>やきそば弁当　お好みソース味【函】</t>
  </si>
  <si>
    <t>マイク・ポップコーン焼そば　</t>
  </si>
  <si>
    <t>マルちゃん　やきそば弁当塩バター風味　１１７ｇ</t>
  </si>
  <si>
    <t>マルちゃん　やきそば弁当塩バター風味_ケース</t>
  </si>
  <si>
    <t>サッカー日本代表専属シェフ監修　ぺペロンチーノ風焼そば</t>
  </si>
  <si>
    <t>ボンカレーゴールド中辛風　焼きそば</t>
  </si>
  <si>
    <t>東洋水産　珍々亭　旨辛油そば　</t>
  </si>
  <si>
    <t>昔ながらの中華風ｿｰｽ焼そば</t>
  </si>
  <si>
    <t>112G</t>
  </si>
  <si>
    <t>でかまる_RED汁なし担々麺</t>
  </si>
  <si>
    <t>マルちゃん　やきそば弁当　汁なし担担麺　１１８ｇ</t>
  </si>
  <si>
    <t>マルちゃん　やきそば弁当　汁なし担担麺　（ケース）</t>
  </si>
  <si>
    <t>118gx12</t>
  </si>
  <si>
    <t>マルちゃん　ごつ盛りオイスター焼そば　１５８ｇ</t>
  </si>
  <si>
    <t>158ｇ</t>
  </si>
  <si>
    <t>マルちゃん　ごつ盛りオイスター焼そば　ケース</t>
  </si>
  <si>
    <t>158ｇx12</t>
  </si>
  <si>
    <t>マルちゃん　やみつき屋　汁なし担担麺</t>
  </si>
  <si>
    <t>マルちゃん　焼そばバゴォーンお好みソース　１２２ｇ</t>
  </si>
  <si>
    <t>122G</t>
  </si>
  <si>
    <t>やきそば弁当たらこ味バター</t>
  </si>
  <si>
    <t>やきそば弁当たらこ味バターケース</t>
  </si>
  <si>
    <t>マルちゃん　やきそば弁当激辛</t>
  </si>
  <si>
    <t>マルちゃん　やきそば弁当激辛（ケース）</t>
  </si>
  <si>
    <t>120gx12</t>
  </si>
  <si>
    <t>マルちゃん正麺汁なし担々麺</t>
  </si>
  <si>
    <t>マルちゃん正麺　カップ　焼そば</t>
  </si>
  <si>
    <t>でかまる_汁なしスッパメン_167g</t>
  </si>
  <si>
    <t>大判やきそば弁当ケース</t>
  </si>
  <si>
    <t>でっかいやきそば弁当ケース</t>
  </si>
  <si>
    <t>正麺カップ油そば</t>
  </si>
  <si>
    <t>俺の塩ケース</t>
  </si>
  <si>
    <t>121g×12P</t>
  </si>
  <si>
    <t>俺の塩_梅かつお味</t>
  </si>
  <si>
    <t>マルちゃん焼そばバゴォーン塩バター</t>
  </si>
  <si>
    <t>ajito_ism_ピザ味まぜそば</t>
  </si>
  <si>
    <t>マルちゃん　やきそば弁当　旨辛キムチ味　１２０ｇ</t>
  </si>
  <si>
    <t>やきそば弁当_旨辛キムチ味（箱）</t>
  </si>
  <si>
    <t>120gx12個</t>
  </si>
  <si>
    <t>山椒香る塩焼そば</t>
  </si>
  <si>
    <t>マルちゃん正麺　カップ　濃厚魚介豚骨まぜそば</t>
  </si>
  <si>
    <t>１２９ｇ</t>
  </si>
  <si>
    <t>正麺汁なし黒ﾏｰ油坦々麺</t>
  </si>
  <si>
    <t>焼そばバゴォーンお好ソースケース</t>
  </si>
  <si>
    <t>焼きそば弁当コク甘ソース</t>
  </si>
  <si>
    <t>やきそば弁当コク甘ソースケース</t>
  </si>
  <si>
    <t>焼きそば弁当チーズ香るまろやかカレー味</t>
  </si>
  <si>
    <t>焼きそば弁当チーズ香るまろやかカレー味ケース</t>
  </si>
  <si>
    <t>114g×12P</t>
  </si>
  <si>
    <t>マルちゃん正麺焼そば</t>
  </si>
  <si>
    <t>俺の塩　たらこ味　大盛　からしマヨネーズ付き</t>
  </si>
  <si>
    <t>１５８ｇ</t>
  </si>
  <si>
    <t>マルちゃんやきそば弁当復刻キャベツ増量</t>
  </si>
  <si>
    <t>マルちゃんやきそば弁当復刻キャベツ増量ケース</t>
  </si>
  <si>
    <t>134g×12P</t>
  </si>
  <si>
    <t>マルちゃんやきそば弁当小樽あんかけ風</t>
  </si>
  <si>
    <t>焼きそばバゴォーン塩バター風味</t>
  </si>
  <si>
    <t>焼きそばバゴォーン塩ケース</t>
  </si>
  <si>
    <t>108g×12P</t>
  </si>
  <si>
    <t>やきそば弁当いつもよりちょっと濃いめ</t>
  </si>
  <si>
    <t>やきそば弁当いつもよりちょっと濃いめケース</t>
  </si>
  <si>
    <t>137g×12個入</t>
  </si>
  <si>
    <t>マルちゃんやきそば弁当札幌ラーメン風</t>
  </si>
  <si>
    <t>マルちゃんやきそば弁当札幌ラーメン風ケース</t>
  </si>
  <si>
    <t>120g×12個入</t>
  </si>
  <si>
    <t>マルちゃん汁なしうま辛担々うどん</t>
  </si>
  <si>
    <t>マルちゃんマルちゃん正麺汁なし担々麺</t>
  </si>
  <si>
    <t>俺の塩たらこパンチ味大盛</t>
  </si>
  <si>
    <t>マルちゃん焼そば弁当旨コクあんかけ風</t>
  </si>
  <si>
    <t>マルちゃん焼そば弁当旨コクあんかけ風ケース</t>
  </si>
  <si>
    <t>127×12個入</t>
  </si>
  <si>
    <t>マルちゃん焼そば弁当ちょっとQuick</t>
  </si>
  <si>
    <t>マルちゃん焼そば弁当ちょっとQuickケース</t>
  </si>
  <si>
    <t>122g×12個入</t>
  </si>
  <si>
    <t>やきそば弁当ミートソース風</t>
  </si>
  <si>
    <t>やきそば弁当ミートソース風ケース</t>
  </si>
  <si>
    <t>119g×12P</t>
  </si>
  <si>
    <t>やきそば弁当クリームソース風</t>
  </si>
  <si>
    <t>やきそば弁当クリームソース風ケース</t>
  </si>
  <si>
    <t>120g×12P</t>
  </si>
  <si>
    <t>焼そばバゴォーンちょい辛</t>
  </si>
  <si>
    <t>やきそば弁当ねぎ塩味</t>
  </si>
  <si>
    <t>やきそば弁当ねぎ塩味ケース</t>
  </si>
  <si>
    <t>やきそば弁当にんにく醤油</t>
  </si>
  <si>
    <t>やきそば弁当にんにく醤油味　ケース</t>
  </si>
  <si>
    <t>昔ながらのソース焼そば</t>
  </si>
  <si>
    <t>昔ながらのソース焼そばケース</t>
  </si>
  <si>
    <t>やきそば弁当いつもよりかなり辛め</t>
  </si>
  <si>
    <t>やきそば弁当　いつもよりかなり辛め（ケース）</t>
  </si>
  <si>
    <t>やきそば弁当スープカレー味</t>
  </si>
  <si>
    <t>やきそば弁当スープカレー味ケース</t>
  </si>
  <si>
    <t>119gx12</t>
  </si>
  <si>
    <t>イタリアン焼そば</t>
  </si>
  <si>
    <t>やきそば弁当シーフード味</t>
  </si>
  <si>
    <t>やきそば弁当シーフード味ケース</t>
  </si>
  <si>
    <t>116gx12</t>
  </si>
  <si>
    <t>やきそば弁当北見焼肉味</t>
  </si>
  <si>
    <t>やきそば弁当北見焼肉味ケース</t>
  </si>
  <si>
    <t>焼そばバゴォーンシーフード味</t>
  </si>
  <si>
    <t>107ｇ</t>
  </si>
  <si>
    <t>焼きそばバゴォーンシーフードケース</t>
  </si>
  <si>
    <t>107g×12P</t>
  </si>
  <si>
    <t>やみつき屋にぼ玉</t>
  </si>
  <si>
    <t>マルちゃん焼そば</t>
  </si>
  <si>
    <t>焼きそば弁当札幌辛みそラーメン風</t>
  </si>
  <si>
    <t>焼きそば弁当札幌辛みそラーメン風ケース</t>
  </si>
  <si>
    <t>115gx12</t>
  </si>
  <si>
    <t>マルちゃんやきそば弁当たらこ味強め</t>
  </si>
  <si>
    <t>やきそば弁当えび塩味</t>
  </si>
  <si>
    <t>やきそば弁当室蘭やきとり味</t>
  </si>
  <si>
    <t>焼そばバゴォーン濃スパソース</t>
  </si>
  <si>
    <t>焼そばバゴォーン濃スパソースケース</t>
  </si>
  <si>
    <t>111g×12</t>
  </si>
  <si>
    <t>焼そばバゴォーンちょい辛シーフード</t>
  </si>
  <si>
    <t>焼きそばバゴォーンちょい辛シーフードケース</t>
  </si>
  <si>
    <t>103g×12</t>
  </si>
  <si>
    <t>汁なし煮干しうどん</t>
  </si>
  <si>
    <t>でかまる歌舞伎揚味焼そば</t>
  </si>
  <si>
    <t>やきそば弁当利尻昆布だし醤油味</t>
  </si>
  <si>
    <t>やきそば弁当利尻昆布だし醤油味ケース</t>
  </si>
  <si>
    <t>112g×12</t>
  </si>
  <si>
    <t>やきそば弁当森町名物いかめし味</t>
  </si>
  <si>
    <t>やきそば弁当森町名物いかめし味ケース</t>
  </si>
  <si>
    <t>114g×12</t>
  </si>
  <si>
    <t>やきそば弁当オホーツクほたてバター醤油味</t>
  </si>
  <si>
    <t>やきそば弁当オホーツクほたてバター醤油味ケース</t>
  </si>
  <si>
    <t>やきそば弁当登別閻魔やきそば風</t>
  </si>
  <si>
    <t>やきそば弁当登別閻魔やきそば風ケース</t>
  </si>
  <si>
    <t>塩焼そばバゴォーン</t>
  </si>
  <si>
    <t>マルちゃん焼そばケース</t>
  </si>
  <si>
    <t>107gx12P</t>
  </si>
  <si>
    <t>焼きそばバゴォーン　コク旨辛ソース味</t>
  </si>
  <si>
    <t>やきそば弁当5種の具材入り中華風醤油味</t>
  </si>
  <si>
    <t>やきそば弁当5種の具材入り中華風醤油味ケース</t>
  </si>
  <si>
    <t>がんばれ受験生俺の塩丸鶏だし塩焼そば</t>
  </si>
  <si>
    <t>焼そば弁当ケース</t>
  </si>
  <si>
    <t>132gx12</t>
  </si>
  <si>
    <t>照焼きソース焼きそば</t>
  </si>
  <si>
    <t>昔ながらの焼きうどん醤油</t>
  </si>
  <si>
    <t>大盛りキノコそば</t>
  </si>
  <si>
    <t>焼うどん弁当</t>
  </si>
  <si>
    <t>焼そばバゴォーンケース</t>
  </si>
  <si>
    <t>132g×12P</t>
  </si>
  <si>
    <t>やきそば弁当_ちょい辛</t>
  </si>
  <si>
    <t>しおＵＦＯ</t>
  </si>
  <si>
    <t>焼そばUFO</t>
  </si>
  <si>
    <t>ヤキソバオオモリＵＦＯ</t>
  </si>
  <si>
    <t>169g</t>
  </si>
  <si>
    <t>シーフードヌードル焼そば</t>
  </si>
  <si>
    <t>焼きそば周年</t>
  </si>
  <si>
    <t>焼きそば縦型</t>
  </si>
  <si>
    <t>スパオウミートソース</t>
  </si>
  <si>
    <t>スパ王醤油たらこ</t>
  </si>
  <si>
    <t>スパ王ミートソース</t>
  </si>
  <si>
    <t>スパ王チーズカルボナーラ</t>
  </si>
  <si>
    <t>スパ王デミグラミート</t>
  </si>
  <si>
    <t>日清上海焼きそば</t>
  </si>
  <si>
    <t>春雨旨辛坦々麺</t>
  </si>
  <si>
    <t>焼きそばＵＦＯきのこオイスターＳ</t>
  </si>
  <si>
    <t>カレーＵＦＯ</t>
  </si>
  <si>
    <t>カレーＵＦＯベンガル風マスタード入り</t>
  </si>
  <si>
    <t>焼そばUFOケース</t>
  </si>
  <si>
    <t>129g×12P</t>
  </si>
  <si>
    <t>焼そばＵ．Ｆ．Ｏ．_明太子マヨ焼そば</t>
  </si>
  <si>
    <t>海鮮ＵＦＯ</t>
  </si>
  <si>
    <t>ＵＦＯソースカレー</t>
  </si>
  <si>
    <t>ＵＦＯ_キムチ</t>
  </si>
  <si>
    <t>うま塩ＵＦＯ</t>
  </si>
  <si>
    <t>スパ王醤油バターたらこ</t>
  </si>
  <si>
    <t>スパ王トマトミートソース</t>
  </si>
  <si>
    <t>スパ王チーズソース</t>
  </si>
  <si>
    <t>スパ王青じそ明太子</t>
  </si>
  <si>
    <t>塩ラーメン屋の焼きそば</t>
  </si>
  <si>
    <t>アラビキマスタード焼きそば</t>
  </si>
  <si>
    <t>焼スパカップ</t>
  </si>
  <si>
    <t>黒スパ</t>
  </si>
  <si>
    <t>251g</t>
  </si>
  <si>
    <t>白スパ</t>
  </si>
  <si>
    <t>焼きそばＵＦＯシーフード</t>
  </si>
  <si>
    <t>ソースカレーＵＦＯ</t>
  </si>
  <si>
    <t>ＵＦＯ辛口コチジャンソース</t>
  </si>
  <si>
    <t>ＵＦＯキムチチ－ズ</t>
  </si>
  <si>
    <t>ＵＦＯ３０周年</t>
  </si>
  <si>
    <t>焼きそばＵＦＯ_ＮＥＸＴ</t>
  </si>
  <si>
    <t>ＵＦＯ上海風オイスタ－</t>
  </si>
  <si>
    <t>焼そばU.F.O.ﾋﾞｯｸﾞ</t>
  </si>
  <si>
    <t>ＵＦＯ極太ソース＆マヨネーズ</t>
  </si>
  <si>
    <t>焼そばＵＦＯＮＥＸＴミックス</t>
  </si>
  <si>
    <t>スパ王レンジカルボナーラ</t>
  </si>
  <si>
    <t>スパ王レンシナポリタン</t>
  </si>
  <si>
    <t>Ｃｈｉｎ屋台風ソース焼きそば</t>
  </si>
  <si>
    <t>Ｃｈｉｎチンジャオロース焼そば</t>
  </si>
  <si>
    <t>Ｃｈｉｎカルボナーラジャポネ</t>
  </si>
  <si>
    <t>Ｃｈｉｎ和風ミートソース</t>
  </si>
  <si>
    <t>日清カップヌードル</t>
  </si>
  <si>
    <t>日清焼そばＵ．Ｆ．Ｏ．ぶっとリッチ濃厚甘口ソース</t>
  </si>
  <si>
    <t>焼そばＵ.Ｆ.Ｏ._豚とんこつ焼ラーメン風</t>
  </si>
  <si>
    <t>とんがらし麺からしタンメン</t>
  </si>
  <si>
    <t>とんがらし麺</t>
  </si>
  <si>
    <t>太麺堂々</t>
  </si>
  <si>
    <t>ﾁｬﾝﾎﾟﾝ</t>
  </si>
  <si>
    <t>スパ王レンジクリームパスタ</t>
  </si>
  <si>
    <t>スパ王_たらこスパゲッティ</t>
  </si>
  <si>
    <t>スパ王_カルボナーラフェットチーネ</t>
  </si>
  <si>
    <t>レンジごんぶと焼きうどん</t>
  </si>
  <si>
    <t>スパ王レンジボロネーゼ</t>
  </si>
  <si>
    <t>どん兵衛豚ねぎそば</t>
  </si>
  <si>
    <t>レンジスパオウクリームパスタ_シチューフウ</t>
  </si>
  <si>
    <t>193g</t>
  </si>
  <si>
    <t>ｶｯﾌﾟﾇｰﾄﾞﾙﾒｶﾞﾐｰﾄﾍﾟｯﾊﾟ</t>
  </si>
  <si>
    <t>ｶｯﾌﾟﾇｰﾄﾞﾙﾒｶﾞﾍﾞｼﾞﾀﾌﾞﾙ</t>
  </si>
  <si>
    <t>ｶｯﾌﾟﾇｰﾄﾞﾙﾋﾞｯｸﾞ</t>
  </si>
  <si>
    <t>ﾐｰﾄﾀﾝﾀﾝ</t>
  </si>
  <si>
    <t>日清　焼チキンカップ　ワイルドカレー</t>
  </si>
  <si>
    <t>焼そばＵＦＯ</t>
  </si>
  <si>
    <t>キムチＵＦＯコク旨キムチ</t>
  </si>
  <si>
    <t>焼そばＵ．Ｆ．Ｏ．_塩カルビ焼そば</t>
  </si>
  <si>
    <t>ラ王麺下分け目の戦いNo.1食</t>
  </si>
  <si>
    <t>北の焼きそば</t>
  </si>
  <si>
    <t>焼そばU.F.O.GOLD　金のオイルのオイスター塩味</t>
  </si>
  <si>
    <t>北の焼そば_豚コクソース焼そば</t>
  </si>
  <si>
    <t>日清でかぶとマー油とんこつ</t>
  </si>
  <si>
    <t>レンジスパ王　ナポリタン</t>
  </si>
  <si>
    <t>レンジスパ王　チーズボロネーゼ</t>
  </si>
  <si>
    <t>生タイプＳｐａ王　たらこ</t>
  </si>
  <si>
    <t>生タイプＳｐａ王ナポリタン</t>
  </si>
  <si>
    <t>焼うどんお好みソース味</t>
  </si>
  <si>
    <t>日清　どん兵衛年明けうどん</t>
  </si>
  <si>
    <t>激辛焼きそば　JACK</t>
  </si>
  <si>
    <t>カップヌードルブラジリアンチ</t>
  </si>
  <si>
    <t>チキンラーメンどんぶりブラジ</t>
  </si>
  <si>
    <t>焼そばＵＦＯ　わさびマヨ焼そば</t>
  </si>
  <si>
    <t>日清ＵＦＯとんこつ焼きラーメン</t>
  </si>
  <si>
    <t>焼きそばＵＦＯビッグスパイシーカレー</t>
  </si>
  <si>
    <t>日清焼きそばＵＦＯシーフードビッグ</t>
  </si>
  <si>
    <t>焼きそばＵＦＯ　カレー焼きそ</t>
  </si>
  <si>
    <t>129ｇ</t>
  </si>
  <si>
    <t>焼きそばＵＦＯ　レッドデビル</t>
  </si>
  <si>
    <t>151ｇ</t>
  </si>
  <si>
    <t>Ｓｐａ王ミートソース</t>
  </si>
  <si>
    <t>鶴橋風月焼きそば　</t>
  </si>
  <si>
    <t>焼出前一丁</t>
  </si>
  <si>
    <t>ソース焼きそば　カップ　ケース</t>
  </si>
  <si>
    <t>104G_____</t>
  </si>
  <si>
    <t>ソース焼きそば　からしマヨネーズ　ケース</t>
  </si>
  <si>
    <t>108G_____</t>
  </si>
  <si>
    <t>焼そばカップスパイシーホットチリ</t>
  </si>
  <si>
    <t>北の焼そば　豚コクソース焼そば</t>
  </si>
  <si>
    <t>117G</t>
  </si>
  <si>
    <t>北の焼きそば_えび塩</t>
  </si>
  <si>
    <t>ラ王辣椒担々麺</t>
  </si>
  <si>
    <t>１３８Ｇ</t>
  </si>
  <si>
    <t>焼そばＵ．Ｆ．Ｏ．たらこ焼そば</t>
  </si>
  <si>
    <t>日清　日清焼そばＵＦＯわさびマヨ　１２７ｇ</t>
  </si>
  <si>
    <t>日清焼そばＵＦＯ黄金マヨ付きカレー焼そば　１２９ｇ</t>
  </si>
  <si>
    <t>ＵＦＯ梅こぶ茶の旨み広がる塩焼そ</t>
  </si>
  <si>
    <t>１２３ｇ</t>
  </si>
  <si>
    <t>焼そばＵＦＯ　極太　豚ガリペッパ</t>
  </si>
  <si>
    <t>ＵＦＯ上海オイスター焼きそば</t>
  </si>
  <si>
    <t>焼そばＵＦＯ明太子マヨ</t>
  </si>
  <si>
    <t>焼きそばUFOﾁｰｽﾞSﾛｰｽﾄｶﾞｰﾘｯｸ</t>
  </si>
  <si>
    <t>日清焼すぱ　下町ペペろん</t>
  </si>
  <si>
    <t>有名店龍の家濃厚豚骨こく味</t>
  </si>
  <si>
    <t>焼すぱ　下町しょうゆ</t>
  </si>
  <si>
    <t>ごんぶと年明けうどん</t>
  </si>
  <si>
    <t>ごんぶと鶏だしカレーうどん</t>
  </si>
  <si>
    <t>２０４Ｇ</t>
  </si>
  <si>
    <t>スパ王×クッキングパパ荒岩イ</t>
  </si>
  <si>
    <t>１８７Ｇ</t>
  </si>
  <si>
    <t>Ｓｐａ王　明太子</t>
  </si>
  <si>
    <t>スパ王　ペペロンチーノ　　　　　　</t>
  </si>
  <si>
    <t>189g</t>
  </si>
  <si>
    <t>どん兵衛カルボナーラうどん</t>
  </si>
  <si>
    <t>どん兵衛旨辛鶏だし太そば</t>
  </si>
  <si>
    <t>ﾃﾞｶﾌﾞﾄﾊﾟﾜﾌﾙ生姜焼濃ｺｸ醤油</t>
  </si>
  <si>
    <t>ｻﾞﾇｰﾄﾞﾙ東京ｱﾌﾘ柚子辣湯麺</t>
  </si>
  <si>
    <t>どん兵衛　すき焼き風うどん</t>
  </si>
  <si>
    <t>どん衛旨辛ﾕｯｹｼﾞｬﾝ風うどん</t>
  </si>
  <si>
    <t>どん兵衛焼うどん</t>
  </si>
  <si>
    <t>カップヌードル謎肉祭Ｗ</t>
  </si>
  <si>
    <t>カップヌードル旨辛チーズスンドゥ</t>
  </si>
  <si>
    <t>出前一丁桶麺辛辣XO醤海鮮味</t>
  </si>
  <si>
    <t>105G</t>
  </si>
  <si>
    <t>チキンラーメンわさびチキン</t>
  </si>
  <si>
    <t>ラ王プレミアムフカヒレ</t>
  </si>
  <si>
    <t>焼そばＵＦＯお好み焼味</t>
  </si>
  <si>
    <t>ＵＦＯ　湯切りなしあんかけ中華風焼そば</t>
  </si>
  <si>
    <t>焼そばＵ.Ｆ.Ｏ.　旨辛プルコギ風焼そば</t>
  </si>
  <si>
    <t>ＵＦＯビッグわさマヨ地獄</t>
  </si>
  <si>
    <t>焼そばUFO牛すき味</t>
  </si>
  <si>
    <t>159ｇ</t>
  </si>
  <si>
    <t>UFOビッグ極太お好みチーズマヨ</t>
  </si>
  <si>
    <t>178ｇ</t>
  </si>
  <si>
    <t>ラ王　復刻版しょうゆ</t>
  </si>
  <si>
    <t>焼そばＵ.Ｆ.Ｏ.上海オイスター焼そば</t>
  </si>
  <si>
    <t>ＵＦＯ湯切りなし大辛あんかけ風焼きそば</t>
  </si>
  <si>
    <t>UFO大盛極太テリヤキ＆マヨ</t>
  </si>
  <si>
    <t>UFO濃厚激辛ソース焼きそば</t>
  </si>
  <si>
    <t>UFO湯切りなし五目あんかけ風焼きそば</t>
  </si>
  <si>
    <t>UFO濃い濃い海鮮うま塩焼きそば</t>
  </si>
  <si>
    <t>UFO濃い濃いたらこ</t>
  </si>
  <si>
    <t>ＵＦＯ湯切りなし麻辣あんかけ風</t>
  </si>
  <si>
    <t>焼そばＵＦＯ　スパイスキーマカレー焼そば　</t>
  </si>
  <si>
    <t>UFO大盛炙りﾁｬｰｼｭｰ油そば</t>
  </si>
  <si>
    <t>166G</t>
  </si>
  <si>
    <t>ＵＦＯ大盛チャーハン味　焼そば　１５３ｇ</t>
  </si>
  <si>
    <t>UFO大盛追いトッピング油そば</t>
  </si>
  <si>
    <t>UFOミーゴレン</t>
  </si>
  <si>
    <t>日清焼きそばU.F.O._油そば</t>
  </si>
  <si>
    <t>UFOペロリだしソース</t>
  </si>
  <si>
    <t>チキンラーメンの油そば</t>
  </si>
  <si>
    <t>ラ王　復刻版みそ</t>
  </si>
  <si>
    <t>行列のできる店海老鶏白湯</t>
  </si>
  <si>
    <t>スパ王　醤油バターたらこ</t>
  </si>
  <si>
    <t>どん兵衛豚汁うどん</t>
  </si>
  <si>
    <t>麺ニッポン　長崎ちゃんぽん</t>
  </si>
  <si>
    <t>104G</t>
  </si>
  <si>
    <t>UFOペロリ鶏しおだれ</t>
  </si>
  <si>
    <t>UFO辛口ラー油マヨ焼そば</t>
  </si>
  <si>
    <t>UFO神味マキシマム_背脂×ニンニク×チーズ</t>
  </si>
  <si>
    <t>どん兵衛焼うどん担担</t>
  </si>
  <si>
    <t>チキンラーメンのかまたま</t>
  </si>
  <si>
    <t>チキンラーメンカルボナーラ</t>
  </si>
  <si>
    <t>９３ｇ</t>
  </si>
  <si>
    <t>ソース焼そばカップ</t>
  </si>
  <si>
    <t>日清ソース焼きそばカップからしマヨネーズ付き</t>
  </si>
  <si>
    <t>Ｕ．Ｆ．Ｏ．油そば　辛口濃い濃いラー油マヨ付き</t>
  </si>
  <si>
    <t>ＵＦＯ湯切りなし五目</t>
  </si>
  <si>
    <t>日清焼そばＵ．Ｆ．Ｏ．濃い濃いわさび</t>
  </si>
  <si>
    <t>焼そばＵＦＯ濃い濃い焼ちゃんぽん味</t>
  </si>
  <si>
    <t>Ｕ．Ｆ．Ｏ．四川花椒香る担々焼そば</t>
  </si>
  <si>
    <t>日清焼そばＵＦＯ濃い男梅焼きそば111ｇ</t>
  </si>
  <si>
    <t>日清デカうまWマヨソース焼そば</t>
  </si>
  <si>
    <t>どん兵衛すも～き～リッチカルボナ</t>
  </si>
  <si>
    <t>UFOペロリだしソースケース</t>
  </si>
  <si>
    <t>UFOペロリ　鶏しおだれケース</t>
  </si>
  <si>
    <t>ソース焼そばカップケース</t>
  </si>
  <si>
    <t>104g×12P</t>
  </si>
  <si>
    <t>日清ソース焼きそばカップからしマヨネーズ付きケース</t>
  </si>
  <si>
    <t>オーベルジーヌビーフカレーヌード</t>
  </si>
  <si>
    <t>９６g</t>
  </si>
  <si>
    <t>チキンラーメン油そば</t>
  </si>
  <si>
    <t>ＵＦＯソースチーズ</t>
  </si>
  <si>
    <t>どん兵衛きつね焼うどん</t>
  </si>
  <si>
    <t>UFOラー油マヨまぜそば</t>
  </si>
  <si>
    <t>UFO肉あんかけ</t>
  </si>
  <si>
    <t>UFO梅こぶ茶塩焼そば</t>
  </si>
  <si>
    <t>UFO濃い濃いだしソース</t>
  </si>
  <si>
    <t>神田まつや鶏南蛮そば</t>
  </si>
  <si>
    <t>UFO濃い濃いたらこケース</t>
  </si>
  <si>
    <t>UFO濃い濃いだしソースケース</t>
  </si>
  <si>
    <t>112g×12P</t>
  </si>
  <si>
    <t>UFOペロリバター香るたらこ味</t>
  </si>
  <si>
    <t>UFOペロリバター香るたらこ味ケース</t>
  </si>
  <si>
    <t>汁なしどん兵衛濃厚焼うどん</t>
  </si>
  <si>
    <t>日清焼きそばU.F.Oキツネ</t>
  </si>
  <si>
    <t>日清焼きそばU.F.O大盛最極濃厚ソース</t>
  </si>
  <si>
    <t>日清焼そばU.F.O.濃い濃い海鮮イカ味うま塩ガーリック仕立て</t>
  </si>
  <si>
    <t>カップヌードル旨辛カルビ味焼きそば</t>
  </si>
  <si>
    <t>日清の汁なしどん兵衛スパイシーカレー焼うどん</t>
  </si>
  <si>
    <t>日清汁なし豚ラ王</t>
  </si>
  <si>
    <t>豚ラ王トリプルニンニク</t>
  </si>
  <si>
    <t>UFOお好み焼味焼そば</t>
  </si>
  <si>
    <t>UFO濃い濃いすき焼き風あんかけ</t>
  </si>
  <si>
    <t>日清焼そばUFO鬼滅</t>
  </si>
  <si>
    <t>UFOラー油マヨまぜそばケース</t>
  </si>
  <si>
    <t>どん兵衛きつね焼うどんケース</t>
  </si>
  <si>
    <t>105g*12</t>
  </si>
  <si>
    <t>U.F.O.史上最極</t>
  </si>
  <si>
    <t>勝そばVFO受験生</t>
  </si>
  <si>
    <t>デカうま油そば</t>
  </si>
  <si>
    <t>113g×12P</t>
  </si>
  <si>
    <t>どん兵衛特盛焼うどん</t>
  </si>
  <si>
    <t>鬼滅Ｕ．Ｆ．Ｏ.</t>
  </si>
  <si>
    <t>ＵＦＯ濃い濃いシーフード</t>
  </si>
  <si>
    <t>デカうまWマヨソース焼そばケース</t>
  </si>
  <si>
    <t>153g×12</t>
  </si>
  <si>
    <t>デカうま油そばケース</t>
  </si>
  <si>
    <t>157g×12P</t>
  </si>
  <si>
    <t>UFOデミグラスソース</t>
  </si>
  <si>
    <t>ＵＦＯチーズまぜそば</t>
  </si>
  <si>
    <t>UFOねぎ塩牛カルビ</t>
  </si>
  <si>
    <t>UFOポックンミョン甘辛カルボ</t>
  </si>
  <si>
    <t>日清U．F．O．SPY</t>
  </si>
  <si>
    <t>焼そばU.F.O.燻製マヨの塩カルビ味焼そば</t>
  </si>
  <si>
    <t>U．F．O．大盛ハワイ</t>
  </si>
  <si>
    <t>日清U．F．O．SPYケース</t>
  </si>
  <si>
    <t>128g×12</t>
  </si>
  <si>
    <t>UFO油そばラー油マヨ</t>
  </si>
  <si>
    <t>日清焼そばU.F.O.ポックンミョン韓国風甘辛カルボクリーミ</t>
  </si>
  <si>
    <t>日清焼そばU.F.O.ポックンミョン韓国風甘辛チーズ</t>
  </si>
  <si>
    <t>UFO油そばラー油マヨケース</t>
  </si>
  <si>
    <t>1344G</t>
  </si>
  <si>
    <t>焼そばUFOほりにし</t>
  </si>
  <si>
    <t>BLACKU.F.O.黒焼そば焦がしにんにく香るイカスミソース</t>
  </si>
  <si>
    <t>日清焼そばU.F.O.濃い濃いたらこ</t>
  </si>
  <si>
    <t>日清焼そばU.F.O.3種のチーズ牛丼味</t>
  </si>
  <si>
    <t>日清焼そばU.F.O.大盛甘辛醤油だれ炭火焼豚丼味</t>
  </si>
  <si>
    <t>日清焼そばU.F.O.大盛トマト＆チーズピザ味焼そば</t>
  </si>
  <si>
    <t>U.F.O.大盛カラムーチョホットチリ味焼そば</t>
  </si>
  <si>
    <t>UFO大盛カラムーチョチリ味ケース</t>
  </si>
  <si>
    <t>135g×12</t>
  </si>
  <si>
    <t>日清焼そばU.F.O.カップヌードルシーフード焼そばケース</t>
  </si>
  <si>
    <t>カップ･マルタイ焼きそば</t>
  </si>
  <si>
    <t>カップ･マルタイ焼きそば87g</t>
  </si>
  <si>
    <t>一平ちゃん夜店の焼そば</t>
  </si>
  <si>
    <t>じゃがマヨネーズ塩焼そば</t>
  </si>
  <si>
    <t>一平ちゃん_焼そば塩だれ</t>
  </si>
  <si>
    <t>一平ちゃん夜店の焼そばカレー</t>
  </si>
  <si>
    <t>一平ちゃん焼そば旨醤油</t>
  </si>
  <si>
    <t>一平ちゃん焼そばカレー味</t>
  </si>
  <si>
    <t>一平ちゃん夜店の焼そば塩</t>
  </si>
  <si>
    <t>一平ちゃん焼そば旨醤油味</t>
  </si>
  <si>
    <t>一平ちゃん焼そば甘コクソース</t>
  </si>
  <si>
    <t>一平焼そば大盛白マヨプラス</t>
  </si>
  <si>
    <t>一平ちゃん夜店の焼そば大盛</t>
  </si>
  <si>
    <t>一平ちゃん焼きそば_大盛</t>
  </si>
  <si>
    <t>174g</t>
  </si>
  <si>
    <t>一平ちゃん焼そば大盛</t>
  </si>
  <si>
    <t>明星　一平ちゃん夜店の焼そば大盛</t>
  </si>
  <si>
    <t>一平ちゃん焼チーズカレー味</t>
  </si>
  <si>
    <t>一平ちゃん焼きそばコーンポタージュ</t>
  </si>
  <si>
    <t>のりたま焼うどんだし?油</t>
  </si>
  <si>
    <t>ぶぶか油そばケース</t>
  </si>
  <si>
    <t>1956g</t>
  </si>
  <si>
    <t>のりたま焼うどんだし醤油</t>
  </si>
  <si>
    <t>113G</t>
  </si>
  <si>
    <t>のりたま焼うどんだし醤油ケース</t>
  </si>
  <si>
    <t>113G×12</t>
  </si>
  <si>
    <t>築地銀だこ監修たこ焼味焼そば</t>
  </si>
  <si>
    <t>築地銀だこ監修たこ焼味焼そばケース</t>
  </si>
  <si>
    <t>ドラえもんなつかしのナポリタン味焼そば</t>
  </si>
  <si>
    <t>麺屋こころ監修　台湾まぜそば　ケース</t>
  </si>
  <si>
    <t>明星　のりたま焼きうどん　</t>
  </si>
  <si>
    <t>一平ちゃん夜店焼そば大盛ガーリックチリトマト</t>
  </si>
  <si>
    <t>千里眼監修辛辛まぜそば大盛</t>
  </si>
  <si>
    <t>千里眼ガーリックまぜそば大盛</t>
  </si>
  <si>
    <t>ぶぶか台湾油そば</t>
  </si>
  <si>
    <t>中華三昧ＰＲＥＭＩＵＭ汁なし担々麺　</t>
  </si>
  <si>
    <t>明星究麺ソース焼そば</t>
  </si>
  <si>
    <t>明星　究麺　甘コクソース焼そば</t>
  </si>
  <si>
    <t>明星　極麺エボリューション豚骨焼きそば</t>
  </si>
  <si>
    <t>チャルメラカップ旨辛醤油</t>
  </si>
  <si>
    <t>一平ちゃん夜店の焼そば　明太子味</t>
  </si>
  <si>
    <t>一平ちゃん焼きそばワンピースタルタルの味</t>
  </si>
  <si>
    <t>一平ちゃん夜店の焼そば　担々味</t>
  </si>
  <si>
    <t>一平ちゃん焼きそばわさびマヨ醤油味</t>
  </si>
  <si>
    <t>一平ちゃん焼きそばピザマヨ味</t>
  </si>
  <si>
    <t>一平ちゃん焼そばバター醤油</t>
  </si>
  <si>
    <t>一平ちゃん豚生姜焼きやきそば</t>
  </si>
  <si>
    <t>一平ちゃん夜店の焼そば　ガーリックバター醤油味</t>
  </si>
  <si>
    <t>一平夜店の焼きそばハラペーニョ＆チリソース</t>
  </si>
  <si>
    <t>一平ちゃん夜店の焼そばカレー味</t>
  </si>
  <si>
    <t>評判屋ソース焼きそばケース</t>
  </si>
  <si>
    <t>評判屋塩焼きそばケース</t>
  </si>
  <si>
    <t>評判屋だし醤油焼うどん</t>
  </si>
  <si>
    <t>評判屋塩焼そば</t>
  </si>
  <si>
    <t>一平ちゃん夜店の焼そば　怪味マヨ</t>
  </si>
  <si>
    <t>一平ちゃん　チョコソース</t>
  </si>
  <si>
    <t>一平ちゃん夜店の焼そば　旨辛味</t>
  </si>
  <si>
    <t>一平ちゃん夜店の焼きそば塩だれ</t>
  </si>
  <si>
    <t>一平ちゃん夜店の焼そば塩だれケース</t>
  </si>
  <si>
    <t>一平ちゃん　夜店の焼そば　辛子明太子味</t>
  </si>
  <si>
    <t>一平ちゃん　夜店の焼そば　辛子明太子味　ケース</t>
  </si>
  <si>
    <t>一平ちゃん　夜店の焼そば　梅かつお味　ケース</t>
  </si>
  <si>
    <t>115g×12</t>
  </si>
  <si>
    <t>一平ちゃん　夜店の焼そば　蒲焼のたれ味　ケース</t>
  </si>
  <si>
    <t>一平ちゃんカラムーチョ</t>
  </si>
  <si>
    <t>一平ちゃん焼うどんソース味</t>
  </si>
  <si>
    <t>１１８ｇ</t>
  </si>
  <si>
    <t>一平ちゃん焼うどん醤油味</t>
  </si>
  <si>
    <t>１１６ｇ</t>
  </si>
  <si>
    <t>一平ちゃんすっぱムーチョ</t>
  </si>
  <si>
    <t>一平ちゃん焼きそばｼｮｰﾄｹ-ｷ</t>
  </si>
  <si>
    <t>一平ちゃん夜店の焼そばわさびマヨ醤油味</t>
  </si>
  <si>
    <t>一平ちゃん　ツナマヨ</t>
  </si>
  <si>
    <t>一平ちゃんタルタル甘酢醤油味</t>
  </si>
  <si>
    <t>一平ちゃん夜店の焼そば旨辛スパイ</t>
  </si>
  <si>
    <t>一平ちゃん焼うどんお好みソース味</t>
  </si>
  <si>
    <t>一平ちゃん焼うどんだし醤油味</t>
  </si>
  <si>
    <t>一平ちゃん夜店の焼うどん　いなり寿司味</t>
  </si>
  <si>
    <t>一平ちゃん夜店の焼そば　バター醤油味</t>
  </si>
  <si>
    <t>１１２ｇ</t>
  </si>
  <si>
    <t>一平ちゃん夜店の焼そばうま辛みそ味　</t>
  </si>
  <si>
    <t>一平ちゃんとんこつ味</t>
  </si>
  <si>
    <t>一平ちゃん夜店の焼うどん　みたらし団子味　１２６ｇ</t>
  </si>
  <si>
    <t>126G</t>
  </si>
  <si>
    <t>一平ちゃん夜店の焼うどん　あんこ団子味　１１１ｇ</t>
  </si>
  <si>
    <t>一平ちゃん夜店の焼そば　麻辣味</t>
  </si>
  <si>
    <t>一平ちゃん焼うどん　お好み焼ソース味　１１５ｇ</t>
  </si>
  <si>
    <t>一平ちゃん焼うどん　鴨だし醤油味　１１０ｇ</t>
  </si>
  <si>
    <t>明星　一平ちゃん夜店の焼そばすだちポン酢マヨ醤油味　127ｇ</t>
  </si>
  <si>
    <t>一平ちゃん夜店の焼そばツナマヨ</t>
  </si>
  <si>
    <t>113Ｇ</t>
  </si>
  <si>
    <t>一平ちゃん夜店の焼そば　太麺甘濃ソース</t>
  </si>
  <si>
    <t>一平ちゃん夜店の焼そばポテマヨ</t>
  </si>
  <si>
    <t>109Ｇ</t>
  </si>
  <si>
    <t>ﾐﾖｳｼﾞｮｳ</t>
  </si>
  <si>
    <t>一平ちゃん夜店の焼そば大盛炙りいか風醤油_158g</t>
  </si>
  <si>
    <t>一平ちゃん夜店の焼そば旨辛明太子味</t>
  </si>
  <si>
    <t>一平ちゃん夜店の焼そば旨辛明太子味ケース</t>
  </si>
  <si>
    <t>128g×12P</t>
  </si>
  <si>
    <t>一平ちゃん夜店の焼そば　スコーンＢＢＱ味　</t>
  </si>
  <si>
    <t>一平ちゃん夜店の焼そば大盛超濃厚</t>
  </si>
  <si>
    <t>一平ちゃん夜店の焼そばたらこマヨ</t>
  </si>
  <si>
    <t>168ｇ</t>
  </si>
  <si>
    <t>一平ちゃんﾀﾙﾀﾙｿｰｽ味</t>
  </si>
  <si>
    <t>一平ちゃん焼そばたまにん</t>
  </si>
  <si>
    <t>夜店25種類のスパイス香るソース</t>
  </si>
  <si>
    <t>119ｇ</t>
  </si>
  <si>
    <t>一平ちゃん焼そば名探偵コナンひつまぶし味</t>
  </si>
  <si>
    <t>一平ちゃん豚塩ガーリック</t>
  </si>
  <si>
    <t>一平ちゃん山葵*わさび醤油味</t>
  </si>
  <si>
    <t>明星　中華三昧　汁なし担々麺</t>
  </si>
  <si>
    <t>用心棒超ガリマヨまぜそば</t>
  </si>
  <si>
    <t>１７４g</t>
  </si>
  <si>
    <t>チャルメラ新潟かんずりゆず香る旨辛まぜそば</t>
  </si>
  <si>
    <t>さんまだし香醤油ラーメン</t>
  </si>
  <si>
    <t>明星　大砲ラーメン　赤とんこつまぜそば　１６０ｇ</t>
  </si>
  <si>
    <t>マタドール×闘牛脂富山ブラック風牛まぜそば</t>
  </si>
  <si>
    <t>ﾁｬﾙﾒﾗにんにく醤油まぜそば</t>
  </si>
  <si>
    <t>極のチャルメラ博多バリカタ明太豚骨まぜそば</t>
  </si>
  <si>
    <t>みかさ監修ソース焼そば</t>
  </si>
  <si>
    <t>大砲ラーメンとんこつまぜそば</t>
  </si>
  <si>
    <t>東京デザインメキシカンナチョス焼そば</t>
  </si>
  <si>
    <t>宮崎辛麺50辛</t>
  </si>
  <si>
    <t>チャルメラ愛知みそまぜそば</t>
  </si>
  <si>
    <t>麺神極旨辛豚味噌</t>
  </si>
  <si>
    <t>みかさ監修塩焼そば</t>
  </si>
  <si>
    <t>大砲ラーメンラー油赤豚骨まぜそば</t>
  </si>
  <si>
    <t>ぼてぢゅう監修極太豚旨焼そば</t>
  </si>
  <si>
    <t>札幌らーめん信玄監修コク味噌まぜそば</t>
  </si>
  <si>
    <t>一平ちゃん夜店の焼そば豚旨とんこつ味ケース</t>
  </si>
  <si>
    <t>117g×12P</t>
  </si>
  <si>
    <t>一平ちゃん焼そば大盛濃厚ソーストリプルスリー</t>
  </si>
  <si>
    <t>181g</t>
  </si>
  <si>
    <t>一平ちゃん夜店の焼そば海老塩味ケース</t>
  </si>
  <si>
    <t>一平ちゃん夜店の焼そば26種のスパイス香るソース味</t>
  </si>
  <si>
    <t>一平ちゃん夜店の焼そば26種のスパイス香るソース味ケース</t>
  </si>
  <si>
    <t>119g×12</t>
  </si>
  <si>
    <t>湯切ってお湯足しとろっとあんかけ蝋燭屋監修シビレまぜそば</t>
  </si>
  <si>
    <t>大砲ラーメン明太高菜とんこつ味まぜそば</t>
  </si>
  <si>
    <t>一平ちゃん豚旨油そば</t>
  </si>
  <si>
    <t>一平ちゃん豚旨油そばケース</t>
  </si>
  <si>
    <t>一平ちゃん夜店の焼そばわさびマヨ醤油味ケース</t>
  </si>
  <si>
    <t>一平ちゃん夜店の焼そば大盛からあげ旨塩味</t>
  </si>
  <si>
    <t>一平ちゃん夜店の焼そばバター醤油味</t>
  </si>
  <si>
    <t>一平ちゃん夜店の焼そば　タルタルソース味</t>
  </si>
  <si>
    <t>一平ちゃん夜店の焼そばゆず塩味</t>
  </si>
  <si>
    <t>一平ちゃん夜店の焼そばゆず塩味ケース</t>
  </si>
  <si>
    <t>一平ちゃん夜店の焼そばやみつき塩だれ味</t>
  </si>
  <si>
    <t>一平ちゃん夜店の焼そばやみつき塩だれ味ケース</t>
  </si>
  <si>
    <t>1560g</t>
  </si>
  <si>
    <t>一平ちゃん夜店の焼そば焦がしにんにくたまり醤油味ケース</t>
  </si>
  <si>
    <t>110g×18</t>
  </si>
  <si>
    <t>一平ちゃん夜店の焼そば　大盛　明太子味　１６４ｇ</t>
  </si>
  <si>
    <t>チャルメラ源たれにんにく醤油まぜそばケース</t>
  </si>
  <si>
    <t>明星ガーリック香るペペロンチーノ風まぜそば109g</t>
  </si>
  <si>
    <t>ぼてじゅう極太豚旨焼そば</t>
  </si>
  <si>
    <t>178g</t>
  </si>
  <si>
    <t>一平ちゃん汁なしうどんすき焼き味</t>
  </si>
  <si>
    <t>一平ちゃん夜店の焼そば醤油バター明太子味</t>
  </si>
  <si>
    <t>一平ちゃん夜店の焼そば醤油バター明太子味ケース</t>
  </si>
  <si>
    <t>1524g</t>
  </si>
  <si>
    <t>一平ちゃん夜店の焼そばバターチキンカレー味</t>
  </si>
  <si>
    <t>一平ちゃん夜店の焼そばバターチキンカレー味ケース</t>
  </si>
  <si>
    <t>一平ちゃん夜店の焼そばてりたまマヨ味</t>
  </si>
  <si>
    <t>焼きそばでっせケース</t>
  </si>
  <si>
    <t>99g×12</t>
  </si>
  <si>
    <t>チャルメラゆず塩味焼そば</t>
  </si>
  <si>
    <t>一平ちゃん夜店の焼そばじゃがバタ味</t>
  </si>
  <si>
    <t>一平ちゃん夜店の焼そばじゃがバタ?味ケース</t>
  </si>
  <si>
    <t>一平ちゃん夜店の焼そば大盛つぶつぶだくだく明太子バター味</t>
  </si>
  <si>
    <t>一平ちゃん夜店の焼そば焦がしにんにくたまり醤油味</t>
  </si>
  <si>
    <t>一平ちゃん夜店の焼そば関西風お好み焼ソース味</t>
  </si>
  <si>
    <t>一平ちゃん夜店の焼そば炙り牛カルビ味</t>
  </si>
  <si>
    <t>1368g</t>
  </si>
  <si>
    <t>一平ちゃん夜店の焼そば焼とうもろこし焦がし醤油</t>
  </si>
  <si>
    <t>一平ちゃん夜店の焼そば燻製チーズ味</t>
  </si>
  <si>
    <t>チャルメラとり野菜みそ焼そば</t>
  </si>
  <si>
    <t>チャルメラスタミナ源たれ醤油焼きそば</t>
  </si>
  <si>
    <t>チャルメラスタミナ源たれ塩焼きそば</t>
  </si>
  <si>
    <t>1344g</t>
  </si>
  <si>
    <t>一平ちゃん夜店の焼そば大盛シーフードカレー</t>
  </si>
  <si>
    <t>一平ちゃん夜店の焼そば大盛ペッパービーフ味</t>
  </si>
  <si>
    <t>みかさソース焼そば</t>
  </si>
  <si>
    <t>一平ちゃん夜店の焼そばショートケーキ味</t>
  </si>
  <si>
    <t>一平ちゃん夜店の焼そばわさびマヨしょう油</t>
  </si>
  <si>
    <t>チャルメラ青森スタミナ源たれにんにく?油焼そば</t>
  </si>
  <si>
    <t>チャルメラ青森スタミナ源たれにんにく塩焼そば</t>
  </si>
  <si>
    <t>一平ちゃん夜店の焼そば30種のスパイス香るソース味</t>
  </si>
  <si>
    <t>チャルメラカップゆず塩味焼そば</t>
  </si>
  <si>
    <t>チャルメラカップゆず塩味焼そばケース</t>
  </si>
  <si>
    <t>一平ちゃん夜店の焼そば蒲焼のたれ味</t>
  </si>
  <si>
    <t>一平ちゃん夜店の焼そば蒲焼のたれ味ケース</t>
  </si>
  <si>
    <t>一平ちゃん夜店の焼そば大盛バーベキュー味</t>
  </si>
  <si>
    <t>一平ちゃん夜店の焼そば大盛チーズカレー味</t>
  </si>
  <si>
    <t>一平ちゃん夜店の焼そばケース</t>
  </si>
  <si>
    <t>135g×12P</t>
  </si>
  <si>
    <t>ペヤングソース焼きそば</t>
  </si>
  <si>
    <t>ソース焼きそばケース</t>
  </si>
  <si>
    <t>120g×18×2</t>
  </si>
  <si>
    <t>大盛焼きそば</t>
  </si>
  <si>
    <t>ちょい辛やきそば</t>
  </si>
  <si>
    <t>塩_焼そば_ビック</t>
  </si>
  <si>
    <t>カレー焼そば_ビック</t>
  </si>
  <si>
    <t>ぺヤング明太子やきそば</t>
  </si>
  <si>
    <t>ヴァンガードやきそば</t>
  </si>
  <si>
    <t>辛口ネギみそチャーシューやきそば</t>
  </si>
  <si>
    <t>激辛やきそばおたすけマヨネーズ</t>
  </si>
  <si>
    <t>ペヤング　たらこやきそば</t>
  </si>
  <si>
    <t>ペヤング激辛やきそば</t>
  </si>
  <si>
    <t>ペヤング激辛やきそば　ケース</t>
  </si>
  <si>
    <t>118g×36</t>
  </si>
  <si>
    <t>にんにくＭＡＸやきそば</t>
  </si>
  <si>
    <t>にんにくＭＡＸやきそば(ケース)</t>
  </si>
  <si>
    <t>114ｇ×18</t>
  </si>
  <si>
    <t>マヨネーズソース風キムチ焼そば</t>
  </si>
  <si>
    <t>マルカ食品</t>
  </si>
  <si>
    <t>ペヨングソースやきそば</t>
  </si>
  <si>
    <t>ペヨングソースやきそばケース</t>
  </si>
  <si>
    <t>106g×18P</t>
  </si>
  <si>
    <t>激辛カレーやきそば</t>
  </si>
  <si>
    <t>わかめＭＡＸやきそば</t>
  </si>
  <si>
    <t>ペヤング　パクチーＭＡＸやきそば</t>
  </si>
  <si>
    <t>ぺヨングヌードル味噌味</t>
  </si>
  <si>
    <t>ペヤングソースやきそばプラス納豆</t>
  </si>
  <si>
    <t>激辛やきそば超大盛</t>
  </si>
  <si>
    <t>超大盛やきそばハーフ＆ハーフW激辛</t>
  </si>
  <si>
    <t>ぺヤング　激辛ＭＡＸやきそば</t>
  </si>
  <si>
    <t>夜のぺヤングやきそば　夜食Ｖｅｒ</t>
  </si>
  <si>
    <t>ぺヨング　激辛やきそば</t>
  </si>
  <si>
    <t>ぺヨング　やきそば　油そば風</t>
  </si>
  <si>
    <t>超大盛やきそばハーフ＆ハーフもっともっと激辛×辛さゼロ</t>
  </si>
  <si>
    <t>ピリ辛野菜炒め風やきそば</t>
  </si>
  <si>
    <t>ピーヤング　タイ風春雨パッタイ味</t>
  </si>
  <si>
    <t>炒飯風やきそば</t>
  </si>
  <si>
    <t>ピーヤング　韓国風チャプチェ</t>
  </si>
  <si>
    <t>回鍋肉風やきそば</t>
  </si>
  <si>
    <t>鮭とポテトのチーズ味やきそば</t>
  </si>
  <si>
    <t>イカしたやきそば</t>
  </si>
  <si>
    <t>激辛焼きそばEND</t>
  </si>
  <si>
    <t>海老焼きそば</t>
  </si>
  <si>
    <t>ペヤング　たらこやきそば　１１５ｇ</t>
  </si>
  <si>
    <t>ペヤング　北海道ジンギスカン風やきそば　１２２ｇ</t>
  </si>
  <si>
    <t>ギョウザじゃんやきそば</t>
  </si>
  <si>
    <t>ペヤング　たぬきやきそば　カップ　１２０ｇ</t>
  </si>
  <si>
    <t>ペヤング　きつねやきそば　カップ　１１５ｇ</t>
  </si>
  <si>
    <t>ペヤング　カレー南蛮やきそば　カップ　１１３ｇ</t>
  </si>
  <si>
    <t>ペヤング　ネギ塩ガーリック風味やきそば　１１１ｇ</t>
  </si>
  <si>
    <t>ペヤング　ネギ味噌七味風味やきそば　１１８ｇ</t>
  </si>
  <si>
    <t>ペヤングやきそば　魚介MAXラー油</t>
  </si>
  <si>
    <t>ペヤングやきそば　チーズMAX</t>
  </si>
  <si>
    <t>ぺヤング　牛脂ＭＡＸやきそば　</t>
  </si>
  <si>
    <t>ｲｶｽﾐやきそば</t>
  </si>
  <si>
    <t>ヨシモリ_超ボンビーやきそば</t>
  </si>
  <si>
    <t>獄激辛やきそば</t>
  </si>
  <si>
    <t>獄激辛やきそばケース</t>
  </si>
  <si>
    <t>119g×18P</t>
  </si>
  <si>
    <t>ペヤングソースやきそば具材アップ</t>
  </si>
  <si>
    <t>ペヤング豚脂MAXやきそば</t>
  </si>
  <si>
    <t>ペヤング塩ねぎ豚やきそば</t>
  </si>
  <si>
    <t>ペヨングやきそば塩</t>
  </si>
  <si>
    <t>アップルパイテイストやきそば</t>
  </si>
  <si>
    <t>ペヤングソースやきそばマシマシキャベツ</t>
  </si>
  <si>
    <t>辛口チゲ風やきそば</t>
  </si>
  <si>
    <t>酢コショウやきそば</t>
  </si>
  <si>
    <t>ポテトやきそば</t>
  </si>
  <si>
    <t>ペヤングモノホントンコツMAXやきそば</t>
  </si>
  <si>
    <t>ペヤング獄激辛カレー焼きそば</t>
  </si>
  <si>
    <t>ペヤングこってりラー油ガーリック焼そば</t>
  </si>
  <si>
    <t>ペヤングペヨちゃんやきそば</t>
  </si>
  <si>
    <t>ペヤング辛口ホルモンネギやきそば</t>
  </si>
  <si>
    <t>ペヤングベジタブルワールドやきそば</t>
  </si>
  <si>
    <t>ペヤングなんちゃって蕎麦風</t>
  </si>
  <si>
    <t>ペヤングピリ辛高菜明太子味やきそば</t>
  </si>
  <si>
    <t>獄激辛担々やきそば</t>
  </si>
  <si>
    <t>ねぎ塩マヨやきそば</t>
  </si>
  <si>
    <t>ねぎラー油やきそば</t>
  </si>
  <si>
    <t>ナポリタン風やきそば</t>
  </si>
  <si>
    <t>カルボナーラ風やきそば</t>
  </si>
  <si>
    <t>ペペロンチーノ風やきそば</t>
  </si>
  <si>
    <t>青のりパンチやきそば</t>
  </si>
  <si>
    <t>塩昆布やきそば</t>
  </si>
  <si>
    <t>獄激辛にんにくやきそば</t>
  </si>
  <si>
    <t>にんにく納豆やきそば</t>
  </si>
  <si>
    <t>ペヤングにんにく納豆やきそばケース</t>
  </si>
  <si>
    <t>119g×18</t>
  </si>
  <si>
    <t>ペヤング韓国味なんちゃって蕎麦風</t>
  </si>
  <si>
    <t>獄激辛麻婆やきそば</t>
  </si>
  <si>
    <t>獄激辛麻婆やきそばケース</t>
  </si>
  <si>
    <t>114g×18P</t>
  </si>
  <si>
    <t>たっぷりメンマやきそば</t>
  </si>
  <si>
    <t>マヨ酸辣やきそば</t>
  </si>
  <si>
    <t>オムそば風やきそば</t>
  </si>
  <si>
    <t>きのこMAXやきそば</t>
  </si>
  <si>
    <t>幸楽苑味噌野菜タン麺焼そば</t>
  </si>
  <si>
    <t>ボンゴレ風やきそば</t>
  </si>
  <si>
    <t>ボンゴレ風やきそば超大盛</t>
  </si>
  <si>
    <t>オニオンマヨツナやきそば</t>
  </si>
  <si>
    <t>ホルモン焼風味噌仕立焼そば</t>
  </si>
  <si>
    <t>明太シーフード唐辛子マヨやきそば</t>
  </si>
  <si>
    <t>イカスミマヨやきそば</t>
  </si>
  <si>
    <t>ペヤングイカスミマヨやきそばケース</t>
  </si>
  <si>
    <t>126g×18</t>
  </si>
  <si>
    <t>ペヤング獄激辛やきそばFinalケース</t>
  </si>
  <si>
    <t>たこめし風やきそば</t>
  </si>
  <si>
    <t>ペヤングたこめし風やきそばケース</t>
  </si>
  <si>
    <t>120g×18</t>
  </si>
  <si>
    <t>わさび醤油味やきそば</t>
  </si>
  <si>
    <t>ペヤングわさび醤油味やきそばケース</t>
  </si>
  <si>
    <t>115g×18</t>
  </si>
  <si>
    <t>九州豚骨やきそば</t>
  </si>
  <si>
    <t>ペヤング九州豚骨やきそばケース</t>
  </si>
  <si>
    <t>121g×18</t>
  </si>
  <si>
    <t>にんにく明太子味やきそば</t>
  </si>
  <si>
    <t>ペヤングにんにく明太子味やきそばケース</t>
  </si>
  <si>
    <t>117g×18</t>
  </si>
  <si>
    <t>野菜MIXやきそば</t>
  </si>
  <si>
    <t>ペヤング野菜MIXやきそばケース</t>
  </si>
  <si>
    <t>蕎麦風わさび味</t>
  </si>
  <si>
    <t>ペヤング蕎麦風わさび味ケース</t>
  </si>
  <si>
    <t>111g×18</t>
  </si>
  <si>
    <t>にんにく味噌やきそば</t>
  </si>
  <si>
    <t>にんにく味噌やきそばケース</t>
  </si>
  <si>
    <t>121g×18P</t>
  </si>
  <si>
    <t>バター醤油味やきそば</t>
  </si>
  <si>
    <t>ペヤングバター醤油味やきそばケース</t>
  </si>
  <si>
    <t>114g×18</t>
  </si>
  <si>
    <t>ペヨングイカスミやきそばケース</t>
  </si>
  <si>
    <t>103g×18P</t>
  </si>
  <si>
    <t>ペヨングカレーやきそばケース</t>
  </si>
  <si>
    <t>ジャーマンポテト風やきそば</t>
  </si>
  <si>
    <t>ペヤングジャーマンポテト風やきそばケース</t>
  </si>
  <si>
    <t>きんぴら風やきそば</t>
  </si>
  <si>
    <t>ペヤングきんぴら風やきそばケース</t>
  </si>
  <si>
    <t>オリーブオイル塩やきそば</t>
  </si>
  <si>
    <t>ペヤングオリーブオイル塩やきそばケース</t>
  </si>
  <si>
    <t>ペヤングガーリックマヨネーズやきそば</t>
  </si>
  <si>
    <t>ペヤングガーリックマヨネーズやきそばケース</t>
  </si>
  <si>
    <t>129g×18</t>
  </si>
  <si>
    <t>ペヤング山菜蕎麦風</t>
  </si>
  <si>
    <t>ペヤング山菜蕎麦風ケース</t>
  </si>
  <si>
    <t>ペヤング旨辛味にんにくやきそば</t>
  </si>
  <si>
    <t>ペヤング旨辛味にんにくやきそばケース</t>
  </si>
  <si>
    <t>ペヨング豚骨やきそばケース</t>
  </si>
  <si>
    <t>100g×18</t>
  </si>
  <si>
    <t>ペヨング塩やきそばケース</t>
  </si>
  <si>
    <t>ペヤングきのこ蕎麦風</t>
  </si>
  <si>
    <t>ペヤングきのこ蕎麦風ケース</t>
  </si>
  <si>
    <t>ペヤング豚バラ入り旨い辛さの油そば</t>
  </si>
  <si>
    <t>ペヤング九州もつ鍋風やきそば</t>
  </si>
  <si>
    <t>ペヤング九州もつ鍋風やきそばケース</t>
  </si>
  <si>
    <t>ペヤング味の大関やきそばケース</t>
  </si>
  <si>
    <t>ペヤング豚バラ塩やきそば</t>
  </si>
  <si>
    <t>ペヤング豚バラ塩やきそばケース</t>
  </si>
  <si>
    <t>116g×18</t>
  </si>
  <si>
    <t>オムそば風焼そばマヨ</t>
  </si>
  <si>
    <t>からしマヨ黒胡椒やきそば魔王</t>
  </si>
  <si>
    <t>ペヤングガーリックシュリンプ味やきそば</t>
  </si>
  <si>
    <t>ペヤングガーリックシュリンプ味やきそばケース</t>
  </si>
  <si>
    <t>118g×18×2</t>
  </si>
  <si>
    <t>ペヤングたっぷりわかめやきそばカップ</t>
  </si>
  <si>
    <t>ペヤングたっぷりわかめやきそばケース</t>
  </si>
  <si>
    <t>118g×18</t>
  </si>
  <si>
    <t>ペヤングたらこやきそば</t>
  </si>
  <si>
    <t>ペヤングたらこやきそばケース</t>
  </si>
  <si>
    <t>111g×18×2</t>
  </si>
  <si>
    <t>ペヨングやき蕎麦風</t>
  </si>
  <si>
    <t>ペヨングやきうどん</t>
  </si>
  <si>
    <t>ペヤング豚骨魚介やきそば</t>
  </si>
  <si>
    <t>ペヤング豚骨魚介やきそばケース</t>
  </si>
  <si>
    <t>119g×18×2</t>
  </si>
  <si>
    <t>ペヤング黒豚骨やきそば</t>
  </si>
  <si>
    <t>ペヤング黒豚骨やきそばケース</t>
  </si>
  <si>
    <t>ペヤング速汗獄激辛やきそば一味プラス</t>
  </si>
  <si>
    <t>ペヤング速汗獄激辛やきそば一味プラスケース</t>
  </si>
  <si>
    <t>117g×18×2</t>
  </si>
  <si>
    <t>ペヤングトムヤムクン風やきそば</t>
  </si>
  <si>
    <t>ペヤングトムヤムクン風やきそばケース</t>
  </si>
  <si>
    <t>115g×18×2</t>
  </si>
  <si>
    <t>ペヤングイカトパスやきそば</t>
  </si>
  <si>
    <t>ペヤング炎のネギ辛やきそば</t>
  </si>
  <si>
    <t>ペヤング炎のネギ辛やきそばケース</t>
  </si>
  <si>
    <t>ペヤング青森煮干し焼きそば</t>
  </si>
  <si>
    <t>ペヤング麻婆やきそば</t>
  </si>
  <si>
    <t>ペヤング麻婆やきそばケース</t>
  </si>
  <si>
    <t>ペヤングアッラナポレターナやきそば</t>
  </si>
  <si>
    <t>ペヤングアッラナポレターナやきそばケース</t>
  </si>
  <si>
    <t>ペヤング中華あんかけ風やきそば</t>
  </si>
  <si>
    <t>ペヤング中華あんかけ風やきそばケース</t>
  </si>
  <si>
    <t>136g×18</t>
  </si>
  <si>
    <t>ペヤングキクラゲとたまごのやきそば</t>
  </si>
  <si>
    <t>ペヤングキクラゲとたまごのやきそばケース</t>
  </si>
  <si>
    <t>ペヤング帰ってきた豚骨醤油やきそば</t>
  </si>
  <si>
    <t>ペヤング帰ってきた豚骨醤油やきそばケース</t>
  </si>
  <si>
    <t>ペヤング煮干し油そば</t>
  </si>
  <si>
    <t>ペヤング煮干し油そばケース</t>
  </si>
  <si>
    <t>ペヤングソースやきそばレターパッケージ</t>
  </si>
  <si>
    <t>ペヤングカタ極細麺豚骨やきそば</t>
  </si>
  <si>
    <t>鶏白湯やきそば</t>
  </si>
  <si>
    <t>パクチーMAXやきそば</t>
  </si>
  <si>
    <t>ボロネーゼ風やきそば</t>
  </si>
  <si>
    <t>沖縄石垣島ユーグレナ塩やきそば</t>
  </si>
  <si>
    <t>胡麻担たかちゃんやきそば</t>
  </si>
  <si>
    <t>ペヤング超大盛やきそばハーフ＆ハーフカレー</t>
  </si>
  <si>
    <t>ペヤング超大盛やきそばハーフ＆ハーフイカスミ</t>
  </si>
  <si>
    <t>ペヤング肉海鮮やきそば</t>
  </si>
  <si>
    <t>ペヤング塩やきそば</t>
  </si>
  <si>
    <t>ペヤングスパイスカレーやきそば</t>
  </si>
  <si>
    <t>ペヤングスパイシーやきそば</t>
  </si>
  <si>
    <t>ペヤング海鮮ヌードル</t>
  </si>
  <si>
    <t>ペヤングいかにんじん味やきそば</t>
  </si>
  <si>
    <t>ペヤング海鮮カレーやきそば</t>
  </si>
  <si>
    <t>ペヤングスパイシーカレーヌードル</t>
  </si>
  <si>
    <t>ペヤング豚キムチ味やきそば</t>
  </si>
  <si>
    <t>ペヤング中華五目やきそば</t>
  </si>
  <si>
    <t>ペヤングサムギョプサル風やきそば</t>
  </si>
  <si>
    <t>ペヤングガーリックMAXやきそば</t>
  </si>
  <si>
    <t>ペヤング超大盛やきそばハーフ＆ハーフ沖縄そば風＆台湾まぜそば風</t>
  </si>
  <si>
    <t>ペヤングミステリーやきそば</t>
  </si>
  <si>
    <t>127g×18</t>
  </si>
  <si>
    <t>ペヤングマヨネーズやきそば</t>
  </si>
  <si>
    <t>ペヤング肉やきそば</t>
  </si>
  <si>
    <t>ペヤングシーザーサラダ風やきそば</t>
  </si>
  <si>
    <t>ペヤングシーザーサラダ風やきそばケース</t>
  </si>
  <si>
    <t>125g×18</t>
  </si>
  <si>
    <t>ペヤング食物繊維たっぷりソースやきそば</t>
  </si>
  <si>
    <t>ペヤング食物繊維たっぷりソースやきそばケース</t>
  </si>
  <si>
    <t>ペヤング贅沢やきそば海鮮ゆず胡椒</t>
  </si>
  <si>
    <t>ペヤング贅沢やきそば海鮮ゆず胡椒ケース</t>
  </si>
  <si>
    <t>ペヤング超超超超超超大盛やきそばペタマックスにんにくMAX</t>
  </si>
  <si>
    <t>844g×4</t>
  </si>
  <si>
    <t>ペヤング一贅沢やきそば蟹トマト味</t>
  </si>
  <si>
    <t>ペヤングソースやきそば50周年数量限定品</t>
  </si>
  <si>
    <t>ペヤング塩もやしタンメン風やきそば</t>
  </si>
  <si>
    <t>ペヤング幻のコショウ味やきそば</t>
  </si>
  <si>
    <t>ペヤング海老つけ麺味やきそば</t>
  </si>
  <si>
    <t>ペヤング酸辣湯風やきそば</t>
  </si>
  <si>
    <t>ペヤング明太とんこつ味やきそば</t>
  </si>
  <si>
    <t>ペヤング明太とんこつ味やきそばケース</t>
  </si>
  <si>
    <t>112g×18</t>
  </si>
  <si>
    <t>ペヤング超大盛やきそばしょうゆラーメン風＆ギョウザ風</t>
  </si>
  <si>
    <t>230g×12</t>
  </si>
  <si>
    <t>ペヤング超大盛やきそばハーフ＆ハーフ醤油ラーメン風＆ギョウザ風</t>
  </si>
  <si>
    <t>ペヤングスパイシーカレー七味ガラムマサラやきそば</t>
  </si>
  <si>
    <t>ペヤング超大盛たらこやきそば</t>
  </si>
  <si>
    <t>ペヤング超大盛たらこやきそばケース</t>
  </si>
  <si>
    <t>225g×12</t>
  </si>
  <si>
    <t>ペヤングソースやきそば岩井の胡麻油付き</t>
  </si>
  <si>
    <t>ペヤングソースやきそば岩井の胡麻油付きケース</t>
  </si>
  <si>
    <t>128g×18</t>
  </si>
  <si>
    <t>ペヤングソースやきそば50周年第2弾</t>
  </si>
  <si>
    <t>ペヤングソースやきそば50周年第2弾ケース</t>
  </si>
  <si>
    <t>182g×12</t>
  </si>
  <si>
    <t>ペヤング駒ヶ根ソースかつ丼風やきそば</t>
  </si>
  <si>
    <t>ペヤングチリチリエビチリ風やきそば</t>
  </si>
  <si>
    <t>ペヤングチリチリエビチリ風やきそばケース</t>
  </si>
  <si>
    <t>ペヤング博多豚骨辛味噌やきそば</t>
  </si>
  <si>
    <t>ペヤング博多豚骨辛味噌やきそばケース</t>
  </si>
  <si>
    <t>東京浅草ソース焼そば</t>
  </si>
  <si>
    <t>東京浅草ソース焼きそば</t>
  </si>
  <si>
    <t>スープデパスタカルボナーラ</t>
  </si>
  <si>
    <t>大阪なにわの焼そば</t>
  </si>
  <si>
    <t>東京油そば</t>
  </si>
  <si>
    <t>なにわ串かつｿｰｽ焼そば</t>
  </si>
  <si>
    <t>ニュータッチ東京油そば</t>
  </si>
  <si>
    <t>ニュータッチ宇都宮焼そば</t>
  </si>
  <si>
    <t>大阪ホルモンたれ焼そば</t>
  </si>
  <si>
    <t>仙台牛タン風味塩焼そば</t>
  </si>
  <si>
    <t>宇都宮焼そば</t>
  </si>
  <si>
    <t>ビックソース焼きそば</t>
  </si>
  <si>
    <t>ＭＦ_ソース焼きそばカップ</t>
  </si>
  <si>
    <t>ビッグ_塩やきそば</t>
  </si>
  <si>
    <t>大黒軒　ソースやきそば　ケース</t>
  </si>
  <si>
    <t>106g*12</t>
  </si>
  <si>
    <t>NEO金ちゃんしお焼そば</t>
  </si>
  <si>
    <t>カレー味焼きそば</t>
  </si>
  <si>
    <t>お好み焼そば</t>
  </si>
  <si>
    <t>金ちゃんソースいか焼きそば</t>
  </si>
  <si>
    <t>金ちゃんソース焼きそば牛肉入り</t>
  </si>
  <si>
    <t>金ちゃん　焼そば</t>
  </si>
  <si>
    <t>金ちゃん塩焼そば　</t>
  </si>
  <si>
    <t>金ちゃんいか焼そば</t>
  </si>
  <si>
    <t>金ちゃんヌードル焼そば</t>
  </si>
  <si>
    <t>大盛NEO金ちゃん焼そば</t>
  </si>
  <si>
    <t>NEO金ちゃん焼そば復刻版ケース</t>
  </si>
  <si>
    <t>110g×12P</t>
  </si>
  <si>
    <t>金ちゃん焼きそばケース</t>
  </si>
  <si>
    <t>12個入り</t>
  </si>
  <si>
    <t>大盛ネオ金ちゃん焼きそばケース</t>
  </si>
  <si>
    <t>金ちゃんぶっかけうどん</t>
  </si>
  <si>
    <t>金ちゃんぶっかけ明太クリーム</t>
  </si>
  <si>
    <t>金ちゃん焼うどん</t>
  </si>
  <si>
    <t>北斗_カレー焼きそば</t>
  </si>
  <si>
    <t>北斗食品</t>
  </si>
  <si>
    <t>ﾎｸﾄｺﾋﾞｷｱﾝ</t>
  </si>
  <si>
    <t>ガグリBIGCUP</t>
  </si>
  <si>
    <t>ブルダック炒め麺</t>
  </si>
  <si>
    <t>チーズブルダック炒め麺</t>
  </si>
  <si>
    <t>極辛ブルダック炒め麺CUP</t>
  </si>
  <si>
    <t>三養　クリームカルボブルダック炒め麺_BIGCUP</t>
  </si>
  <si>
    <t>ソース焼きそば</t>
  </si>
  <si>
    <t>博多風明太風とんこつ焼きそば</t>
  </si>
  <si>
    <t>エースコック　わかめ油そば　１０４ｇ</t>
  </si>
  <si>
    <t>塩こんぶ使用　塩焼そば</t>
  </si>
  <si>
    <t>塩こんぶ使用　だし醤油焼うどん</t>
  </si>
  <si>
    <t>味覇使用オイスター風中華焼きそば</t>
  </si>
  <si>
    <t>ふじっ子_塩こんぶ使用_だし醤油焼うどん</t>
  </si>
  <si>
    <t>ふじっ子_塩こんぶ使用_塩焼そば</t>
  </si>
  <si>
    <t>一度は食べたい名店の味　つじ田成都式汁なし担々麺</t>
  </si>
  <si>
    <t>EDGE鬼アブラこってり肉だれ風油そば</t>
  </si>
  <si>
    <t>JUNKFULL濃厚チーズ味まぜそば</t>
  </si>
  <si>
    <t>コンビニ限定スーパーカップ大盛りいか焼そば</t>
  </si>
  <si>
    <t>ＥＤＧＥ　鬼マヨペッパーまぜそば</t>
  </si>
  <si>
    <t>三島のあかり使用ピリ辛たらこ味焼そば</t>
  </si>
  <si>
    <t>JANJANまろやかトマト焼そば</t>
  </si>
  <si>
    <t>JANJAN鶏ねぎ塩焼そば</t>
  </si>
  <si>
    <t>JANJANスパイシー焼そば</t>
  </si>
  <si>
    <t>ＪＡＮＪＡＮ塩焼きそば</t>
  </si>
  <si>
    <t>ＪＡＮＪＡＮだし醤油焼そば</t>
  </si>
  <si>
    <t>ＪＡＮＪＡＮ鶏しおやきそばレモン風</t>
  </si>
  <si>
    <t>お好み焼風焼そば</t>
  </si>
  <si>
    <t>塩カルビ味焼そば</t>
  </si>
  <si>
    <t>塩らーめん焼きそば</t>
  </si>
  <si>
    <t>塩らーめん焼きそば青じそ＆ｵﾘｰﾌﾞｵｲﾙ仕上げ</t>
  </si>
  <si>
    <t>サッポロ一番　みそラーメン味　焼そば</t>
  </si>
  <si>
    <t>サッポロ一番　まぜそば　醤油ダレ</t>
  </si>
  <si>
    <t>サッポロ一番　まぜそば　辛味噌ダレ</t>
  </si>
  <si>
    <t>縁日の焼きそば　カップ　東味</t>
  </si>
  <si>
    <t>縁日の焼きそば　カップ　西味</t>
  </si>
  <si>
    <t>焼肉風味　塩らーめん味　焼ラーメン</t>
  </si>
  <si>
    <t>焼肉風味　みそラーメン味　焼ラーメン</t>
  </si>
  <si>
    <t>旅麺浅草ソース焼そば</t>
  </si>
  <si>
    <t>サッポロ一番　醤油味油そば　９５ｇ</t>
  </si>
  <si>
    <t>サッポロ一番　刀削麺風汁なし担々麺　８２ｇ</t>
  </si>
  <si>
    <t>82G</t>
  </si>
  <si>
    <t>オタフク辛口お好みソース焼そば</t>
  </si>
  <si>
    <t>汁なし　四川風麻婆麺</t>
  </si>
  <si>
    <t>汁なし　海老味油そば</t>
  </si>
  <si>
    <t>ネギ塩ダレカルビ味焼そば</t>
  </si>
  <si>
    <t>サッポロ一番　ファイヤーホール4000四川汁なし担担麺</t>
  </si>
  <si>
    <t>サッポロ一番　旅麺広島　汁なし担担麺　７１ｇ</t>
  </si>
  <si>
    <t>ギロチン監修　激辛焼そば　１３０ｇ</t>
  </si>
  <si>
    <t>レモスコ味塩焼そば　99g</t>
  </si>
  <si>
    <t>99G</t>
  </si>
  <si>
    <t>サッポロ一番　塩カルビ焼きそば　Ｗワサビ</t>
  </si>
  <si>
    <t>キング軒　広島式汁なし担担麺</t>
  </si>
  <si>
    <t>サッポロ一番　オタフク焼そばソース味　関西風焼そば</t>
  </si>
  <si>
    <t>かねふく明太子焼きそば</t>
  </si>
  <si>
    <t>オタフクお好みソース味焼そば焼き牡蠣風味</t>
  </si>
  <si>
    <t>瀬戸内レモン農園レモスコ塩焼そば</t>
  </si>
  <si>
    <t>フンドーキン青柚子こしょう塩焼きそば</t>
  </si>
  <si>
    <t>サッポロ一番　カップ　アラビヤン焼そば</t>
  </si>
  <si>
    <t>サッポロ一番塩らーめん焼そばレッドキングのレッドホット味</t>
  </si>
  <si>
    <t>ソースやきそばブラックキングブラックスパイシー</t>
  </si>
  <si>
    <t>塩カルビ味焼そばフンドーキン青柚子こしょう</t>
  </si>
  <si>
    <t>イチビキ監修　献立いろいろみそ味まぜそば</t>
  </si>
  <si>
    <t>めんべい味辛子めんたい風味焼そば</t>
  </si>
  <si>
    <t>オタフクお好みソース味焼そば復刻版ソース味</t>
  </si>
  <si>
    <t>サッポロ一番オタフク焼そばソース味焼そば</t>
  </si>
  <si>
    <t>焼そば名人ソース焼そば</t>
  </si>
  <si>
    <t>やきそば名人ソースやきそば</t>
  </si>
  <si>
    <t>濃いやきそば弁当</t>
  </si>
  <si>
    <t>焼そば名人_塩焼そば</t>
  </si>
  <si>
    <t>やきそば名人塩焼そば</t>
  </si>
  <si>
    <t>ごつ盛りソース焼そば</t>
  </si>
  <si>
    <t>ごつ盛りソース焼そばケース</t>
  </si>
  <si>
    <t>171g×12P</t>
  </si>
  <si>
    <t>俺の塩とんこつ塩</t>
  </si>
  <si>
    <t>あんかけ風で願掛け焼そば</t>
  </si>
  <si>
    <t>昔ながらのソース焼きそば</t>
  </si>
  <si>
    <t>昔ながらの焼うどん焦がし醤油</t>
  </si>
  <si>
    <t>スゴブト焼そば大盛</t>
  </si>
  <si>
    <t>受験生やきそば勉当</t>
  </si>
  <si>
    <t>富士宮やきそばカップ</t>
  </si>
  <si>
    <t>がんばれ受験生　塩焼そば</t>
  </si>
  <si>
    <t>焼そばバゴォーン濃厚甘口</t>
  </si>
  <si>
    <t>やきそば弁当　中華風醤油味</t>
  </si>
  <si>
    <t>俺の塩明太子味</t>
  </si>
  <si>
    <t>昔ながらのソース焼そば下町ウスターソース味</t>
  </si>
  <si>
    <t>焼そばバゴォーン_海鮮うま塩味</t>
  </si>
  <si>
    <t>昔ながらの焼うどんしょうゆ</t>
  </si>
  <si>
    <t>ごつ盛り塩焼そば</t>
  </si>
  <si>
    <t>ごつ盛り　塩焼そば【箱】</t>
  </si>
  <si>
    <t>158ｇ×12</t>
  </si>
  <si>
    <t>焼そばバゴォーン　えび塩味</t>
  </si>
  <si>
    <t>ごつ盛り塩焼そばケース</t>
  </si>
  <si>
    <t>156g×12P</t>
  </si>
  <si>
    <t>焼そば名人塩分オフソース焼そば</t>
  </si>
  <si>
    <t>112ｇ</t>
  </si>
  <si>
    <t>焼そばバゴォーン　辛口</t>
  </si>
  <si>
    <t>黒い豚カレー焼そば</t>
  </si>
  <si>
    <t>がんばれ受験生俺の塩鶏しお</t>
  </si>
  <si>
    <t>106ｇ</t>
  </si>
  <si>
    <t>１０７ｇ</t>
  </si>
  <si>
    <t>やきそば弁当　激辛</t>
  </si>
  <si>
    <t>焼そばバゴォーン　甘口ソース</t>
  </si>
  <si>
    <t>１２１ｇ</t>
  </si>
  <si>
    <t>やみつき旨辛ブラック焼そば</t>
  </si>
  <si>
    <t>やみつき旨辛ちゃんぽん焼そば</t>
  </si>
  <si>
    <t>東洋水産　黒い豚カレー【焼そば】</t>
  </si>
  <si>
    <t>ごつ盛り　ごつ辛焼そば</t>
  </si>
  <si>
    <t>149G</t>
  </si>
  <si>
    <t>俺の塩柚香る和風だし</t>
  </si>
  <si>
    <t>113ｇ</t>
  </si>
  <si>
    <t>俺の塩トリュフ香る塩焼そば　</t>
  </si>
  <si>
    <t>俺の塩　たらこ味ラー油仕立て　大盛</t>
  </si>
  <si>
    <t>マルちゃん　やみつき旨辛辛赤台湾まぜそば_108g</t>
  </si>
  <si>
    <t>富山ブラック風焼そば</t>
  </si>
  <si>
    <t>黄色い博多焼ラーメン</t>
  </si>
  <si>
    <t>C黒い豚カレー焼そば</t>
  </si>
  <si>
    <t>Ｃごつ盛り塩焼そばＨＯＴ</t>
  </si>
  <si>
    <t>マルちゃん　亀田の柿の種味焼そば</t>
  </si>
  <si>
    <t>マルちゃん　亀田の柿の種わさび味焼そば</t>
  </si>
  <si>
    <t>マルちゃん　でかまるいきなり焼そば</t>
  </si>
  <si>
    <t>169G</t>
  </si>
  <si>
    <t>ごつ盛り盛りソース焼きそば</t>
  </si>
  <si>
    <t>やみつき旨辛辛赤東京系油そば旨辛MIX</t>
  </si>
  <si>
    <t>やみつき旨辛辛黒富山ブラック風焼そば</t>
  </si>
  <si>
    <t>ごつ盛り油そば</t>
  </si>
  <si>
    <t>ごつ盛り油そばケース</t>
  </si>
  <si>
    <t>やみつき旨辛辛赤東京油そば</t>
  </si>
  <si>
    <t>あの街この街群馬編上州太田焼そば</t>
  </si>
  <si>
    <t>あの街この街福岡編博多系焼ラーメン</t>
  </si>
  <si>
    <t>俺の塩スタミナにんにく塩焼そば</t>
  </si>
  <si>
    <t>辛黒富山ブラック風焼そば</t>
  </si>
  <si>
    <t>辛赤宮崎辛麺風焼そば</t>
  </si>
  <si>
    <t>ハッピーターン味焼そば</t>
  </si>
  <si>
    <t>亀田のカレーせん味焼そば</t>
  </si>
  <si>
    <t>俺のにんにく味やきそば</t>
  </si>
  <si>
    <t>153G</t>
  </si>
  <si>
    <t>麺之助ソース焼そば</t>
  </si>
  <si>
    <t>116g×12</t>
  </si>
  <si>
    <t>昔ながらの焼うどん_醤油味</t>
  </si>
  <si>
    <t>焼そばカップ</t>
  </si>
  <si>
    <t>ソ－ス焼そばからしマヨネ－ズ</t>
  </si>
  <si>
    <t>でかやき大盛　ソース焼そばからしマヨネーズ付き</t>
  </si>
  <si>
    <t>日清焼すぱ　下町ナポリタン</t>
  </si>
  <si>
    <t>ソース焼そば　からしマヨネーズ</t>
  </si>
  <si>
    <t>でかやき大盛　コク塩焼そば</t>
  </si>
  <si>
    <t>デカヤキ焼そばからしマヨネーズ付</t>
  </si>
  <si>
    <t>デカヤキ　ガリマヨ焼そばソース味</t>
  </si>
  <si>
    <t>デカヤキ　まろやかソース焼そば</t>
  </si>
  <si>
    <t>ソース焼そばカップチキンスープ付き</t>
  </si>
  <si>
    <t>焼すぱ　チーズと黒胡椒</t>
  </si>
  <si>
    <t>焼すぱ　バターしょうゆ味</t>
  </si>
  <si>
    <t>焼すぱ下町ナポリタン</t>
  </si>
  <si>
    <t>デカうまＷソース焼そば</t>
  </si>
  <si>
    <t>焼すぱ下町ぺぺろんちの</t>
  </si>
  <si>
    <t>日清　焼すぱ下町にんにくバター味　９９ｇ</t>
  </si>
  <si>
    <t>日清焼スパナポリタン111ｇ</t>
  </si>
  <si>
    <t>焼すぱ　下町にんにくバター味</t>
  </si>
  <si>
    <t>日清　日清焼すぱ　バジリコ　９８ｇ</t>
  </si>
  <si>
    <t>チキン油そば鬼滅の刃</t>
  </si>
  <si>
    <t>日清キメツラーメン油そば鬼滅の刃パッケージ</t>
  </si>
  <si>
    <t>どん兵衛まぜうどん</t>
  </si>
  <si>
    <t>AFURI柚子塩和えそば</t>
  </si>
  <si>
    <t>一平ちゃん_焼きそばツナマヨ</t>
  </si>
  <si>
    <t>一平ちゃん夜店の焼そば蒲焼き大盛</t>
  </si>
  <si>
    <t>麺屋こころ監修チーズカレー台湾まぜそば大盛１６６ｇ</t>
  </si>
  <si>
    <t>のりたま焼うどんだし醤油味</t>
  </si>
  <si>
    <t>麺屋こころ監修　台湾まぜそば</t>
  </si>
  <si>
    <t>チャルメラ_油そばカップ</t>
  </si>
  <si>
    <t>チャルメラどんぶり　青森スタミナ源たれ　にんにく醤油まぜそば</t>
  </si>
  <si>
    <t>明星_ぶぶか油そば</t>
  </si>
  <si>
    <t>ぶぶか油そば辛辛辛辛辛こってり</t>
  </si>
  <si>
    <t>チャルメラ　油そば</t>
  </si>
  <si>
    <t>夜店の焼そば明太子味</t>
  </si>
  <si>
    <t>明星　一平ちゃん夜店の焼そば　大辛</t>
  </si>
  <si>
    <t>一平ちゃん夜店の焼そば　蒲焼のたれ味</t>
  </si>
  <si>
    <t>一平ちゃん夜店の焼そば　フライドチキン味</t>
  </si>
  <si>
    <t>一平ちゃん夜店の焼そば　わさびマヨ　醤油味</t>
  </si>
  <si>
    <t>評判屋_ソース塩焼きそば</t>
  </si>
  <si>
    <t>評判屋のソース焼きそば</t>
  </si>
  <si>
    <t>評判屋のソース焼そば</t>
  </si>
  <si>
    <t>評判屋の塩焼そば</t>
  </si>
  <si>
    <t>評判屋ソース焼きそば</t>
  </si>
  <si>
    <t>評判屋塩焼きそば</t>
  </si>
  <si>
    <t>一平ちゃん夜店の焼そば　わさびマヨ醤油</t>
  </si>
  <si>
    <t>一平ちゃん夜店の焼そば　梅かつお味</t>
  </si>
  <si>
    <t>一平ちゃん夜店の焼そばすだちポン酢醤油</t>
  </si>
  <si>
    <t>一平ちゃん夜店の焼そば　どカラムーチョ</t>
  </si>
  <si>
    <t>一平ちゃん夜店の焼そば　どすっぱムーチョ</t>
  </si>
  <si>
    <t>一平ちゃん夜店の焼そばポテマヨしお味</t>
  </si>
  <si>
    <t>一平ちゃん夜店の焼そば　大盛濃濃濃スコーンがっつきバーベキュー味</t>
  </si>
  <si>
    <t>一平ちゃん夜店の焼そば　わさびマヨ醤油味　１１６ｇ</t>
  </si>
  <si>
    <t>一平ちゃん夜店の焼そばてりマヨ</t>
  </si>
  <si>
    <t>明星食品　みかさ監修　ソース焼そば　169ｇ</t>
  </si>
  <si>
    <t>１６９ｇ</t>
  </si>
  <si>
    <t>極みのチャルメラ　バリカタませそば</t>
  </si>
  <si>
    <t>チャルメラ_福岡ゆずすこ_鶏しおまぜそば</t>
  </si>
  <si>
    <t>ロカボNOODLES野菜たっぷりソース焼そば120</t>
  </si>
  <si>
    <t>チャルメラ東京油そば</t>
  </si>
  <si>
    <t>チャルメラ源たれ醤油まぜそば</t>
  </si>
  <si>
    <t>一平ちゃん夜店の焼そば豚旨とんこつ味</t>
  </si>
  <si>
    <t>一平ちゃん夜店の焼そば海老塩味</t>
  </si>
  <si>
    <t>チャルメラ源たれにんにく醤油まぜそば</t>
  </si>
  <si>
    <t>焼きそばでっせ</t>
  </si>
  <si>
    <t>ペヤング激辛焼きそば</t>
  </si>
  <si>
    <t>ぺヤング　和風焼き蕎麦</t>
  </si>
  <si>
    <t>豚の生姜焼き風ヤキソバ</t>
  </si>
  <si>
    <t>やきそばナポリやん</t>
  </si>
  <si>
    <t>新和風焼きそば</t>
  </si>
  <si>
    <t>もんじゃ風やきそば</t>
  </si>
  <si>
    <t>ﾍﾟﾖﾝｸﾞ_焼そばｷﾑﾁ味</t>
  </si>
  <si>
    <t>ペヤング　ペペロンチーノ風やきそば</t>
  </si>
  <si>
    <t>ペヤング　カレーやきそば　プラス納豆　１２０ｇ</t>
  </si>
  <si>
    <t>塩ガーリックやきそば</t>
  </si>
  <si>
    <t>ペヤング_たこやき風やきそば</t>
  </si>
  <si>
    <t>豚骨醤油やきそば</t>
  </si>
  <si>
    <t>すっぱからMAXやきそば</t>
  </si>
  <si>
    <t>ペヤング　中華風やきそば</t>
  </si>
  <si>
    <t>ペヤング_スカルプＤやきそば</t>
  </si>
  <si>
    <t>ペヤング　ホルモン入りやきそば</t>
  </si>
  <si>
    <t>ペヤング　かきあげ味やきそば　１１５ｇ</t>
  </si>
  <si>
    <t>ピーヤング　激辛春雨ＥＮＤ</t>
  </si>
  <si>
    <t>青しそ焼きそば</t>
  </si>
  <si>
    <t>ペヤング　沖縄ゴーヤＭＡＸやきそば　１１５ｇ</t>
  </si>
  <si>
    <t>ペヤング黒ゴマMAXやきそば</t>
  </si>
  <si>
    <t>ペヨングイカスミやきそば</t>
  </si>
  <si>
    <t>ペヨングカレーやきそば</t>
  </si>
  <si>
    <t>ペヤングソースやきそば迷油</t>
  </si>
  <si>
    <t>ペヨング豚骨やきそば</t>
  </si>
  <si>
    <t>ペヨング塩やきそば</t>
  </si>
  <si>
    <t>ペヤング味の大関やきそば</t>
  </si>
  <si>
    <t>122ｇ</t>
  </si>
  <si>
    <t>大盛広島お好み焼きそば</t>
  </si>
  <si>
    <t>洋風麺パスタ風ペペロンチーノ</t>
  </si>
  <si>
    <t>洋風麺パスタ風トマトソース</t>
  </si>
  <si>
    <t>洋風麺パスタ風たらこ味</t>
  </si>
  <si>
    <t>冷し中華　醤油だれ</t>
  </si>
  <si>
    <t>冷し担々麺</t>
  </si>
  <si>
    <t>冷し中華　ごまだれ</t>
  </si>
  <si>
    <t>うま辛麻辣まぜそば_100g</t>
  </si>
  <si>
    <t>ビック大盛ソースやきそば</t>
  </si>
  <si>
    <t>大黒軒　ソースやきそば</t>
  </si>
  <si>
    <t>ビック　ソースやきそば　からしマヨネーズ付き</t>
  </si>
  <si>
    <t>１２７ｇ</t>
  </si>
  <si>
    <t>大黒軒ソースやきそば</t>
  </si>
  <si>
    <t>ビックソースやきそば</t>
  </si>
  <si>
    <t>マイフレンドビックソースやきそば</t>
  </si>
  <si>
    <t>まる得_ソースやきそば</t>
  </si>
  <si>
    <t>金ちゃん焼きそば復刻版</t>
  </si>
  <si>
    <t>NEO金ちゃん焼そば復刻版</t>
  </si>
  <si>
    <t>焼そば屋ソース味</t>
  </si>
  <si>
    <t>金ちゃん焼きそば</t>
  </si>
  <si>
    <t>金ちゃん　焼うどん</t>
  </si>
  <si>
    <t>カップ焼きそば</t>
  </si>
  <si>
    <t>ソース焼そばケース</t>
  </si>
  <si>
    <t>129g×12</t>
  </si>
  <si>
    <t>至福の偏愛グルメメンマ汁なし麺</t>
  </si>
  <si>
    <t>ペヤング超大盛伊勢崎焼うどん</t>
  </si>
  <si>
    <t>インドカレー屋さんの謎ドレッシング味まぜそば</t>
  </si>
  <si>
    <t>無限わかめまぜそば</t>
  </si>
  <si>
    <t>歌志軒監修カップ油そば</t>
  </si>
  <si>
    <t>サッポロ一番カップ担々風まぜそば</t>
  </si>
  <si>
    <t>サッポロ一番カップねぎ油そば</t>
  </si>
  <si>
    <t>汁なしラー油うどん</t>
  </si>
  <si>
    <t>日清の汁なしどん兵衛青唐揚げ玉うどん</t>
  </si>
  <si>
    <t>カップ･マルタイ焼きちゃんぽん</t>
  </si>
  <si>
    <t>ドラえもんなつかしの黄色いカレーヌードル</t>
  </si>
  <si>
    <t>チャルメラ汁なしちゃんぽん</t>
  </si>
  <si>
    <t>ペヤング超大盛伊勢崎焼うどんケース</t>
  </si>
  <si>
    <t>ドシラクラーメン</t>
  </si>
  <si>
    <t>日清焼スパナポリタン107ｇ</t>
  </si>
  <si>
    <t>チャルメラ汁なし宮崎辛麺</t>
  </si>
  <si>
    <t>どんぶり型</t>
  </si>
  <si>
    <t>凄麺和歌山中華そば</t>
  </si>
  <si>
    <t>ヤクルト本社</t>
  </si>
  <si>
    <t>ジャンジャン麺</t>
  </si>
  <si>
    <t>焼あごだし醤油ラーメン</t>
  </si>
  <si>
    <t>銀座香味徳鳥取ゴールド牛骨ラーメンケース</t>
  </si>
  <si>
    <t>一蘭とんこつ</t>
  </si>
  <si>
    <t>一蘭とんこつ炎</t>
  </si>
  <si>
    <t>統一超商東京マーケティング</t>
  </si>
  <si>
    <t>ﾏﾝｶﾝﾀｲｻﾝ</t>
  </si>
  <si>
    <t>珍味牛肉麺（辛口）</t>
  </si>
  <si>
    <t>博多でみつけた　背脂とんこつラーメン</t>
  </si>
  <si>
    <t>勝浦タンタンメン</t>
  </si>
  <si>
    <t>ロカボデリリンガーハットの長崎ちゃんぽん</t>
  </si>
  <si>
    <t>ロカボデリCoCo壱番屋監修カレーラーメン</t>
  </si>
  <si>
    <t>全国ラーメン店マップ博多元気一杯クリーミー豚骨</t>
  </si>
  <si>
    <t>練り胡麻恵み</t>
  </si>
  <si>
    <t>博多でみつけた背脂とんこつラーメン</t>
  </si>
  <si>
    <t>にんにくまみれ黒マー油豚骨醤油ラーメン</t>
  </si>
  <si>
    <t>八雲の一杯ワンタン麺白醤油</t>
  </si>
  <si>
    <t>スーパーカップ1.5倍スッポンスープ味ラーメン</t>
  </si>
  <si>
    <t>ロカボデリPLUSリンガーハットの長崎ちゃんぽん糖質オフ</t>
  </si>
  <si>
    <t>スーパーカップ1.5倍ビーフの旨みとにんにく感濃厚カレーラーメン</t>
  </si>
  <si>
    <t>千葉勝浦タンタンメン</t>
  </si>
  <si>
    <t>SC炎の豚野菜ラーメン</t>
  </si>
  <si>
    <t>わかめだらけの海藻フェスわかめラーメンしょうゆ</t>
  </si>
  <si>
    <t>ホームラン軒ワンタン麺</t>
  </si>
  <si>
    <t>98g×12P</t>
  </si>
  <si>
    <t>東北の味喜多方醤油ラーメン</t>
  </si>
  <si>
    <t>ホームラン軒鶏ガラ醤油ラーメン</t>
  </si>
  <si>
    <t>94g×12P</t>
  </si>
  <si>
    <t>広東拉麺</t>
  </si>
  <si>
    <t>３３００ｇ</t>
  </si>
  <si>
    <t>広東白湯麺</t>
  </si>
  <si>
    <t>3200g</t>
  </si>
  <si>
    <t>ホームラン軒合わせ味噌ラーメン</t>
  </si>
  <si>
    <t>3700g</t>
  </si>
  <si>
    <t>ホームラン軒野菜タンメン</t>
  </si>
  <si>
    <t>東北ご当地仙台辛味噌ラーメン</t>
  </si>
  <si>
    <t>焦がしネギ塩ラーメン</t>
  </si>
  <si>
    <t>スガキヤ新潟背脂醤油ラーメン</t>
  </si>
  <si>
    <t>カップSugakiyaラーメン</t>
  </si>
  <si>
    <t>さいたま豆腐ラーメン</t>
  </si>
  <si>
    <t>名古屋台湾ラーメン</t>
  </si>
  <si>
    <t>寿がきや　富山ブラックラーメン</t>
  </si>
  <si>
    <t>SUGAKIYAラーメン</t>
  </si>
  <si>
    <t>100×２４</t>
  </si>
  <si>
    <t>カップ台湾ラーメン</t>
  </si>
  <si>
    <t>Sugakiyaラーメン</t>
  </si>
  <si>
    <t>Sugakiyaネギラーメン</t>
  </si>
  <si>
    <t>Sugakiyaラーメンケース</t>
  </si>
  <si>
    <t>Sugakiyaネギラーメンケース</t>
  </si>
  <si>
    <t>102g×12P</t>
  </si>
  <si>
    <t>鳥取ゴールド牛骨ラーメン</t>
  </si>
  <si>
    <t>１０９ｇ</t>
  </si>
  <si>
    <t>麺めぐり富山ブラックラーメン</t>
  </si>
  <si>
    <t>麺めぐり富山ブラックラーメンケース</t>
  </si>
  <si>
    <t>カッパ６４　シーフードらーめん</t>
  </si>
  <si>
    <t>全国麺めぐり　奈良天理ラーメン</t>
  </si>
  <si>
    <t>台湾ラーメンケース</t>
  </si>
  <si>
    <t>97g×12P</t>
  </si>
  <si>
    <t>町田しおらーめん進化</t>
  </si>
  <si>
    <t>鬼そば藤谷監修赤い鬼塩ラーメン</t>
  </si>
  <si>
    <t>らぁ麺紫陽花_醤油らぁ麺</t>
  </si>
  <si>
    <t>辛口　小田原タンタン麺　</t>
  </si>
  <si>
    <t>麺処井の庄監修_辛辛魚らｰめん</t>
  </si>
  <si>
    <t>京都らぁ麺とうひち鶏醤油らぁ麺</t>
  </si>
  <si>
    <t>岐阜タンメン</t>
  </si>
  <si>
    <t>シビレMAX中華そば</t>
  </si>
  <si>
    <t>赤からラーメン赤3番</t>
  </si>
  <si>
    <t>寿がきや　カップ赤からラーメン赤３番（ケース）</t>
  </si>
  <si>
    <t>濃い豚骨ペッパーちゃんぽん</t>
  </si>
  <si>
    <t>麺めぐり天理ラーメン</t>
  </si>
  <si>
    <t>麺めぐり天理ラーメンケース</t>
  </si>
  <si>
    <t>赤からラーメン</t>
  </si>
  <si>
    <t>赤からラーメンケース</t>
  </si>
  <si>
    <t>麺処井の庄辛辛魚らーめん</t>
  </si>
  <si>
    <t>銀座香味徳牛骨担々麺</t>
  </si>
  <si>
    <t>カプサイメン唐辛子卵とじラーメン</t>
  </si>
  <si>
    <t>全国麺めぐり　小田原タンタン麺</t>
  </si>
  <si>
    <t>逸品素材伊勢志摩あおさラーメン貝だし塩味</t>
  </si>
  <si>
    <t>豆天狗監修高山ラーメン</t>
  </si>
  <si>
    <t>郡山ブラックラーメン</t>
  </si>
  <si>
    <t>登里勝えび塩らぁ麺</t>
  </si>
  <si>
    <t>全国麺めぐり笠岡ラーメン</t>
  </si>
  <si>
    <t>寿がきや　逸品素材　富山白えびラーメン</t>
  </si>
  <si>
    <t>煮干香るコク塩ラーメン</t>
  </si>
  <si>
    <t>チキンパイタンラーメン</t>
  </si>
  <si>
    <t>吉祥寺武蔵家家系MAX豚骨醤油ラーメン</t>
  </si>
  <si>
    <t>寿がきやすがわら監修旭川塩らーめん</t>
  </si>
  <si>
    <t>寿がきやますや本店郡山ブラックラーメン</t>
  </si>
  <si>
    <t>寿がきや鯱輪旨辛にんにくラーメン122g</t>
  </si>
  <si>
    <t>麺や大山佐野らーめん</t>
  </si>
  <si>
    <t>麺や絶豚監修デス煮干しラーメン</t>
  </si>
  <si>
    <t>吉祥寺武蔵家家系ブラック</t>
  </si>
  <si>
    <t>大阪ふくちぁん監修ふくちぁんラーメン</t>
  </si>
  <si>
    <t>辛辛魚辛さひかえめ</t>
  </si>
  <si>
    <t>カップSUGAKIYAラーメン</t>
  </si>
  <si>
    <t>カップSUGAKIYAピリ辛ネギラーメン</t>
  </si>
  <si>
    <t>ばりばり軒監修博多ラーメン</t>
  </si>
  <si>
    <t>全国麺めぐり奈良天理ラーメン</t>
  </si>
  <si>
    <t>しおらーめん進化監修青唐辛塩ラーメン</t>
  </si>
  <si>
    <t>全国麺めぐりさかえや本店監修満州にらラーメン</t>
  </si>
  <si>
    <t>銀座香味徳監修鳥取ゴールド赤</t>
  </si>
  <si>
    <t>麺処井の庄監修辛め辛辛魚らーめん</t>
  </si>
  <si>
    <t>MANNISH監修塩生姜らー麺</t>
  </si>
  <si>
    <t>カップ濃い味SUGAKIYAラーメン</t>
  </si>
  <si>
    <t>ｶﾞｷﾔ</t>
  </si>
  <si>
    <t>名店の味純連札幌濃厚みそ</t>
  </si>
  <si>
    <t>名店の味　青葉　東京魚介豚骨醤油　Ｃ</t>
  </si>
  <si>
    <t>名店の味桂花熊本マー油豚骨</t>
  </si>
  <si>
    <t>天下一品京都濃厚鶏白湯</t>
  </si>
  <si>
    <t>名店の味天下一品京都濃厚鶏白湯</t>
  </si>
  <si>
    <t>ホープ軒本舗監修東京背脂豚骨醤油ラーメン</t>
  </si>
  <si>
    <t>天下一品赤んこってり味京都濃厚鶏白湯</t>
  </si>
  <si>
    <t>名店の味杉田家横浜濃厚豚骨醤油大口径</t>
  </si>
  <si>
    <t>焼豚ラーメン麺道はなもこし鶏白湯ラーメン</t>
  </si>
  <si>
    <t>究極の一杯久留米豚骨</t>
  </si>
  <si>
    <t>１１８g</t>
  </si>
  <si>
    <t>石田一龍監修濃厚豚骨ラーメン</t>
  </si>
  <si>
    <t>長浜ナンバーワン監修高菜豚骨ラーメン</t>
  </si>
  <si>
    <t>ちゃんぽん九州の工場でつくっています</t>
  </si>
  <si>
    <t>横綱ラーメン　とんこつしょう油　１２５ｇ</t>
  </si>
  <si>
    <t>匠　芳醇旨味醤油</t>
  </si>
  <si>
    <t>匠　清澄　だし塩</t>
  </si>
  <si>
    <t>匠　芳醇　旨味醤油</t>
  </si>
  <si>
    <t>正麺カップ芳醇こく醤油　ケース</t>
  </si>
  <si>
    <t>マルちゃん正麺カップ_濃厚とろ豚骨　ケース</t>
  </si>
  <si>
    <t>97ｇｘ12</t>
  </si>
  <si>
    <t>マルちゃん正麺カップ_うま辛担担麺</t>
  </si>
  <si>
    <t>正麺　味噌　カップ　ケース</t>
  </si>
  <si>
    <t>121ｇｘ12</t>
  </si>
  <si>
    <t>マルちゃん正麺カップ　黒マー油豚骨</t>
  </si>
  <si>
    <t>93ｇ</t>
  </si>
  <si>
    <t>マルちゃん正麺　カップ　濃厚とろ豚骨　ケース</t>
  </si>
  <si>
    <t>97ｇ×12</t>
  </si>
  <si>
    <t>マルちゃん正麺スープの極み濃厚コク塩</t>
  </si>
  <si>
    <t>マルちゃん正麺スープの極み濃厚味噌</t>
  </si>
  <si>
    <t>マルちゃん正麺　カップ　芳醇こく醤油　ケース</t>
  </si>
  <si>
    <t>111ｇ×12</t>
  </si>
  <si>
    <t>マルちゃん正麺　カップ　香味まろ味噌　ケース</t>
  </si>
  <si>
    <t>121ｇ×12</t>
  </si>
  <si>
    <t>マルちゃん正麺　カップ　旨味だし塩　ケース</t>
  </si>
  <si>
    <t>103ｇ×12</t>
  </si>
  <si>
    <t>マルちゃん正麺　カップ　うま辛担担麺　ケース</t>
  </si>
  <si>
    <t>120ｇ×12</t>
  </si>
  <si>
    <t>【終売】日本旨いもん青森味噌カレー　カップ１３０ｇ</t>
  </si>
  <si>
    <t>マルちゃん　マルちゃん正麺担担麺黒　１２１ｇ</t>
  </si>
  <si>
    <t>マルちゃん　マルちゃん正麺担担麺赤　１２０ｇ</t>
  </si>
  <si>
    <t>麺屋彩未札幌味噌らーめん</t>
  </si>
  <si>
    <t>正麺ｶｯﾌﾟうま辛野菜ﾀﾝﾒﾝ</t>
  </si>
  <si>
    <t>正麺　ゆず塩　カップ</t>
  </si>
  <si>
    <t>マルちゃん正麺　野菜ちゃんぽん</t>
  </si>
  <si>
    <t>マルちゃん正麺_カップ_うま辛辛辛担担麺_STRONG</t>
  </si>
  <si>
    <t>マルちゃん正麺カップ_うまこく豚骨醤油_麺増量</t>
  </si>
  <si>
    <t>マルちゃん正麺　カップ　濃い煮干醤油</t>
  </si>
  <si>
    <t>ラーメン横綱豚骨しょう油</t>
  </si>
  <si>
    <t>正麺カップがっつり豚骨醤油</t>
  </si>
  <si>
    <t>マルちゃん彩未味噌ら-めん</t>
  </si>
  <si>
    <t>マルちゃん正麺ニンニク豚塩味</t>
  </si>
  <si>
    <t>東水　マルちゃん正麺濃ニボ</t>
  </si>
  <si>
    <t>正麺芳醇こく醤油</t>
  </si>
  <si>
    <t>正麺カップ芳醇こく醤油ケース</t>
  </si>
  <si>
    <t>正麺香味まろ味噌</t>
  </si>
  <si>
    <t>正麺カップ香味まろ味噌ケース</t>
  </si>
  <si>
    <t>正麺うま辛担々麺</t>
  </si>
  <si>
    <t>正麺カップうま辛担々麺ケース</t>
  </si>
  <si>
    <t>126G×12P</t>
  </si>
  <si>
    <t>正麺辛ニボ</t>
  </si>
  <si>
    <t>日本旨いもん青森津軽煮干しラーメン激にぼ</t>
  </si>
  <si>
    <t>日本旨いもん青森味噌カレーミルクラーメン</t>
  </si>
  <si>
    <t>正麺冷しまぜそば鶏だし塩</t>
  </si>
  <si>
    <t>正麺カップスタミナ中華そば</t>
  </si>
  <si>
    <t>正麺カップスタミナ中華そばケース</t>
  </si>
  <si>
    <t>日本旨いもん新潟長岡醤油拉麺</t>
  </si>
  <si>
    <t>正麺極濃魚介豚骨</t>
  </si>
  <si>
    <t>トイＢ×しば田鴨鶏煮干醤油</t>
  </si>
  <si>
    <t>マルちゃん正麺ニンニク塩担々麺</t>
  </si>
  <si>
    <t>推しの一杯ラーメン環２家横浜家系醤油豚骨</t>
  </si>
  <si>
    <t>マルちゃん正麺カップ汁なし芳醇こく醤油</t>
  </si>
  <si>
    <t>正麺カップごま油香る鶏だれ冷し</t>
  </si>
  <si>
    <t>東洋水産推しの一杯麺屋彩未札幌味噌</t>
  </si>
  <si>
    <t>正麺カップもやし背脂醤油豚骨</t>
  </si>
  <si>
    <t>推しの一杯ラーメン横綱豚骨しょう油</t>
  </si>
  <si>
    <t>正麺カップ豆乳担々麺</t>
  </si>
  <si>
    <t>正麺カップ豆乳担々麺ケース</t>
  </si>
  <si>
    <t>118g×12</t>
  </si>
  <si>
    <t>推しの一杯夢を語れ旨豚ニンニク濃厚醤油味</t>
  </si>
  <si>
    <t>マルちゃん正麺カップニボ玉</t>
  </si>
  <si>
    <t>推しの一杯ラーメン環2家横浜家系醤油豚骨</t>
  </si>
  <si>
    <t>正麺カップ濃厚味噌</t>
  </si>
  <si>
    <t>正麺カップ濃厚味噌ケース</t>
  </si>
  <si>
    <t>133g×12</t>
  </si>
  <si>
    <t>正麺カップもやし辛味噌</t>
  </si>
  <si>
    <t>正麺カップにんにく塩担々麺</t>
  </si>
  <si>
    <t>推しの一杯麺屋彩未札幌味噌</t>
  </si>
  <si>
    <t>奈つやの中華そば芳醇煮干し醤油</t>
  </si>
  <si>
    <t>謹製鴨だし中華そば</t>
  </si>
  <si>
    <t>甲斐シェフこだわりの担担麺</t>
  </si>
  <si>
    <t>正麺カップ芳醇醤油</t>
  </si>
  <si>
    <t>日清具多煮玉炙り叉焼</t>
  </si>
  <si>
    <t>ラ王_背脂濃コク醤油</t>
  </si>
  <si>
    <t>ラ王_旨味豚コク味噌</t>
  </si>
  <si>
    <t>行列のできる店ラーメン和歌山</t>
  </si>
  <si>
    <t>具多_二味重叉焼麺</t>
  </si>
  <si>
    <t>ラ王　濃熟とろ豚骨</t>
  </si>
  <si>
    <t>行列のできる店のラーメン　和歌山</t>
  </si>
  <si>
    <t>行列のできる店のラーメン　海老担々麺</t>
  </si>
  <si>
    <t>ラ王　背脂コク醤油</t>
  </si>
  <si>
    <t>日清食品_ﾗ王香熟ｺｸ味噌</t>
  </si>
  <si>
    <t>ラ王　魚介豚骨醤油</t>
  </si>
  <si>
    <t>ラ王　芳醇コク担々麺</t>
  </si>
  <si>
    <t>麺ニッポン札幌濃厚味噌ラーメン</t>
  </si>
  <si>
    <t>麺ニッポン八王子たまねぎ醤油ラーメン</t>
  </si>
  <si>
    <t>麺ニッポン横浜家系とんこつ醤油ラーメン</t>
  </si>
  <si>
    <t>１１９ｇ</t>
  </si>
  <si>
    <t>日清ラ王_焦がし激辛豚骨_120g</t>
  </si>
  <si>
    <t>麺ＮＩＰＰＯＮ　尾道　背脂醤油ラーメン　１２１ｇ</t>
  </si>
  <si>
    <t>日清麺NIPPON博多とんこつラーメン</t>
  </si>
  <si>
    <t>ラ王　焦がし醤油</t>
  </si>
  <si>
    <t>ラ王　焦がし味噌</t>
  </si>
  <si>
    <t>麺ニッポン　尾道ラーメン</t>
  </si>
  <si>
    <t>麺ニッポン　信州王様辛味噌ラーメン</t>
  </si>
  <si>
    <t>ラ王麻辣担々</t>
  </si>
  <si>
    <t>日清麺NIPPON八王子たまねぎ醤油</t>
  </si>
  <si>
    <t>日清麺NIPPON和歌山豚骨醤油</t>
  </si>
  <si>
    <t>日清麺NIPPON横浜家系とんこつ醤油</t>
  </si>
  <si>
    <t>ラ王濃厚味噌</t>
  </si>
  <si>
    <t>ラ王背脂醤油</t>
  </si>
  <si>
    <t>豚ラ王　ヤサイ、アブラ、ニンニク</t>
  </si>
  <si>
    <t>日清辛豚ラ王</t>
  </si>
  <si>
    <t>ドロラ王ドロ､コッテリ､鶏白湯</t>
  </si>
  <si>
    <t>ラ王濃厚担々</t>
  </si>
  <si>
    <t>ラ王濃香トリュフ醤油</t>
  </si>
  <si>
    <t>ラ王鯛パイタン</t>
  </si>
  <si>
    <t>ラ王とろ熟味噌</t>
  </si>
  <si>
    <t>日清ドロラ王ドロコッテリ鶏白湯</t>
  </si>
  <si>
    <t>ラ王蟹と味噌</t>
  </si>
  <si>
    <t>ラ王ふぐだし塩</t>
  </si>
  <si>
    <t>ふぅどデリ淡路島産たまねぎカレーうどん</t>
  </si>
  <si>
    <t>大砲ラーメン</t>
  </si>
  <si>
    <t>喜多方ラーメン坂内コク醤油ワンタン麺</t>
  </si>
  <si>
    <t>はじめ屋こってり醤油とんこつ</t>
  </si>
  <si>
    <t>はじめ屋　低糖質麺　こってり味噌味</t>
  </si>
  <si>
    <t>野菜の旨みマルっととまとラーメン</t>
  </si>
  <si>
    <t>野菜の旨みマルっとたまねぎラーメン</t>
  </si>
  <si>
    <t>札幌らーめん信玄コク味噌味</t>
  </si>
  <si>
    <t>新華園本店釜石ラーメン</t>
  </si>
  <si>
    <t>金田家バリカタ濃厚とんこつラーメン</t>
  </si>
  <si>
    <t>末広ラーメン本舗醤油中華そば</t>
  </si>
  <si>
    <t>ペヤングヌードル50周年限定品</t>
  </si>
  <si>
    <t>293g</t>
  </si>
  <si>
    <t>ペヤングヌードル50周年限定品ケース</t>
  </si>
  <si>
    <t>293g×12</t>
  </si>
  <si>
    <t>チャーシューメン</t>
  </si>
  <si>
    <t>とんこつねぎラーメン</t>
  </si>
  <si>
    <t>懐かしのしょうゆラーメン</t>
  </si>
  <si>
    <t>辛さが旨いキムチラーメン</t>
  </si>
  <si>
    <t>懐かしの高菜とんこつ</t>
  </si>
  <si>
    <t>凄麺ねぎみその逸品</t>
  </si>
  <si>
    <t>凄麺仙台辛味噌ラーメン</t>
  </si>
  <si>
    <t>凄麺佐野ラーメン</t>
  </si>
  <si>
    <t>元祖ねぎみそラーメン</t>
  </si>
  <si>
    <t>横浜もやしそば</t>
  </si>
  <si>
    <t>１７００ｇ</t>
  </si>
  <si>
    <t>懐かしのみそラーメン　ケース</t>
  </si>
  <si>
    <t>１４００ｇ</t>
  </si>
  <si>
    <t>懐かしの野菜タンメン</t>
  </si>
  <si>
    <t>1400g</t>
  </si>
  <si>
    <t>チャーシューメンケース</t>
  </si>
  <si>
    <t>102ｇ×12</t>
  </si>
  <si>
    <t>下町の中華そば</t>
  </si>
  <si>
    <t>凄麺横浜とんこつ家</t>
  </si>
  <si>
    <t>懐かしのちゃんぽん</t>
  </si>
  <si>
    <t>凄麺もやし味噌の逸品</t>
  </si>
  <si>
    <t>野菜盛りもやし味噌</t>
  </si>
  <si>
    <t>野菜盛りねぎ醤油</t>
  </si>
  <si>
    <t>野菜盛りじやが塩</t>
  </si>
  <si>
    <t>満腹食堂みそバター</t>
  </si>
  <si>
    <t>満腹食堂鶏ガラ醤油</t>
  </si>
  <si>
    <t>凄麺_横浜とんこつ家</t>
  </si>
  <si>
    <t>野菜盛り白菜キムチラーメン</t>
  </si>
  <si>
    <t>野菜盛り坦々麺</t>
  </si>
  <si>
    <t>凄麺_新潟背脂醤油ラーメン</t>
  </si>
  <si>
    <t>ヤマダイ　凄麺　横浜発祥　サンマー麺</t>
  </si>
  <si>
    <t>ヤマダイ　凄麺　鶏塩らぁめん</t>
  </si>
  <si>
    <t>満腹食堂スパイシーカレー</t>
  </si>
  <si>
    <t>満腹食堂シーフード</t>
  </si>
  <si>
    <t>辛さが旨い豚キムチラーメン</t>
  </si>
  <si>
    <t>ニュータッチ　竹岡式らーめん</t>
  </si>
  <si>
    <t>凄麺熟炊き博多豚骨ラーメン</t>
  </si>
  <si>
    <t>懐かししょうゆラーメン</t>
  </si>
  <si>
    <t>満福食堂　味噌バターコーン</t>
  </si>
  <si>
    <t>満福食堂　鶏ガラ醤油ラーメン</t>
  </si>
  <si>
    <t>ヤマダイ　ラーメンライス</t>
  </si>
  <si>
    <t>凄麺　担担麺</t>
  </si>
  <si>
    <t>凄麺　酸辣湯麺</t>
  </si>
  <si>
    <t>味噌バターラーメン</t>
  </si>
  <si>
    <t>凄麺　青森煮干中華そば</t>
  </si>
  <si>
    <t>元祖キムチラーメン</t>
  </si>
  <si>
    <t>下町の来々軒中華そば</t>
  </si>
  <si>
    <t>凄麺京都背脂醤油ラーメン</t>
  </si>
  <si>
    <t>凄麺名古屋台湾ラーメン</t>
  </si>
  <si>
    <t>満腹食堂鶏ガラ醤油らーめん</t>
  </si>
  <si>
    <t>満腹食堂辛味噌らーめん</t>
  </si>
  <si>
    <t>豚骨醤油のりラーメン</t>
  </si>
  <si>
    <t>凄麺函館海鮮塩ラーメン</t>
  </si>
  <si>
    <t>凄麺　黒香酢　酸辣湯麺</t>
  </si>
  <si>
    <t>凄麺　和歌山中華そば</t>
  </si>
  <si>
    <t>凄麺鶏しおの逸品</t>
  </si>
  <si>
    <t>満福食堂とろみ醤油</t>
  </si>
  <si>
    <t>満福食堂スタミナ系味噌</t>
  </si>
  <si>
    <t>131ｇ</t>
  </si>
  <si>
    <t>凄麺札幌濃厚味噌ラーメン</t>
  </si>
  <si>
    <t>凄麺　喜多方ラーメン</t>
  </si>
  <si>
    <t>山岡屋特製味噌らーめん</t>
  </si>
  <si>
    <t>ヤマダイ　下町の来々軒中華そば</t>
  </si>
  <si>
    <t>北海道コーンバター塩味ラーメン</t>
  </si>
  <si>
    <t>凄麺青森煮干中華そば</t>
  </si>
  <si>
    <t>凄麺　青森煮干中華そば　ケース</t>
  </si>
  <si>
    <t>1272g</t>
  </si>
  <si>
    <t>凄麺喜多方ラーメン</t>
  </si>
  <si>
    <t>屋台風豚骨ねぎラーメン</t>
  </si>
  <si>
    <t>満福食堂わかめシーフード</t>
  </si>
  <si>
    <t>ニュータッチ　下町の来々軒煮干中華そば</t>
  </si>
  <si>
    <t>山岡屋_辛味噌ラーメン</t>
  </si>
  <si>
    <t>駿河_海老だし塩ラーメン</t>
  </si>
  <si>
    <t>凄麺横浜発祥サンマー麺</t>
  </si>
  <si>
    <t>凄麺辛醤ねぎラーメン</t>
  </si>
  <si>
    <t>ニュータッチ　横浜豚骨醤油</t>
  </si>
  <si>
    <t>凄麺　鶏しおの逸品</t>
  </si>
  <si>
    <t>１１４ｇ</t>
  </si>
  <si>
    <t>凄麺富山ブラック</t>
  </si>
  <si>
    <t>凄麺　中華の逸品　坦坦麺</t>
  </si>
  <si>
    <t>ヤマダイ　佐野らーめん</t>
  </si>
  <si>
    <t>凄麺　中華の逸品　酸辣湯麺</t>
  </si>
  <si>
    <t>凄麺　１５周年記念京都背脂醤油味　１３５ｇ</t>
  </si>
  <si>
    <t>ニュータッチ　凄麺　冬の塩らーめん　１１５ｇ</t>
  </si>
  <si>
    <t>ニュータッチ　凄麺　札幌濃厚味噌ラーメン　１４６ｇ</t>
  </si>
  <si>
    <t>凄麺奈良天理スタミナラーメン</t>
  </si>
  <si>
    <t>凄麺新潟背脂醤油ラーメン</t>
  </si>
  <si>
    <t>ニュータッチ　ラーメンさんぱち味噌ラーメン１２６ｇ</t>
  </si>
  <si>
    <t>126ｇ</t>
  </si>
  <si>
    <t>凄麺　名古屋台湾ラーメン</t>
  </si>
  <si>
    <t>満福食堂とろみ醤油ラーメン</t>
  </si>
  <si>
    <t>満福食堂スタミナ味噌ラーメン</t>
  </si>
  <si>
    <t>凄麺ねぎみその逸品ケース</t>
  </si>
  <si>
    <t>1596g</t>
  </si>
  <si>
    <t>凄麺　鶏しおの逸品ケース</t>
  </si>
  <si>
    <t>１３６８ｇ</t>
  </si>
  <si>
    <t>凄麺仙台辛味噌ラーメンケース</t>
  </si>
  <si>
    <t>1824g</t>
  </si>
  <si>
    <t>凄麺新潟背脂醤油ラーメンケース</t>
  </si>
  <si>
    <t>1488g</t>
  </si>
  <si>
    <t>凄麺喜多方ラーメンケース</t>
  </si>
  <si>
    <t>1380g</t>
  </si>
  <si>
    <t>凄麺佐野ラーメンケース</t>
  </si>
  <si>
    <t>凄麺横浜とんこつ家ケース</t>
  </si>
  <si>
    <t>1404g</t>
  </si>
  <si>
    <t>凄麺横浜発祥サンマー麺ケース</t>
  </si>
  <si>
    <t>1356g</t>
  </si>
  <si>
    <t>凄麺　名古屋台湾ラーメンケース</t>
  </si>
  <si>
    <t>１３２０ｇ</t>
  </si>
  <si>
    <t>凄麺京都背脂醤油ラーメンケース</t>
  </si>
  <si>
    <t>凄麺　和歌山中華そば　ケース</t>
  </si>
  <si>
    <t>凄麺　熟炊き博多豚骨ラーメン　ケース</t>
  </si>
  <si>
    <t>1260g</t>
  </si>
  <si>
    <t>凄麺長崎ちゃんぽん</t>
  </si>
  <si>
    <t>横浜家系豚骨醤油ラーメン</t>
  </si>
  <si>
    <t>懐かしのカレーラーメン</t>
  </si>
  <si>
    <t>凄麺函館塩ラーメン</t>
  </si>
  <si>
    <t>ニュータッチ　凄麺　中華そばの逸品　１１５ｇ</t>
  </si>
  <si>
    <t>我流麺舞　飛龍</t>
  </si>
  <si>
    <t>凄麺酸辣湯麺の逸品</t>
  </si>
  <si>
    <t>ニュータッチ凄麺尾道中華そば</t>
  </si>
  <si>
    <t>ニュータッチ凄麺千葉竹岡式らーめん</t>
  </si>
  <si>
    <t>凄麺熟炊き博多とんこつ</t>
  </si>
  <si>
    <t>ニュータッチ　凄麺麻辣ねぎラーメン　１０９ｇ</t>
  </si>
  <si>
    <t>ニュータッチ凄麺静岡焼津かつおラーメン</t>
  </si>
  <si>
    <t>ニュータッチ凄麺台湾ラ-メン</t>
  </si>
  <si>
    <t>ニュータッチ凄麺鶏しおの逸品</t>
  </si>
  <si>
    <t>ニュータッチ凄麺中華そばの逸品</t>
  </si>
  <si>
    <t>ニュータッチ凄麺青森煮干中華そば</t>
  </si>
  <si>
    <t>ニュータッチ凄麺信州味噌ラーメン</t>
  </si>
  <si>
    <t>ニュータッチ凄麺徳島ラーメン醤油豚骨味</t>
  </si>
  <si>
    <t>凄麺冷し中華海藻サラダ風</t>
  </si>
  <si>
    <t>ニュータッチ凄麺熟炊き博多とんこつ</t>
  </si>
  <si>
    <t>凄麺ご当地ラーメン東日本編</t>
  </si>
  <si>
    <t>727g</t>
  </si>
  <si>
    <t>凄麺ご当地ラーメン西日本編</t>
  </si>
  <si>
    <t>ニュータッチ凄麺長崎ちゃんぽん</t>
  </si>
  <si>
    <t>凄麺中華そばの逸品</t>
  </si>
  <si>
    <t>凄麺広島THE汁なし担担麺</t>
  </si>
  <si>
    <t>凄麺徳島ラーメン濃厚醤油とんこつ味</t>
  </si>
  <si>
    <t>懐かしの焦がししょうゆラーメン</t>
  </si>
  <si>
    <t>懐かしのピリ辛みそラーメン</t>
  </si>
  <si>
    <t>懐かしのキャベツタンメン</t>
  </si>
  <si>
    <t>凄麺飛騨高山中華そば</t>
  </si>
  <si>
    <t>凄麺愛媛八幡浜ちゃんぽん</t>
  </si>
  <si>
    <t>ニュータッチ　焙煎ごまみそらーめん</t>
  </si>
  <si>
    <t>凄麺冬の塩らーめん</t>
  </si>
  <si>
    <t>凄麺福箱ご当地ラーメン東日本編</t>
  </si>
  <si>
    <t>722g</t>
  </si>
  <si>
    <t>凄麺福箱ご当地ラーメン西日本編</t>
  </si>
  <si>
    <t>705g</t>
  </si>
  <si>
    <t>手緒里けんちんうどん</t>
  </si>
  <si>
    <t>ニュータッチ横浜もやしそばケース</t>
  </si>
  <si>
    <t>ニュータッチチャーシューメンケース</t>
  </si>
  <si>
    <t>101g×12</t>
  </si>
  <si>
    <t>凄麺千葉竹岡式らーめん</t>
  </si>
  <si>
    <t>凄麺旨だしうどんの逸品</t>
  </si>
  <si>
    <t>凄麺兵庫播州ラーメン</t>
  </si>
  <si>
    <t>701g</t>
  </si>
  <si>
    <t>八王子ラーメン</t>
  </si>
  <si>
    <t>大阪かすうどん</t>
  </si>
  <si>
    <t>長岡しょうが醤油ラーメン</t>
  </si>
  <si>
    <t>凄麺山形鳥中華</t>
  </si>
  <si>
    <t>凄麺中華の逸品酸辣湯麺</t>
  </si>
  <si>
    <t>凄麺中華の逸品麻辣担担麺</t>
  </si>
  <si>
    <t>凄麺夏の辛味噌ねぎラーメン</t>
  </si>
  <si>
    <t>凄麺静岡焼津かつおラーメン</t>
  </si>
  <si>
    <t>凄麺夏の福箱ご当地ラーメン東日本編</t>
  </si>
  <si>
    <t>752g</t>
  </si>
  <si>
    <t>凄麺夏の福箱ご当地ラーメン西日本編</t>
  </si>
  <si>
    <t>710g</t>
  </si>
  <si>
    <t>吉山商店焙煎ごまみそラーメン</t>
  </si>
  <si>
    <t>697g</t>
  </si>
  <si>
    <t>元祖ねぎらーめん</t>
  </si>
  <si>
    <t>北海道みそバターラーメン</t>
  </si>
  <si>
    <t>凄麺京都伏見酒粕ラーメン</t>
  </si>
  <si>
    <t>凄麺広島汁なし担担麺</t>
  </si>
  <si>
    <t>凄麺茨城スタミナラーメン</t>
  </si>
  <si>
    <t>706g</t>
  </si>
  <si>
    <t>凄麺茨城けんちんそば</t>
  </si>
  <si>
    <t>吉山商店焙煎ごまみそらーめん</t>
  </si>
  <si>
    <t>凄麺スンドゥブチゲうどん</t>
  </si>
  <si>
    <t>AKAGI中華そば</t>
  </si>
  <si>
    <t>90g×12P</t>
  </si>
  <si>
    <t>魚介だしと野菜の甘み海老味噌ラーメンケース</t>
  </si>
  <si>
    <t>チャパグリ</t>
  </si>
  <si>
    <t>Ｎどんぶり_みそラーメン</t>
  </si>
  <si>
    <t>焼豚ラーメン12個セット</t>
  </si>
  <si>
    <t>12個入セット</t>
  </si>
  <si>
    <t>高菜ラーメンケース</t>
  </si>
  <si>
    <t>長崎ちゃんぽんケース</t>
  </si>
  <si>
    <t>ラ王濃厚味噌ケース</t>
  </si>
  <si>
    <t>焼豚ラーメンケース</t>
  </si>
  <si>
    <t>寒天ラーメン</t>
  </si>
  <si>
    <t>アジアめんカップ四川担担麺</t>
  </si>
  <si>
    <t>アジアカップベトナムフォー</t>
  </si>
  <si>
    <t>スープパスタたらこクリ</t>
  </si>
  <si>
    <t>アジア麺四川坦々麺</t>
  </si>
  <si>
    <t>54.2g</t>
  </si>
  <si>
    <t>スープパスタ_カレースープ</t>
  </si>
  <si>
    <t>予約でいっぱいクリームソース</t>
  </si>
  <si>
    <t>145.5g</t>
  </si>
  <si>
    <t>勝浦タンタンメンラー油まぜそば大辛</t>
  </si>
  <si>
    <t>茹でたて名人ｺｸしおらぁ麺</t>
  </si>
  <si>
    <t>茹でたて名人　醤油らぁ麺</t>
  </si>
  <si>
    <t>茹でたて名人　味噌らぁ麺</t>
  </si>
  <si>
    <t>茹でたて名人　鶏白湯麺</t>
  </si>
  <si>
    <t>茹でたて名人　醤油</t>
  </si>
  <si>
    <t>茹でたて名人　味噌</t>
  </si>
  <si>
    <t>茹でたて名人　鶏白湯</t>
  </si>
  <si>
    <t>驚愕の麺1.5玉+0.5ねぎ豚骨</t>
  </si>
  <si>
    <t>ロカボデリＣｏＣｏ壱番屋監修カレーラーメン</t>
  </si>
  <si>
    <t>ロカボデリ　リンガーハットの長崎ちゃんぽん</t>
  </si>
  <si>
    <t>一度は食べたい名店の味PREMIUM狼煙濃厚豚骨</t>
  </si>
  <si>
    <t>一度は食べたい名店の味PREMIUM八雲ワンタン麺</t>
  </si>
  <si>
    <t>ワンタンメンの満月魚介だし醤油味</t>
  </si>
  <si>
    <t>ノンフライわかめラーメン　しょうゆ</t>
  </si>
  <si>
    <t>わかめラーメン　みそ</t>
  </si>
  <si>
    <t>大吉_焼豚しょうゆ</t>
  </si>
  <si>
    <t>風味自慢焼のり醤油ラーメン</t>
  </si>
  <si>
    <t>風味自慢焼のり塩ラーメン</t>
  </si>
  <si>
    <t>ワンタンメンどんぶりタンメン味</t>
  </si>
  <si>
    <t>夜鳴き屋飛騨高山しょうゆラー</t>
  </si>
  <si>
    <t>夜鳴き屋博多とんこつラーメン</t>
  </si>
  <si>
    <t>エースわかめラーメンねぎみそ</t>
  </si>
  <si>
    <t>赤鍋風中華</t>
  </si>
  <si>
    <t>白鍋風中華</t>
  </si>
  <si>
    <t>福づくしラーメン醤油</t>
  </si>
  <si>
    <t>福づくしラーメンみそ</t>
  </si>
  <si>
    <t>わかめラーメンごまみそ</t>
  </si>
  <si>
    <t>あの頃の一杯しょうゆラーメン</t>
  </si>
  <si>
    <t>いろは亭_チャーシューメン_しょうゆ味</t>
  </si>
  <si>
    <t>大吉もやし入りみそ</t>
  </si>
  <si>
    <t>あんかけだるま鯛だし醤油</t>
  </si>
  <si>
    <t>あんかけだるま海老だし塩</t>
  </si>
  <si>
    <t>超夏　刺激系　キムチチゲラーメン</t>
  </si>
  <si>
    <t>超夏　癒し系　鶏だし柚子しおラーメン</t>
  </si>
  <si>
    <t>大吉　えびだしみそ</t>
  </si>
  <si>
    <t>スーパーカップ博多とんこつちゃんぽん</t>
  </si>
  <si>
    <t>わかめラーメンごましょうゆ</t>
  </si>
  <si>
    <t>わかめラーメン　ごま・みそ</t>
  </si>
  <si>
    <t>きたきつねのコーンしょうゆ</t>
  </si>
  <si>
    <t>ごまふあざらしのごまみそらー</t>
  </si>
  <si>
    <t>ほっきょくぐまのしおらーめん</t>
  </si>
  <si>
    <t>大吉焼豚しょうゆ</t>
  </si>
  <si>
    <t>わかめラーメン　ピリ辛みそ</t>
  </si>
  <si>
    <t>旭山動物園_ごまふあざらしのごま醤油ラーメン</t>
  </si>
  <si>
    <t>旭山動物園_ほっきょくぐまの白い塩ラーメン</t>
  </si>
  <si>
    <t>大阪ラーメン</t>
  </si>
  <si>
    <t>ｴｰｽｶｯｸ</t>
  </si>
  <si>
    <t>わかめラーメンゆず胡椒と大根おろし</t>
  </si>
  <si>
    <t>わかめラーメンごま・みそ</t>
  </si>
  <si>
    <t>ワンタンメンどんぶり香味中華</t>
  </si>
  <si>
    <t>産経新聞　大阪ラーメン　あまから醤油</t>
  </si>
  <si>
    <t>わかめ　あさりタンメン</t>
  </si>
  <si>
    <t>男はつらいよお帰り寅さんでぶそば監修中華そば</t>
  </si>
  <si>
    <t>男はつらいよお帰り寅さんでぶそば監修タンメン</t>
  </si>
  <si>
    <t>わかめラー　まさかの麺なし　ごま・しょうゆ</t>
  </si>
  <si>
    <t>せやねん×ワンタンメンどんぶりコムタン風牛骨白湯</t>
  </si>
  <si>
    <t>わかめラーまさかの麺なしごま・しょうゆ</t>
  </si>
  <si>
    <t>わかめラーまさかの麺なしみそ味</t>
  </si>
  <si>
    <t>よんチャンTV×ワンタンメンどんぶり</t>
  </si>
  <si>
    <t>わかめラーメンのど黒仕立て醤油</t>
  </si>
  <si>
    <t>わかめラーメン紅ズワイガニ使用塩</t>
  </si>
  <si>
    <t>わかめラーメン白トリュフ香る鶏しお白湯</t>
  </si>
  <si>
    <t>す・またん×ワンタンメンどんぶり　エビエビだし塩</t>
  </si>
  <si>
    <t>わかめラーメン北海道鮭だしみそ</t>
  </si>
  <si>
    <t>わかめラーメン秋田比内地鶏だししょうゆ</t>
  </si>
  <si>
    <t>わかめラーメン三重伊勢海老だししお</t>
  </si>
  <si>
    <t>黒マー油とんこつラーメン</t>
  </si>
  <si>
    <t>リンガーハット台湾ちゃんぽん</t>
  </si>
  <si>
    <t>燃焼流チゲラーメン</t>
  </si>
  <si>
    <t>燃焼流ｼｰﾌｰﾄﾞﾗｰﾒﾝ</t>
  </si>
  <si>
    <t>トマトの真髄鶏コクトマト味</t>
  </si>
  <si>
    <t>経済新聞大阪ラーメン</t>
  </si>
  <si>
    <t>71Ｇ</t>
  </si>
  <si>
    <t>鬼からとんこつラーメン</t>
  </si>
  <si>
    <t>韓流からみそラーメン</t>
  </si>
  <si>
    <t>天下無双激濃みそとんこつ</t>
  </si>
  <si>
    <t>深煎り練り胡麻担担麺</t>
  </si>
  <si>
    <t>博多でみつけたねぎ盛り背脂</t>
  </si>
  <si>
    <t>頑者荒節濃厚和風ラーメン</t>
  </si>
  <si>
    <t>エースコック_担担麺</t>
  </si>
  <si>
    <t>博多で見つけた背脂とんこつ</t>
  </si>
  <si>
    <t>ワンタンとわかめの中華そば</t>
  </si>
  <si>
    <t>鶏そぼろと野菜の塩中華そば</t>
  </si>
  <si>
    <t>博多でみつけた背脂とんこつ</t>
  </si>
  <si>
    <t>新潟でみつけた煮干背脂醤油ラーメン</t>
  </si>
  <si>
    <t>博多でみつけた_背脂とんこつ</t>
  </si>
  <si>
    <t>札幌でみつけた背油みそ</t>
  </si>
  <si>
    <t>旭川でみつけた濃厚醤油らーめん</t>
  </si>
  <si>
    <t>札幌でみつけた背脂みそラーメン</t>
  </si>
  <si>
    <t>塩坦坦麺</t>
  </si>
  <si>
    <t>博多でみつけた背油とんこつラーメン</t>
  </si>
  <si>
    <t>銘撰厨房_珠玉の塩らーめん</t>
  </si>
  <si>
    <t>牛骨だしの旨炊き中華そば</t>
  </si>
  <si>
    <t>宮崎で見つけた辛麺</t>
  </si>
  <si>
    <t>エースコック香り味わう燻塩らぁ麺</t>
  </si>
  <si>
    <t>熱シビ辛味噌ラーメン</t>
  </si>
  <si>
    <t>エースコック博多背脂とんこつラーメン110g</t>
  </si>
  <si>
    <t>華麗なる担担麺</t>
  </si>
  <si>
    <t>大粒背脂煮干醤油ラーメン</t>
  </si>
  <si>
    <t>エース　新潟でみつけた　味噌ラーメン</t>
  </si>
  <si>
    <t>山岸一雄継承の味わい麺絆</t>
  </si>
  <si>
    <t>（ほうきぼし）毛利友紀坦々麺</t>
  </si>
  <si>
    <t>革麺ガラ炊き醤油らぁ麺</t>
  </si>
  <si>
    <t>革麺　黄金鶏油の塩らぁ麺</t>
  </si>
  <si>
    <t>チゲの真髄牛だしチゲラーメン</t>
  </si>
  <si>
    <t>どみそ特みそこってりらーめん</t>
  </si>
  <si>
    <t>わかめラーメンしじみだし醤油</t>
  </si>
  <si>
    <t>ｴｰｴｽｺｯｸ</t>
  </si>
  <si>
    <t>全国M京都かたぐるまｺｸﾄﾝ塩</t>
  </si>
  <si>
    <t>じわとろじゃが塩バター味ラーメン</t>
  </si>
  <si>
    <t>MEGA味噌超濃厚味噌ラーメン</t>
  </si>
  <si>
    <t>リンガーハットの野菜たっぷりちゃ</t>
  </si>
  <si>
    <t>一度食べたい狼煙濃厚豚骨魚介拉麺</t>
  </si>
  <si>
    <t>ＭＥＧＡ豚どトンコツラーメン</t>
  </si>
  <si>
    <t>ｴｰｽ</t>
  </si>
  <si>
    <t>リンガーハットのピリ辛ちゃんぽん</t>
  </si>
  <si>
    <t>ｸﾘｰﾐｰ塩ﾊﾞﾀｰﾗｰﾒﾝ</t>
  </si>
  <si>
    <t>くまもんの熊本ラーメン</t>
  </si>
  <si>
    <t>くまもんのトマトチリ味ラーメン</t>
  </si>
  <si>
    <t>一度は食べたい名店の味四つ葉ブラック濃厚醤油</t>
  </si>
  <si>
    <t>MEGA辛濃厚鬼辛ｷﾑﾁﾗｰﾒﾝ</t>
  </si>
  <si>
    <t>濃いめのわかめラーメンごま・しょうゆ</t>
  </si>
  <si>
    <t>一度は食べたい名店の味我武者羅背脂生姜醤油ラーメン</t>
  </si>
  <si>
    <t>一度は食べたい名店の味ど・みそ火祭り激辛みそ</t>
  </si>
  <si>
    <t>全国ラーメン店マップ旭川編蜂屋旭川醤油ラード濃いめ</t>
  </si>
  <si>
    <t>ありそうでなかった天津麺醤油</t>
  </si>
  <si>
    <t>ありそうでなかった天津麺塩</t>
  </si>
  <si>
    <t>全国ラーメン店マップ苫小牧編味の大王元祖カレー</t>
  </si>
  <si>
    <t>ビーフカレーＬＥＥラーメン</t>
  </si>
  <si>
    <t>ベビースターラーメンＢＩＧチキン</t>
  </si>
  <si>
    <t>ありそうでなかった天津麺醤油ケース</t>
  </si>
  <si>
    <t>ありそうでなかった天津麺塩ケース</t>
  </si>
  <si>
    <t>60g×12P</t>
  </si>
  <si>
    <t>わかめラーメンあの頃の青春風味柚子しょうゆ味ケース</t>
  </si>
  <si>
    <t>わかめラーメンあの頃の初恋風味梅しお味ケース</t>
  </si>
  <si>
    <t>全国ラーメン店マップ苫小牧編　味の大王　元祖カレー　ケース</t>
  </si>
  <si>
    <t>98gx12</t>
  </si>
  <si>
    <t>人気ラーメン店とつくるわかめラーメン塩味ケース</t>
  </si>
  <si>
    <t>人気ラーメン店とつくるわかめラーメンカレー味ケース</t>
  </si>
  <si>
    <t>わかめラーメンBLACKしょうゆ黒胡椒仕立てケース</t>
  </si>
  <si>
    <t>72g×12</t>
  </si>
  <si>
    <t>麺屋武蔵×新宿中村屋W監修麻辣カリー麺</t>
  </si>
  <si>
    <t>わかめラーメン　ごま・しお　三島のゆかり仕立て　ケース</t>
  </si>
  <si>
    <t>わかめラーメンごま・みそケース</t>
  </si>
  <si>
    <t>わかめラーメンごま・しょうゆケース</t>
  </si>
  <si>
    <t>93g×12P</t>
  </si>
  <si>
    <t>ワンタンメンタンメン味ケース</t>
  </si>
  <si>
    <t>大吉焼豚しょうゆケース</t>
  </si>
  <si>
    <t>わかめラーメン　ピリ辛みそ　ケース</t>
  </si>
  <si>
    <t>81g×12</t>
  </si>
  <si>
    <t>わかめラーメン　しょうゆ　ケース</t>
  </si>
  <si>
    <t>わかめラーメン　みそ　ノンフライ　ケース</t>
  </si>
  <si>
    <t>ワンタンメンどんぶりタンメン味ケース</t>
  </si>
  <si>
    <t>わかめラーメン北海道ホタテだししょうゆケース</t>
  </si>
  <si>
    <t>91g×12P</t>
  </si>
  <si>
    <t>わかめラーメン三重伊勢海老だしみそケース</t>
  </si>
  <si>
    <t>わかめラーメン千葉はまぐりだししおケース</t>
  </si>
  <si>
    <t>92g×12P</t>
  </si>
  <si>
    <t>大吉鰹だし醤油ラーメンケース</t>
  </si>
  <si>
    <t>大吉海老だし味噌ラーメンケース</t>
  </si>
  <si>
    <t>大吉鯛だし塩ラーメンケース</t>
  </si>
  <si>
    <t>わかめラーメンのど黒仕立て醤油ケース</t>
  </si>
  <si>
    <t>わかめラーメン紅ズワイガニ使用塩ケース</t>
  </si>
  <si>
    <t>わかめラーメン白トリュフ香る鶏しお白湯ケース</t>
  </si>
  <si>
    <t>ロカボデリリンガーハットの長崎ちゃんぽんケース</t>
  </si>
  <si>
    <t>ロカボデリCoCo壱番屋監修カレーラーメンケース</t>
  </si>
  <si>
    <t>らーめん空焼きとうきびラーメン味噌バター味</t>
  </si>
  <si>
    <t>わかめラー麺なしごましょうゆ</t>
  </si>
  <si>
    <t>わかめラーメン海鮮チゲ鍋風</t>
  </si>
  <si>
    <t>わかめラーメンごま豆乳鍋風</t>
  </si>
  <si>
    <t>わかめラーメン鶏白湯鍋風</t>
  </si>
  <si>
    <t>ワンタンメンどんぶり　南京町監修　豚まん味中華そば</t>
  </si>
  <si>
    <t>罪な味濃厚明太クリーム味ラーメン</t>
  </si>
  <si>
    <t>彗星の如く現れた行列店深緑黒出汁中華そば102g</t>
  </si>
  <si>
    <t>EDGEわかめラーメンごましょうゆわかめ4倍82g</t>
  </si>
  <si>
    <t>EDGE×わかめラーメンごましおわかめ4.0倍</t>
  </si>
  <si>
    <t>CoCo壱番屋監修ビーフ深コクカレーラーメン</t>
  </si>
  <si>
    <t>スーパーカップ黒醤油ラーメン</t>
  </si>
  <si>
    <t>ロカボデリPLUSCoCo壱番屋カレーラーメン</t>
  </si>
  <si>
    <t>ロカボデリPLUSCoCo壱番屋カレーラーメンケース</t>
  </si>
  <si>
    <t>ロカボデリPLUSリンガーハットの長崎ちゃんぽん糖質オフケース</t>
  </si>
  <si>
    <t>スーパーカップビーフの旨みとにんにく感濃厚カレーラーメンケース</t>
  </si>
  <si>
    <t>千葉勝浦タンタンメンケース</t>
  </si>
  <si>
    <t>98g×12</t>
  </si>
  <si>
    <t>かつおラーメン</t>
  </si>
  <si>
    <t>かつおラーメンケース</t>
  </si>
  <si>
    <t>たらこラーメン</t>
  </si>
  <si>
    <t>たらこラーメンケース</t>
  </si>
  <si>
    <t>野菜の旨みが引き立つコンソメ味ラーメン</t>
  </si>
  <si>
    <t>野菜の旨みが引き立つコンソメ味ラーメンケース</t>
  </si>
  <si>
    <t>ビーフの旨みが引き立つカレー味ラーメン</t>
  </si>
  <si>
    <t>ビーフの旨みが引き立つカレー味ラーメンケース</t>
  </si>
  <si>
    <t>おはよう朝日土曜日です×ワンタンメンどんぶり参鶏湯味ラーメン</t>
  </si>
  <si>
    <t>スーパーカップ黄金の味甘口風肉野菜炒め味ラーメン</t>
  </si>
  <si>
    <t>SC1．5倍黄金の味甘口風肉野菜炒め味ラーメンケース</t>
  </si>
  <si>
    <t>113g×12</t>
  </si>
  <si>
    <t>よこすか海軍カレーラーメン</t>
  </si>
  <si>
    <t>スーパーカップ1.5倍醤油の神絶品鶏だし中華そば</t>
  </si>
  <si>
    <t>全国グルメ旅×わかめラーメン北海道蟹だししょうゆ</t>
  </si>
  <si>
    <t>全国グルメ旅×わかめラーメン沖縄島そば</t>
  </si>
  <si>
    <t>悪魔のSCどろ辛豚キムチラーメンチェンソーマン</t>
  </si>
  <si>
    <t>悪魔のSCニンニク野菜タンメンチェンソーマン</t>
  </si>
  <si>
    <t>CoCo壱番屋専門店の定番ポークカレー味ラーメン</t>
  </si>
  <si>
    <t>わかめラーメン薫るTHEごましょうゆ</t>
  </si>
  <si>
    <t>わかめラーメン薫るTHEごましょうゆケース</t>
  </si>
  <si>
    <t>1104g</t>
  </si>
  <si>
    <t>わかめラーメン薫るTHEスパイスしょうゆ</t>
  </si>
  <si>
    <t>わかめラーメン薫るTHEスパイスしょうゆケース</t>
  </si>
  <si>
    <t>1032g</t>
  </si>
  <si>
    <t>超大盛りSC2.0倍タンメンカラタンタンメン</t>
  </si>
  <si>
    <t>飲茶ダイニングかき玉中華醤油ラーメン</t>
  </si>
  <si>
    <t>飲茶ダイニングかき玉中華旨塩ラーメン</t>
  </si>
  <si>
    <t>わかめラーメン焼がきだし味噌</t>
  </si>
  <si>
    <t>わかめラーメン×プチッと鍋寄せ鍋味</t>
  </si>
  <si>
    <t>わかめラーメン×プチッと鍋キムチ鍋味</t>
  </si>
  <si>
    <t>わかめラーメンしじみだし･みそ</t>
  </si>
  <si>
    <t>わかめラーメン紀州南高梅香る塩</t>
  </si>
  <si>
    <t>わかめラーメン九州産ゆず胡椒香る豚骨</t>
  </si>
  <si>
    <t>スーパーカップ信州味噌キムチラーメン</t>
  </si>
  <si>
    <t>スイッチわかめラーメンだし香る和風味</t>
  </si>
  <si>
    <t>スイッチわかめラーメンだし香る和風味ケース</t>
  </si>
  <si>
    <t>あさりだしラーメン</t>
  </si>
  <si>
    <t>カップあさりだしラーメンケース</t>
  </si>
  <si>
    <t>しじみ味ラーメン</t>
  </si>
  <si>
    <t>カップしじみ味ラーメンケース</t>
  </si>
  <si>
    <t>カップ玉ねぎラーメンコンソメ味</t>
  </si>
  <si>
    <t>ブラックチャンポンめんカップ</t>
  </si>
  <si>
    <t>イトメンワンタン</t>
  </si>
  <si>
    <t>鴨出汁ラーメン</t>
  </si>
  <si>
    <t>ゆず塩ラーメン</t>
  </si>
  <si>
    <t>89ｇ</t>
  </si>
  <si>
    <t>ホームラン軒ねぎ味噌ラーメン</t>
  </si>
  <si>
    <t>ホームラン軒ねぎ味噌ラーメンケース</t>
  </si>
  <si>
    <t>鯖だしラーメン</t>
  </si>
  <si>
    <t>ホームラン軒海老塩ラーメン</t>
  </si>
  <si>
    <t>ホームラン軒　鳥中華そば</t>
  </si>
  <si>
    <t>１０５ｇ</t>
  </si>
  <si>
    <t>ホームラン軒鳥中華そばケース</t>
  </si>
  <si>
    <t>ホームラン軒旨辛ラーメン</t>
  </si>
  <si>
    <t>ホームラン軒旨辛ラーメンケース</t>
  </si>
  <si>
    <t>ホームラン軒_カレーラーメン</t>
  </si>
  <si>
    <t>ホームラン軒　魚介豚骨醤油</t>
  </si>
  <si>
    <t>駅前食堂醤油らーめん</t>
  </si>
  <si>
    <t>駅前食堂味噌らーめん</t>
  </si>
  <si>
    <t>駅前食堂塩らーめん</t>
  </si>
  <si>
    <t>ご当地津軽中華そば</t>
  </si>
  <si>
    <t>広東味噌拉麺</t>
  </si>
  <si>
    <t>ホームラン軒キムチチゲ</t>
  </si>
  <si>
    <t>濃厚味噌ラーメン</t>
  </si>
  <si>
    <t>濃厚醤油ラーメン</t>
  </si>
  <si>
    <t>スープの名人香味醤油</t>
  </si>
  <si>
    <t>スープの名人塩ラーメン</t>
  </si>
  <si>
    <t>スープの名人和風豚骨</t>
  </si>
  <si>
    <t>にぎわい食堂醤油</t>
  </si>
  <si>
    <t>にぎわい食堂味噌</t>
  </si>
  <si>
    <t>にぎわい食堂トンコツ</t>
  </si>
  <si>
    <t>本店の味メンマしょうゆ味</t>
  </si>
  <si>
    <t>カップ本店の味もやしみそ味</t>
  </si>
  <si>
    <t>カップ台湾ラーメンピリ辛</t>
  </si>
  <si>
    <t>赤から監修　カップ赤からラーメン</t>
  </si>
  <si>
    <t>全国麺めぐり富山ブラックラーメン</t>
  </si>
  <si>
    <t>カップＳｕｇａｋｉｙａ担々麺</t>
  </si>
  <si>
    <t>寿がきや　本店の味　五目あんかけラーメン　76g</t>
  </si>
  <si>
    <t>76G</t>
  </si>
  <si>
    <t>銀座香味徳鳥取ゴールド牛骨ラーメン</t>
  </si>
  <si>
    <t>本店の味メンマしょうゆ</t>
  </si>
  <si>
    <t>麺や絶豚監修焙煎煮干しラーメン</t>
  </si>
  <si>
    <t>希望軒ごま味噌ラーメンピリカ</t>
  </si>
  <si>
    <t>ホームラン軒鶏ガラ醤油</t>
  </si>
  <si>
    <t>ホームラン軒合わせ味噌</t>
  </si>
  <si>
    <t>東北青森煮干ラーメン</t>
  </si>
  <si>
    <t>大分中津ﾗｰﾒﾝ</t>
  </si>
  <si>
    <t>86G</t>
  </si>
  <si>
    <t>火の国とんこつラーメンカップ</t>
  </si>
  <si>
    <t>アベックラーメンカップ</t>
  </si>
  <si>
    <t>ごま味ラーメン</t>
  </si>
  <si>
    <t>ワンタンミソラ－メン</t>
  </si>
  <si>
    <t>ワンタン塩ラーメン</t>
  </si>
  <si>
    <t>みそラーメン_どんぶり</t>
  </si>
  <si>
    <t>塩ラーメン_どんぶり</t>
  </si>
  <si>
    <t>ごま味ラーメン_どんぶり</t>
  </si>
  <si>
    <t>幸楽ラーメン醤油味</t>
  </si>
  <si>
    <t>渡る世間幸楽タンメン</t>
  </si>
  <si>
    <t>夏季限定夏野菜ワンタンみそ</t>
  </si>
  <si>
    <t>渡る世間は鬼ばかり幸楽みそ</t>
  </si>
  <si>
    <t>みそラーメンどんぶり</t>
  </si>
  <si>
    <t>塩ラーメンどんぶり</t>
  </si>
  <si>
    <t>ごま味ラーメンどんぶり</t>
  </si>
  <si>
    <t>幸楽ラーメン特製醤油味</t>
  </si>
  <si>
    <t>幸楽ラーメン特製みそ味</t>
  </si>
  <si>
    <t>オノミチラーメン</t>
  </si>
  <si>
    <t>クマモトラーメン</t>
  </si>
  <si>
    <t>サッポロ一番　みそラーメンどんぶり</t>
  </si>
  <si>
    <t>和醤骨ラーメン和風醤油豚骨</t>
  </si>
  <si>
    <t>味わい醤油ちゃんこラーメン</t>
  </si>
  <si>
    <t>味わい塩ちゃんこラーメン</t>
  </si>
  <si>
    <t>澄だし流_しょうゆラーメン</t>
  </si>
  <si>
    <t>澄だし流_しおラーメン</t>
  </si>
  <si>
    <t>鰹みそ味ラーメン</t>
  </si>
  <si>
    <t>梅しょうゆ味ラーメン</t>
  </si>
  <si>
    <t>きのこと野菜のみそラーメン</t>
  </si>
  <si>
    <t>サッポロ一番みそラーメンどんぶりケース</t>
  </si>
  <si>
    <t>81ｇ×12</t>
  </si>
  <si>
    <t>サッポロ一番塩らーめんどんぶりケース</t>
  </si>
  <si>
    <t>83ｇ×12</t>
  </si>
  <si>
    <t>やんつきラーメンとんこつ</t>
  </si>
  <si>
    <t>やんつきラーメンしおとんこつ</t>
  </si>
  <si>
    <t>旅麺_旭川醤油ラーメン</t>
  </si>
  <si>
    <t>旅麺_横浜豚骨醤油ラーメン</t>
  </si>
  <si>
    <t>旅麺_横浜醤油豚骨ラーメン</t>
  </si>
  <si>
    <t>坦々麺どんぶりカップ</t>
  </si>
  <si>
    <t>旅麺_博多豚骨ラーメン</t>
  </si>
  <si>
    <t>サッポロ一番坦々麺どんぶり</t>
  </si>
  <si>
    <t>青葉_中野本店ラーメン</t>
  </si>
  <si>
    <t>ﾀﾃｶﾞﾀﾋﾞｯｸﾞ</t>
  </si>
  <si>
    <t>ｻｯﾎﾟﾛ一番どんぶり_ちゃんぽん</t>
  </si>
  <si>
    <t>魁龍_どトンコツワンタン麺</t>
  </si>
  <si>
    <t>塩麹を使ったまろやかラーメン　豆乳味</t>
  </si>
  <si>
    <t>名店の味　天天有昼限定ブランド　ひるまや　煮干豚骨ラーメン</t>
  </si>
  <si>
    <t>麺の力担々麺どんぶり</t>
  </si>
  <si>
    <t>夏限定塩ラーメントマトとバジル</t>
  </si>
  <si>
    <t>とっぱちからくさやんつきらーめん</t>
  </si>
  <si>
    <t>みそラーメンどんぶり辛口ラー油</t>
  </si>
  <si>
    <t>麺の力しょうゆとんこつ</t>
  </si>
  <si>
    <t>きらめきの一杯トマたまラーメ</t>
  </si>
  <si>
    <t>きらめきの一杯チーぽてラーメ</t>
  </si>
  <si>
    <t>79ｇ</t>
  </si>
  <si>
    <t>千葉船橋ソースラーメン</t>
  </si>
  <si>
    <t>幸楽苑極旨醤油らーめん</t>
  </si>
  <si>
    <t>幸楽苑味噌らーめん</t>
  </si>
  <si>
    <t>幸楽苑塩らーめん</t>
  </si>
  <si>
    <t>みそﾗｰﾒﾝ辛口仕上げ</t>
  </si>
  <si>
    <t>トリフ香る塩そば</t>
  </si>
  <si>
    <t>幸楽苑豚骨こってりらーめん</t>
  </si>
  <si>
    <t>カレーラーメンどんぶり</t>
  </si>
  <si>
    <t>７９ｇ</t>
  </si>
  <si>
    <t>贅の極み海老濃厚味噌らーめん</t>
  </si>
  <si>
    <t>サッポロ一番だしのすすめ鰹</t>
  </si>
  <si>
    <t>だしのすすめ鰹節だしクリー</t>
  </si>
  <si>
    <t>旅麺喜多方ケース</t>
  </si>
  <si>
    <t>札幌味噌ラーメンケース</t>
  </si>
  <si>
    <t>きのこがおいしいみそラーメン</t>
  </si>
  <si>
    <t>長崎中華街ちゃんぽん_ケース</t>
  </si>
  <si>
    <t>旅麺京都背油醤油ラーメンケース</t>
  </si>
  <si>
    <t>鍋風みそラーメン</t>
  </si>
  <si>
    <t>鍋風塩ラーメン</t>
  </si>
  <si>
    <t>鍋風カレーラーメン</t>
  </si>
  <si>
    <t>田子ノ浦部屋　醤油油ちゃんこラーメン</t>
  </si>
  <si>
    <t>田子ノ浦部屋_塩ちゃんこラーメン</t>
  </si>
  <si>
    <t>田子ノ浦部屋　醤油ちゃんこラーメン　ケース</t>
  </si>
  <si>
    <t>８９ｇ×１２</t>
  </si>
  <si>
    <t>田子ノ浦部屋_塩ちゃんこラーメン　ケース</t>
  </si>
  <si>
    <t>８８ｇ×１２</t>
  </si>
  <si>
    <t>麺’sトッピング　博多豚骨ラーメ・</t>
  </si>
  <si>
    <t>旅麺横浜家系豚骨しょうゆケース</t>
  </si>
  <si>
    <t>醤油味どんぶり_ケース</t>
  </si>
  <si>
    <t>74gx12</t>
  </si>
  <si>
    <t>みそラーメンどんぶりケース</t>
  </si>
  <si>
    <t>塩らーめんどんぶりケース</t>
  </si>
  <si>
    <t>全農ｶｯﾌﾟｽﾀ-叉焼ちゃんぽん</t>
  </si>
  <si>
    <t>カレーは飲み物赤い鶏Ｃ拉麺</t>
  </si>
  <si>
    <t>野郎ラーメン　汁無し野郎</t>
  </si>
  <si>
    <t>137G</t>
  </si>
  <si>
    <t>名店の味　青葉　東京魚介豚骨醤油</t>
  </si>
  <si>
    <t>名店の味純連札幌濃厚みそケース</t>
  </si>
  <si>
    <t>123g×12P</t>
  </si>
  <si>
    <t>塩とんこつらーめん　どんぶり</t>
  </si>
  <si>
    <t>ザク切り野菜タンメン</t>
  </si>
  <si>
    <t>田子浦部屋監修醤油ﾁｬﾝｺﾗｰﾒﾝ</t>
  </si>
  <si>
    <t>田子浦部屋監修塩ﾁｬﾝｺﾗｰﾒﾝ</t>
  </si>
  <si>
    <t>渋谷喜楽中華麺</t>
  </si>
  <si>
    <t>桂花熊本マー油豚骨ケース</t>
  </si>
  <si>
    <t>サッポロ一番　千葉醸造焦がし醤油味ラーメン　</t>
  </si>
  <si>
    <t>サッポロ一番北海道醸造味噌使用味噌ラーメン　</t>
  </si>
  <si>
    <t>博多純情ｼﾝｼﾝ炊出し豚骨</t>
  </si>
  <si>
    <t>97G</t>
  </si>
  <si>
    <t>創味シャンタン　かに玉風醤油ラーメン　</t>
  </si>
  <si>
    <t>創味シャンタン　八宝菜風塩ラーメン</t>
  </si>
  <si>
    <t>創味シャンタン　かに玉風醤油ラーメン　ケース</t>
  </si>
  <si>
    <t>85gX12</t>
  </si>
  <si>
    <t>創味シャンタン　八宝菜風塩ラーメン　ケース</t>
  </si>
  <si>
    <t>83gX12</t>
  </si>
  <si>
    <t>創味シャンタンかに玉風醤油刀削風麺　８５ｇ</t>
  </si>
  <si>
    <t>サンヨー　創味シャンタン中華風野菜タンメン　８５ｇ</t>
  </si>
  <si>
    <t>スンドゥブマイルド味ラーメン</t>
  </si>
  <si>
    <t>くらこんごま油香る塩ラーメン</t>
  </si>
  <si>
    <t>名店の味天下一品京都濃厚鶏白湯ケース</t>
  </si>
  <si>
    <t>桃屋のキムチの素で仕上げたキムチラーメン</t>
  </si>
  <si>
    <t>サッポロ一番しょうゆ味どんぶり</t>
  </si>
  <si>
    <t>サッポロ一番みそラーメンどんぶり</t>
  </si>
  <si>
    <t>サッポロ一番塩らーめんどんぶり</t>
  </si>
  <si>
    <t>サッポロ一番ごま味ラーメンどんぶり</t>
  </si>
  <si>
    <t>舞妓はんひぃーひぃー一味仕立て狂辛味噌ラーメン</t>
  </si>
  <si>
    <t>サッポロ一番みそラーメンどんぶり三重伊勢海老だし</t>
  </si>
  <si>
    <t>サッポロ一番塩らーめんどんぶり北海道利尻昆布だし</t>
  </si>
  <si>
    <t>あんかけ屋とろみ醤油ラーメン</t>
  </si>
  <si>
    <t>あんかけ屋とろみ塩ラーメン</t>
  </si>
  <si>
    <t>大和イチロウおすすめ赤龍ラーメンどんぶり辛子みそ</t>
  </si>
  <si>
    <t>サッポロ一番みそラーメンどんぶり焙煎ごまだれ仕立て</t>
  </si>
  <si>
    <t>サッポロ一番塩らーめんどんぶり瀬戸内レモン味</t>
  </si>
  <si>
    <t>金色不如帰監修はまぐりだしの塩そば</t>
  </si>
  <si>
    <t>サッポロ一番塩らーめん絶品鶏白湯W鶏だし仕立てタテ</t>
  </si>
  <si>
    <t>つけ麺道監修濃厚豚骨魚介らーめん</t>
  </si>
  <si>
    <t>韓国式ちゃんぽん</t>
  </si>
  <si>
    <t>みんみんラーメン</t>
  </si>
  <si>
    <t>名店の味春木屋東京ワンタン麺</t>
  </si>
  <si>
    <t>サンヨー　獅子丸　泡仕立鶏白湯らぁめん　９６ｇ</t>
  </si>
  <si>
    <t>ホープ軒本舗監修　東京背脂豚骨醤油ラーメン</t>
  </si>
  <si>
    <t>街の熱愛グルメ_鮭のチャンチャン焼き風バター香る味噌ラーメン</t>
  </si>
  <si>
    <t>街の熱愛グルメ_焼きほたて風醤油ラーメン</t>
  </si>
  <si>
    <t>サッポロ一番みそラーメンどんぶり伊勢海老だし仕立て</t>
  </si>
  <si>
    <t>サッポロ一番塩らーめんどんぶり利尻昆布だし仕立て</t>
  </si>
  <si>
    <t>ビャンビャン麺風辛口麻辣湯麺</t>
  </si>
  <si>
    <t>サッポロ一番刀削風麺担々風まぜそば</t>
  </si>
  <si>
    <t>サッポロ一番刀削風麺海鮮風まぜそば</t>
  </si>
  <si>
    <t>名店の味桂花赤マー油仕上げ辛口熊本豚骨拉麺</t>
  </si>
  <si>
    <t>ビャンビャン麺風汁なし担担麺</t>
  </si>
  <si>
    <t>サッポロ一番みそラーメンどんぶり北海道醸造味噌使用</t>
  </si>
  <si>
    <t>サッポロ一番塩らーめんどんぶり瀬戸内レモン仕上げ</t>
  </si>
  <si>
    <t>大和イチロウおすすめオホーツクの塩どんぶり</t>
  </si>
  <si>
    <t>サッポロ一番みそラーメンどんぶり仙台味噌</t>
  </si>
  <si>
    <t>しょうゆ味どんぶり菰田欣也監修酸辣湯麺風</t>
  </si>
  <si>
    <t>みそラーメンどんぶり笠原将弘監修真鯛だし仕上げ</t>
  </si>
  <si>
    <t>塩らーめんどんぶり鈴木弥平監修ペペロンチーノ風</t>
  </si>
  <si>
    <t>ほたて味らーめん</t>
  </si>
  <si>
    <t>ごまみそらーめん</t>
  </si>
  <si>
    <t>名店の味純連花椒ラー油仕上げ辛口札幌濃厚みそ</t>
  </si>
  <si>
    <t>しょうゆ味どんぶり地鶏だし仕上げ</t>
  </si>
  <si>
    <t>みそラーメンどんぶり紅ずわいがにだし仕上げ</t>
  </si>
  <si>
    <t>塩らーめんどんぶり利尻昆布だし仕上げ</t>
  </si>
  <si>
    <t>しょうゆ味どんぶり焦がしねぎ風</t>
  </si>
  <si>
    <t>みそラーメンどんぶり焙煎ごまみそ風</t>
  </si>
  <si>
    <t>塩らーめんどんぶりあさりだし仕上げ</t>
  </si>
  <si>
    <t>サッポロ一番しょうゆ味どんぶり旭川醤油ラーメン風バター風味</t>
  </si>
  <si>
    <t>サッポロ一番みそラーメンどんぶり札幌味噌ラーメン風バター風味</t>
  </si>
  <si>
    <t>サッポロ一番塩らーめんどんぶり函館塩ラーメン風</t>
  </si>
  <si>
    <t>塩らーめん沖縄琉球そば風</t>
  </si>
  <si>
    <t>塩カルビ味ラーメン</t>
  </si>
  <si>
    <t>塩らーめんどんぶり東京両国ちゃんこ風</t>
  </si>
  <si>
    <t>塩らーめんどんぶり大阪豚まん風</t>
  </si>
  <si>
    <t>サッポロ一番塩らーめんどんぶりあさりだし仕上げ</t>
  </si>
  <si>
    <t>焼豚ラーメン</t>
  </si>
  <si>
    <t>ダンセイセンヨウ_レギュラーカップ</t>
  </si>
  <si>
    <t>野菜みそラーメン</t>
  </si>
  <si>
    <t>タンタンメン</t>
  </si>
  <si>
    <t>ちゃんぽんラーメン</t>
  </si>
  <si>
    <t>カレーとんこつラーメン</t>
  </si>
  <si>
    <t>塩とんこつラーメン</t>
  </si>
  <si>
    <t>おっうまいねとんこつ</t>
  </si>
  <si>
    <t>おっうまいねしょうゆラーメン</t>
  </si>
  <si>
    <t>鹿児島ラーメン</t>
  </si>
  <si>
    <t>ＭＡＸウーメン</t>
  </si>
  <si>
    <t>焼豚ラーメン塩とんこつ</t>
  </si>
  <si>
    <t>焼豚ラ－メン醤油とんこつ</t>
  </si>
  <si>
    <t>うまか軒野菜カレーラーメン</t>
  </si>
  <si>
    <t>焼き豚ラーメンカレー</t>
  </si>
  <si>
    <t>焼豚ラーメンみそ豚骨味</t>
  </si>
  <si>
    <t>うまか軒醤油豚骨ラーメン</t>
  </si>
  <si>
    <t>にんにくラーメン男性専用復刻</t>
  </si>
  <si>
    <t>高菜ラーメン</t>
  </si>
  <si>
    <t>久留米ラーメン</t>
  </si>
  <si>
    <t>うまか軒　みそらーめん</t>
  </si>
  <si>
    <t>焼豚ラーメン醤油とんこつ味</t>
  </si>
  <si>
    <t>８８Ｇ</t>
  </si>
  <si>
    <t>焼豚ラーメン長浜とんこつ</t>
  </si>
  <si>
    <t>焼豚ラーメン黒熊本とんこつ</t>
  </si>
  <si>
    <t>自信作ちゃんぽん</t>
  </si>
  <si>
    <t>ボウラーメンショウユ</t>
  </si>
  <si>
    <t>味噌ちゃんぽん</t>
  </si>
  <si>
    <t>サンポー_旨辛ちゃんぽん</t>
  </si>
  <si>
    <t>うまか軒　ちゃんぽん</t>
  </si>
  <si>
    <t>焼豚ラーメン×魁龍どトンコツ</t>
  </si>
  <si>
    <t>焼豚ラーメン×丸星ラーメン</t>
  </si>
  <si>
    <t>焼豚ラーメン_ねぎとんこつ味86g</t>
  </si>
  <si>
    <t>焼豚ラーメン_にんにくとんこつ味83g</t>
  </si>
  <si>
    <t>焼豚ラーメン鹿児島黒豚とんこつ　85ｇ</t>
  </si>
  <si>
    <t>焼豚ラーメン　宮崎辛麺　87ｇ</t>
  </si>
  <si>
    <t>透豚骨ラーメン</t>
  </si>
  <si>
    <t>サンボー焼豚ラーメントムヤムクン味88g</t>
  </si>
  <si>
    <t>ばりよか豚骨ラーメン</t>
  </si>
  <si>
    <t>ばりよかちゃんぽん</t>
  </si>
  <si>
    <t>ばりよか焦がしにんにくラーメン</t>
  </si>
  <si>
    <t>ばりよか担々麺</t>
  </si>
  <si>
    <t>九州地獄豚骨ラーメン</t>
  </si>
  <si>
    <t>超濃厚豚骨ラーメン</t>
  </si>
  <si>
    <t>焼豚ラーメン×名島亭</t>
  </si>
  <si>
    <t>九州三宝堂久留米ラーメン</t>
  </si>
  <si>
    <t>九州三宝堂高菜博多ラーメン</t>
  </si>
  <si>
    <t>海苔佐賀醤油ラーメン</t>
  </si>
  <si>
    <t>激旨にんにくラーメンガーリッ喰う醤油とんこつ味</t>
  </si>
  <si>
    <t>焼豚ラーメン石田一龍</t>
  </si>
  <si>
    <t>濃厚豚骨キレの醤油とんこつ</t>
  </si>
  <si>
    <t>丸星ラーメン監修久留米とんこつラーメン</t>
  </si>
  <si>
    <t>濃厚豚骨旨みの魚介とんこつ</t>
  </si>
  <si>
    <t>焼豚ラーメン特製ラー油推し</t>
  </si>
  <si>
    <t>柚子胡椒仕立ての高菜ラーメン</t>
  </si>
  <si>
    <t>火の国文龍監修濃厚豚骨ラーメン</t>
  </si>
  <si>
    <t>焼豚ラーメンキムチ豚骨推し</t>
  </si>
  <si>
    <t>天外天監修にんにく豚骨ラーメン</t>
  </si>
  <si>
    <t>ｻﾝﾎﾟ</t>
  </si>
  <si>
    <t>焼豚ラーメン豚骨ねぎ推し</t>
  </si>
  <si>
    <t>井手ちゃんぽん</t>
  </si>
  <si>
    <t>マー油香る黒ちゃんぽん</t>
  </si>
  <si>
    <t>焼豚ラーメン×丸幸ラーメン</t>
  </si>
  <si>
    <t>長崎ちゃんぽんイカ墨BLACK</t>
  </si>
  <si>
    <t>激めんワンタンメン</t>
  </si>
  <si>
    <t>麺づくり_鶏ガラ醤油</t>
  </si>
  <si>
    <t>麺づくり_合わせ味噌</t>
  </si>
  <si>
    <t>麺づくり_濃厚豚骨</t>
  </si>
  <si>
    <t>麺づくり_鶏だし塩</t>
  </si>
  <si>
    <t>匠_芳醇だし醤油</t>
  </si>
  <si>
    <t>匠_芳醇だし塩</t>
  </si>
  <si>
    <t>バリうまワンタンめんとんこつ</t>
  </si>
  <si>
    <t>がんばれ受験生醤油味ラーメン</t>
  </si>
  <si>
    <t>がんばれ受験生塩味ラーメン</t>
  </si>
  <si>
    <t>匠芳醇だし醤油</t>
  </si>
  <si>
    <t>匠芳醇コク塩</t>
  </si>
  <si>
    <t>麺づくり坦々麺</t>
  </si>
  <si>
    <t>山菜ラーメン</t>
  </si>
  <si>
    <t>豚汁ラーメン</t>
  </si>
  <si>
    <t>にぎわい屋_担担麺</t>
  </si>
  <si>
    <t>にぎわい屋_ちゃんぽん</t>
  </si>
  <si>
    <t>匠芳醇コク醤油</t>
  </si>
  <si>
    <t>匠重厚旨み塩</t>
  </si>
  <si>
    <t>バリうま長崎ちゃんぽん</t>
  </si>
  <si>
    <t>麺づくり坦坦麺</t>
  </si>
  <si>
    <t>二刀流_旨味だし豚骨醤油麺</t>
  </si>
  <si>
    <t>にぎわい屋_酸辣湯麺</t>
  </si>
  <si>
    <t>やみつき屋濃厚塩とんこつ</t>
  </si>
  <si>
    <t>匠芳醇旨味醤油</t>
  </si>
  <si>
    <t>匠香味だし塩</t>
  </si>
  <si>
    <t>また食べたくなるラーメン塩味</t>
  </si>
  <si>
    <t>麺づくり_担担麺</t>
  </si>
  <si>
    <t>黒の激めんワンタンメン黒胡椒</t>
  </si>
  <si>
    <t>つるっとワンタン麺塩</t>
  </si>
  <si>
    <t>赤の激めんワンタンメン赤担担</t>
  </si>
  <si>
    <t>スープの醍醐味横浜豚骨醤油</t>
  </si>
  <si>
    <t>担担麺九州の工場でつくっていますケース</t>
  </si>
  <si>
    <t>豚骨ラーメン九州の工場でつくっていますケース</t>
  </si>
  <si>
    <t>匠_芳醇_旨味醤油</t>
  </si>
  <si>
    <t>匠_重厚_旨味塩</t>
  </si>
  <si>
    <t>匠旨味醤油</t>
  </si>
  <si>
    <t>匠清澄だし塩</t>
  </si>
  <si>
    <t>麺づくり_坦々麺</t>
  </si>
  <si>
    <t>味の逸品辛コク坦坦麺</t>
  </si>
  <si>
    <t>味の逸品旨コクちゃんぽん</t>
  </si>
  <si>
    <t>まろ味噌</t>
  </si>
  <si>
    <t>でかまるピリから</t>
  </si>
  <si>
    <t>バリうま赤とんこつ</t>
  </si>
  <si>
    <t>麺づくりで点づくり_とろみしょうゆ</t>
  </si>
  <si>
    <t>麺づくり担担麺</t>
  </si>
  <si>
    <t>麺づくり鶏がら醤油</t>
  </si>
  <si>
    <t>麺づくり合わせ味噌</t>
  </si>
  <si>
    <t>麺づくり濃厚豚骨</t>
  </si>
  <si>
    <t>麺づくり鶏だし塩</t>
  </si>
  <si>
    <t>麺づくり鶏がら醤油　ケース</t>
  </si>
  <si>
    <t>麺づくり合わせ味噌ケース</t>
  </si>
  <si>
    <t>麺づくり濃厚豚骨　ケース</t>
  </si>
  <si>
    <t>88ｇｘ12</t>
  </si>
  <si>
    <t>麺づくり鶏だし塩　ケース</t>
  </si>
  <si>
    <t>86ｇｘ12</t>
  </si>
  <si>
    <t>あんあけ風激めんワンタンメン</t>
  </si>
  <si>
    <t>麺づくり担担麺（秋冬限定）</t>
  </si>
  <si>
    <t>豚しお</t>
  </si>
  <si>
    <t>マルちゃん北海道ラーメン醤油味</t>
  </si>
  <si>
    <t>マルちゃん北海道ラーメン味噌味</t>
  </si>
  <si>
    <t>マルちゃん北海道ラーメン塩味</t>
  </si>
  <si>
    <t>マルちゃん北海道ラーメン醤油味　ケース</t>
  </si>
  <si>
    <t>85ｇｘ12</t>
  </si>
  <si>
    <t>マルちゃん北海道ラーメン味噌味　ケース</t>
  </si>
  <si>
    <t>75ｇｘ12</t>
  </si>
  <si>
    <t>マルちゃん北海道ラーメン塩味　ケース</t>
  </si>
  <si>
    <t>麺づくり　坦坦麺</t>
  </si>
  <si>
    <t>マルちゃん　匠　芳醇旨味醤油</t>
  </si>
  <si>
    <t>また食べたくなるラーメン　醤油味</t>
  </si>
  <si>
    <t>がんばれ受験生　麺づくりで点づくり　丸鶏だし塩白湯スープ</t>
  </si>
  <si>
    <t>ラーメン凪×博多新風　辛ダレ黒豚骨</t>
  </si>
  <si>
    <t>匠　Black味噌</t>
  </si>
  <si>
    <t>麺づくり　醤油とんこつ</t>
  </si>
  <si>
    <t>激めんワンタンメン　スープカレー</t>
  </si>
  <si>
    <t>激めんワンタンメン　スープカレー_ケース</t>
  </si>
  <si>
    <t>85gx12</t>
  </si>
  <si>
    <t>激めんワンタンメン　あんかけ風</t>
  </si>
  <si>
    <t>【終売】バリうまとんこつ長浜風</t>
  </si>
  <si>
    <t>やみつき屋_辛味噌キムチ</t>
  </si>
  <si>
    <t>大人のこだわり　野菜がたっぷり五目中華そば</t>
  </si>
  <si>
    <t>大人のこだわり_野菜がたっぷり_熟成味噌ラーメン</t>
  </si>
  <si>
    <t>麺づくり醤油とんこつ</t>
  </si>
  <si>
    <t>麺づくり醤油とんこつ　ケース</t>
  </si>
  <si>
    <t>89ｇｘ12</t>
  </si>
  <si>
    <t>黄色い博多ラーメン</t>
  </si>
  <si>
    <t>大人のこだわり　野菜がたっぷり鶏しお味ラーメン</t>
  </si>
  <si>
    <t>味の逸品ワンタン麺コク醤油　ケース</t>
  </si>
  <si>
    <t>80ｇｘ12</t>
  </si>
  <si>
    <t>味の逸品ワンタン麺ピリ辛味噌　ケース</t>
  </si>
  <si>
    <t>82ｇｘ12</t>
  </si>
  <si>
    <t>味の逸品ワンタン麺コク豚骨　ケース</t>
  </si>
  <si>
    <t>83ｇｘ12</t>
  </si>
  <si>
    <t>大人のこだわり　野菜がたっぷり熟成味噌ラーメン</t>
  </si>
  <si>
    <t>大人のこだわり　野菜がたっぷり鶏白湯ラーメン</t>
  </si>
  <si>
    <t>麺屋　彩未　味噌らーめん</t>
  </si>
  <si>
    <t>麺づくり　うまコク醤油味　冬期限定</t>
  </si>
  <si>
    <t>大盛　激めん　ワンタンメン</t>
  </si>
  <si>
    <t>サバだしラーメン</t>
  </si>
  <si>
    <t>また食べたくなるラーメン醤油</t>
  </si>
  <si>
    <t>麺づくり　坦々麺カップ</t>
  </si>
  <si>
    <t>マルちゃん　激めんワンタン麺ピリ辛坦々麺　ケース</t>
  </si>
  <si>
    <t>90ｇｘ12</t>
  </si>
  <si>
    <t>正麺カップ芳醇こく醤油</t>
  </si>
  <si>
    <t>正麺カップ香味まろ味噌</t>
  </si>
  <si>
    <t>マルちゃん正麺カップ_濃厚とろ豚骨</t>
  </si>
  <si>
    <t>麺づくり　担担麺</t>
  </si>
  <si>
    <t>正麺　味噌　カップ</t>
  </si>
  <si>
    <t>麺づくり担担麺ケース</t>
  </si>
  <si>
    <t>五目あんかけ風激めんワンタンメン</t>
  </si>
  <si>
    <t>マルちゃん正麺　カップ　濃厚とろ豚骨</t>
  </si>
  <si>
    <t>マルちゃん正麺　カップ　芳醇こく醤油</t>
  </si>
  <si>
    <t>マルちゃん正麺　カップ　香味まろ味噌</t>
  </si>
  <si>
    <t>マルちゃん正麺　カップ　旨味だし塩</t>
  </si>
  <si>
    <t>マルちゃん正麺カップうま辛担担麺</t>
  </si>
  <si>
    <t>がんばれ受験生麺づくり魚介醤油</t>
  </si>
  <si>
    <t>青森津軽煮干ラーメン　激にぼ</t>
  </si>
  <si>
    <t>マルちゃん　でかまる濃厚どろ豚骨ラーメン　１４０ｇ</t>
  </si>
  <si>
    <t>麺ダイニング　ワンタン麺　醤油味　ケース</t>
  </si>
  <si>
    <t>99×12</t>
  </si>
  <si>
    <t>麺ダイニング担担麺ケース</t>
  </si>
  <si>
    <t>95g×12P</t>
  </si>
  <si>
    <t>麺ダイニング　ちゃんぽん　ケース</t>
  </si>
  <si>
    <t>86ｇ×12</t>
  </si>
  <si>
    <t>麺づくり鶏ガラ醤油</t>
  </si>
  <si>
    <t>麺づくり鶏ガラ醤油ケース</t>
  </si>
  <si>
    <t>麺づくり旨コク豚骨</t>
  </si>
  <si>
    <t>麺づくり旨コク豚骨ケース</t>
  </si>
  <si>
    <t>麺づくり鶏だし塩ケース</t>
  </si>
  <si>
    <t>麺づくり醤油とんこつケース</t>
  </si>
  <si>
    <t>89g×12P</t>
  </si>
  <si>
    <t>麺づくり魚介とんこつ醤油</t>
  </si>
  <si>
    <t>１１５ｇ</t>
  </si>
  <si>
    <t>青いちゃんぽん　ケース</t>
  </si>
  <si>
    <t>87G*12</t>
  </si>
  <si>
    <t>麺づくりトリュフ香る芳醇醤油　</t>
  </si>
  <si>
    <t>マルちゃん　日本旨いもん青森津軽煮干拉麺　激にぼ　１１０ｇ</t>
  </si>
  <si>
    <t>でかまる回鍋肉旨辛味噌拉麺</t>
  </si>
  <si>
    <t>ﾏﾙちゃん麺ﾀﾞｲﾆﾝｸﾞ酸辣湯麺</t>
  </si>
  <si>
    <t>88G</t>
  </si>
  <si>
    <t>マルちゃん　激めんワンタンメン豆乳担々麺　１０２ｇ</t>
  </si>
  <si>
    <t>マルちゃん　激めんワンタンメン豆乳担々麺　ケース</t>
  </si>
  <si>
    <t>102ｇx12</t>
  </si>
  <si>
    <t>マルちゃん　激めんワンタンメンみそ　１０３ｇ</t>
  </si>
  <si>
    <t>マルちゃん　激めんワンタンメンみそ　ケース</t>
  </si>
  <si>
    <t>103ｇx12</t>
  </si>
  <si>
    <t>マルちゃん正麺カップ_芳醇こく醤油_麺増量</t>
  </si>
  <si>
    <t>麺づくり　濃いめ豚骨醤油</t>
  </si>
  <si>
    <t>麺ダイニング　豆乳ごま味噌ラーメン</t>
  </si>
  <si>
    <t>マルちゃんマルちゃん正麺醤油</t>
  </si>
  <si>
    <t>マルちゃんマルちゃん正麺味噌</t>
  </si>
  <si>
    <t>マルちゃんマルちゃん正麺豚骨</t>
  </si>
  <si>
    <t>マルちゃんマルちゃん正麺うま辛担々麺</t>
  </si>
  <si>
    <t>バリうま宮崎風辛麺</t>
  </si>
  <si>
    <t>バリうま宮崎風旨辛麺　ケース</t>
  </si>
  <si>
    <t>90g×12</t>
  </si>
  <si>
    <t>激めんワンタンメンえびみそ味</t>
  </si>
  <si>
    <t>激めんワンタンメンえびみそ味　ケース</t>
  </si>
  <si>
    <t>激めんワンタンメンケース</t>
  </si>
  <si>
    <t>マルちゃん激めんワンタンメン豆乳担々麺</t>
  </si>
  <si>
    <t>激めん_ワンタンメン_豆乳担々麺</t>
  </si>
  <si>
    <t>マルチャン　受験生麺丸鶏だし塩白湯</t>
  </si>
  <si>
    <t>Ｃ麺づくり塩そば梅風味</t>
  </si>
  <si>
    <t>麺づくり旨辛鶏白湯</t>
  </si>
  <si>
    <t>麺づくり旨辛酸辣湯麺</t>
  </si>
  <si>
    <t>いつもの一杯ワンタン麺中華そばケース</t>
  </si>
  <si>
    <t>いつもの一杯ワンタン麺鶏だし塩　ケース</t>
  </si>
  <si>
    <t>いつもの一杯ワンタン麺旨辛麺　ケース</t>
  </si>
  <si>
    <t>マルちゃんマルちゃん正麺香味まろ味噌</t>
  </si>
  <si>
    <t>マルちゃん正麺坦々麺</t>
  </si>
  <si>
    <t>マルちゃん激めんわかめしおケース</t>
  </si>
  <si>
    <t>炎のうま辛坦々麺</t>
  </si>
  <si>
    <t>麺づくり　濃厚煮干し醤油</t>
  </si>
  <si>
    <t>麺づくり　山椒香る旨味塩</t>
  </si>
  <si>
    <t>92G</t>
  </si>
  <si>
    <t>麺づくり旨辛豚骨</t>
  </si>
  <si>
    <t>炎の汁なし担担麺</t>
  </si>
  <si>
    <t>中華そば専門　田中そば店　肉そば</t>
  </si>
  <si>
    <t>激めんワンタンメンスタミナ旨辛醤油</t>
  </si>
  <si>
    <t>激めんワンタン麺スタミナ旨辛醤油ケース</t>
  </si>
  <si>
    <t>マルちゃん正麺　カップ　極濃魚介豚骨</t>
  </si>
  <si>
    <t>麺づくり赤いラー油味噌</t>
  </si>
  <si>
    <t>麺づくり黒いマー油豚骨</t>
  </si>
  <si>
    <t>がんばれ受験生麺づくりたまごあんかけ醤油</t>
  </si>
  <si>
    <t>麺屋彩未札幌味噌らーめんケース</t>
  </si>
  <si>
    <t>126g×12P</t>
  </si>
  <si>
    <t>麺づくりにんにく香る塩担担麺</t>
  </si>
  <si>
    <t>麺づくりにんにく香る醤油豚骨</t>
  </si>
  <si>
    <t>麺づくり旨み溢れる貝だし醤油</t>
  </si>
  <si>
    <t>麺づくり香り際立つ鯛だし塩</t>
  </si>
  <si>
    <t>いつもの一杯醤油豚骨</t>
  </si>
  <si>
    <t>マルちゃん　謹製昆布と貝だし醤油ラーメン　９１ｇ</t>
  </si>
  <si>
    <t>91G</t>
  </si>
  <si>
    <t>97gx12</t>
  </si>
  <si>
    <t>104gx12</t>
  </si>
  <si>
    <t>87gx12</t>
  </si>
  <si>
    <t>110gx12</t>
  </si>
  <si>
    <t>91gx12</t>
  </si>
  <si>
    <t>麺づくり旨豚中華そば</t>
  </si>
  <si>
    <t>麺づくり旨豚中華そばケース</t>
  </si>
  <si>
    <t>中華そば　ひらこ屋　こいくち煮干しそば</t>
  </si>
  <si>
    <t>麺づくりゆず＆胡椒香鶏白湯</t>
  </si>
  <si>
    <t>麺づくりにんにく香旨辛醤油</t>
  </si>
  <si>
    <t>麺づくり　魚介醤油</t>
  </si>
  <si>
    <t>９６ｇ</t>
  </si>
  <si>
    <t>麺づくり赤いラー油香る酸辣湯麺</t>
  </si>
  <si>
    <t>麺づくり白いごま香る豆乳担担麺</t>
  </si>
  <si>
    <t>麺づくり汁なし鶏ガラ醤油</t>
  </si>
  <si>
    <t>鶏肉盛りの黄色い博多ラーメン</t>
  </si>
  <si>
    <t>マルちゃんトイボックス醤油ラーメン</t>
  </si>
  <si>
    <t>マルちゃん正麺濃ニボちょい辛</t>
  </si>
  <si>
    <t>でかまる濃厚もやしタンメン</t>
  </si>
  <si>
    <t>バリうま熊本風黒とんこつラーメン</t>
  </si>
  <si>
    <t>麺づくり背脂しょうゆケース</t>
  </si>
  <si>
    <t>麺づくり煮干し香る魚介醤油</t>
  </si>
  <si>
    <t>麺づくり胡椒香るブラック醤油</t>
  </si>
  <si>
    <t>激めん紅白もちラーメン</t>
  </si>
  <si>
    <t>激めん紅白もちラーメンケース</t>
  </si>
  <si>
    <t>麺づくり尾道ラーメン</t>
  </si>
  <si>
    <t>麺づくり尾道ラーメンケース</t>
  </si>
  <si>
    <t>じゃがコーン塩バターラーメン</t>
  </si>
  <si>
    <t>マジ盛　豚しおカップ</t>
  </si>
  <si>
    <t>麺づくりあげあげ中華そば</t>
  </si>
  <si>
    <t>ﾄｳﾖｳｽｲｻﾝﾝ</t>
  </si>
  <si>
    <t>麺づくり青唐辛子うま塩味</t>
  </si>
  <si>
    <t>麺づくり黒マー油担担麺</t>
  </si>
  <si>
    <t>麺づくりスタミナ醤油豚骨</t>
  </si>
  <si>
    <t>俺の塩スタミナねぎ塩味</t>
  </si>
  <si>
    <t>でかまるもやし中華そば</t>
  </si>
  <si>
    <t>麺づくりまぜそば鶏ガラ醤油</t>
  </si>
  <si>
    <t>麺づくりまぜそば合わせ味噌</t>
  </si>
  <si>
    <t>日本うまいもん青森津軽煮干しラーメン激にぼ</t>
  </si>
  <si>
    <t>87g×12</t>
  </si>
  <si>
    <t>91g×12</t>
  </si>
  <si>
    <t>推しの一杯大喜純とりそば</t>
  </si>
  <si>
    <t>がんばれ受験生麺づくり鶏だしねぎ塩味</t>
  </si>
  <si>
    <t>推しの一杯麺屋彩未札幌味噌ケース</t>
  </si>
  <si>
    <t>麺づくり寄せ鍋風だし醤油</t>
  </si>
  <si>
    <t>麺づくりごま豆乳</t>
  </si>
  <si>
    <t>がんばれ受験生麺づくり丸鶏だし塩白湯</t>
  </si>
  <si>
    <t>91ｇｘ12</t>
  </si>
  <si>
    <t>麺づくり_しょうゆ</t>
  </si>
  <si>
    <t>麺づくり_みそ</t>
  </si>
  <si>
    <t>麺づくり_とんこつ</t>
  </si>
  <si>
    <t>バリウマトンコツ</t>
  </si>
  <si>
    <t>カップワンタンメン_ショウユアジ</t>
  </si>
  <si>
    <t>ピカイチチャーシューメンショウユ</t>
  </si>
  <si>
    <t>バリうま焼豚とんこつラーメン</t>
  </si>
  <si>
    <t>ワンタンメン_ショウユアジ</t>
  </si>
  <si>
    <t>チャ－シュ－メン_ショウユアジ</t>
  </si>
  <si>
    <t>デカ一ねぎ塩ラーメン</t>
  </si>
  <si>
    <t>具材自慢しょうゆワンタン麺</t>
  </si>
  <si>
    <t>チャーシュー麺</t>
  </si>
  <si>
    <t>贅沢煮玉子わんたん麺</t>
  </si>
  <si>
    <t>バリうま黒とんこつ</t>
  </si>
  <si>
    <t>しょうゆワンタン麺</t>
  </si>
  <si>
    <t>匠_しょうゆ</t>
  </si>
  <si>
    <t>匠_えびワンタン麺塩</t>
  </si>
  <si>
    <t>味噌トンコツラーメン</t>
  </si>
  <si>
    <t>長崎チャンポン</t>
  </si>
  <si>
    <t>キネツキチカララーメン</t>
  </si>
  <si>
    <t>厚切り豚角煮</t>
  </si>
  <si>
    <t>匠_チャーシュー麺醤油</t>
  </si>
  <si>
    <t>黒ダレちゃんぽん</t>
  </si>
  <si>
    <t>赤ダレとんこつ</t>
  </si>
  <si>
    <t>肉雲呑麺塩豚骨</t>
  </si>
  <si>
    <t>Ａダイニングトムヤンクンヌー</t>
  </si>
  <si>
    <t>Ａダイニングイエローカレーヌ</t>
  </si>
  <si>
    <t>Ａダイニングミーゴレン焼そば</t>
  </si>
  <si>
    <t>力もちラーメン</t>
  </si>
  <si>
    <t>匠_醤油とんこつ</t>
  </si>
  <si>
    <t>匠_塩とんこつ</t>
  </si>
  <si>
    <t>バリうまとんこつ長浜風</t>
  </si>
  <si>
    <t>とろみ白湯</t>
  </si>
  <si>
    <t>麺づくりしょうゆ</t>
  </si>
  <si>
    <t>麺づくりみそ</t>
  </si>
  <si>
    <t>麺づくりとんこつ</t>
  </si>
  <si>
    <t>麺づくり塩</t>
  </si>
  <si>
    <t>匠_醤油味</t>
  </si>
  <si>
    <t>匠_塩味</t>
  </si>
  <si>
    <t>匠香りだし醤油</t>
  </si>
  <si>
    <t>匠鶏だし塩</t>
  </si>
  <si>
    <t>バリうま久留米ラーメン</t>
  </si>
  <si>
    <t>マルちゃん_匠_芳醇だし塩</t>
  </si>
  <si>
    <t>まる鶏わかめスープ</t>
  </si>
  <si>
    <t>野菜たまごスープ</t>
  </si>
  <si>
    <t>9.8g×5</t>
  </si>
  <si>
    <t>チキンラーメンどんぶり</t>
  </si>
  <si>
    <t>棒ラーメン博多屋台とんこつ</t>
  </si>
  <si>
    <t>棒ラーメン醤油とんこつ</t>
  </si>
  <si>
    <t>麺の達人とんこつカップ</t>
  </si>
  <si>
    <t>麺達カップしょうゆ</t>
  </si>
  <si>
    <t>麺達カップ辛みそ</t>
  </si>
  <si>
    <t>焼豚屋</t>
  </si>
  <si>
    <t>砕き豚骨三種麺がらみ</t>
  </si>
  <si>
    <t>日清麺職人塩タンタン</t>
  </si>
  <si>
    <t>チキンラーメンどんぶりケース</t>
  </si>
  <si>
    <t>出前一丁カップ</t>
  </si>
  <si>
    <t>ラ王_しょうゆ</t>
  </si>
  <si>
    <t>ラ王_みそ</t>
  </si>
  <si>
    <t>ラ王_とんこつ</t>
  </si>
  <si>
    <t>ギョウレツラーメン</t>
  </si>
  <si>
    <t>日清行列のできる店の</t>
  </si>
  <si>
    <t>ラオウミニショウユ</t>
  </si>
  <si>
    <t>ラオウミニミソ</t>
  </si>
  <si>
    <t>行列のできる店ラーメン博多</t>
  </si>
  <si>
    <t>行列のできるちゃんぽん長崎</t>
  </si>
  <si>
    <t>チーズ担々麺</t>
  </si>
  <si>
    <t>麺の達人_夏の塩味トマト</t>
  </si>
  <si>
    <t>スープの達人にごり豚骨醤油</t>
  </si>
  <si>
    <t>スープの達人黒マー油とんこつ</t>
  </si>
  <si>
    <t>スープの達人香味スパイシー</t>
  </si>
  <si>
    <t>スープの達人背脂豚骨しょうゆ</t>
  </si>
  <si>
    <t>日清ラーメン屋カップ旭川</t>
  </si>
  <si>
    <t>麺の達人鶏がらしょうゆ</t>
  </si>
  <si>
    <t>麺の達人カップ濃厚みそ味</t>
  </si>
  <si>
    <t>麺の達人カップまろやか豚骨</t>
  </si>
  <si>
    <t>超中華坦々麺</t>
  </si>
  <si>
    <t>中華坦々麺</t>
  </si>
  <si>
    <t>焼豚屋しょうゆだれ</t>
  </si>
  <si>
    <t>麺職人</t>
  </si>
  <si>
    <t>麺職人しょうゆ</t>
  </si>
  <si>
    <t>どんべえこくだしちゃんぽん</t>
  </si>
  <si>
    <t>麺職人みそ</t>
  </si>
  <si>
    <t>麺職人塩タンメン</t>
  </si>
  <si>
    <t>麺職人とんこつ</t>
  </si>
  <si>
    <t>麺職人　醤油　ケース</t>
  </si>
  <si>
    <t>93G______</t>
  </si>
  <si>
    <t>麺職人　味噌　ケース</t>
  </si>
  <si>
    <t>100G_____</t>
  </si>
  <si>
    <t>具多_担担麺</t>
  </si>
  <si>
    <t>具多_チャンポン</t>
  </si>
  <si>
    <t>具多味玉叉焼麺</t>
  </si>
  <si>
    <t>グータ叉焼雲呑麺</t>
  </si>
  <si>
    <t>具多みそ叉焼麺</t>
  </si>
  <si>
    <t>具多炒豚菜麺</t>
  </si>
  <si>
    <t>具多十二雲呑麺</t>
  </si>
  <si>
    <t>具多七枚入叉焼麺</t>
  </si>
  <si>
    <t>具多八珍チャンポン麺</t>
  </si>
  <si>
    <t>ナニスンネンカップ</t>
  </si>
  <si>
    <t>250#</t>
  </si>
  <si>
    <t>具多炭火焼叉焼麺</t>
  </si>
  <si>
    <t>具多中華海鮮菜麺</t>
  </si>
  <si>
    <t>201g</t>
  </si>
  <si>
    <t>具多大雲呑叉焼麺</t>
  </si>
  <si>
    <t>具多ねぎ叉焼麺</t>
  </si>
  <si>
    <t>具多豚角煮カレー</t>
  </si>
  <si>
    <t>具多_厚切大叉焼麺</t>
  </si>
  <si>
    <t>Ｇ－ＣＵＰ豚タカルビ焼肉味</t>
  </si>
  <si>
    <t>汐留ラーメン</t>
  </si>
  <si>
    <t>伝承中華ねぎチャーシュー麺</t>
  </si>
  <si>
    <t>でか王シーフード</t>
  </si>
  <si>
    <t>デカ王豚キムチ醤油</t>
  </si>
  <si>
    <t>デカ王豚カルビ塩とんこつ</t>
  </si>
  <si>
    <t>健太郎鶏だし塩味</t>
  </si>
  <si>
    <t>健太郎ヌードル醤油豚骨</t>
  </si>
  <si>
    <t>健太郎ヌードルシーフード</t>
  </si>
  <si>
    <t>健太郎カップ豚骨醤油</t>
  </si>
  <si>
    <t>健太郎カップチャンポン</t>
  </si>
  <si>
    <t>Ｇｏｏｔａチャーシュー</t>
  </si>
  <si>
    <t>Ｇｏｏｔａワンタン</t>
  </si>
  <si>
    <t>Ｇｏｏｔａ豚キムチ</t>
  </si>
  <si>
    <t>麺屋むさし</t>
  </si>
  <si>
    <t>ＧＯＯＴＡ７枚入チャーシュー</t>
  </si>
  <si>
    <t>もやし味噌</t>
  </si>
  <si>
    <t>麺職人醤油</t>
  </si>
  <si>
    <t>麺職人味噌</t>
  </si>
  <si>
    <t>具多_金胡麻担々麺</t>
  </si>
  <si>
    <t>麺の達人鶏だし醤油</t>
  </si>
  <si>
    <t>麺の達人鶏だししょうゆ</t>
  </si>
  <si>
    <t>麺の達人濃厚香り野菜みそ</t>
  </si>
  <si>
    <t>麺の達人高菜とんこつ</t>
  </si>
  <si>
    <t>麺の達人鴨だし和風醤油</t>
  </si>
  <si>
    <t>スープの達人ガラ炊き豚骨醤油</t>
  </si>
  <si>
    <t>スープの達人香柚子濃厚塩トンコツ</t>
  </si>
  <si>
    <t>熊本ラーメン火の国亭</t>
  </si>
  <si>
    <t>麺の達人炊出し鶏ガラ醤油</t>
  </si>
  <si>
    <t>麺の達人炒め香味油みそ</t>
  </si>
  <si>
    <t>行列のできる店ラーメン熊本</t>
  </si>
  <si>
    <t>行列のできる店ラーメン札幌</t>
  </si>
  <si>
    <t>行列のできろ店ラーメン博多</t>
  </si>
  <si>
    <t>行列のできる店のラーメン京都</t>
  </si>
  <si>
    <t>行列のできる店ラーメン久留米</t>
  </si>
  <si>
    <t>チキンラ－メンどんぶり</t>
  </si>
  <si>
    <t>チキンラーメンプラスきねもち</t>
  </si>
  <si>
    <t>どん兵衛温つゆおそうめん</t>
  </si>
  <si>
    <t>ラ王しょうゆ</t>
  </si>
  <si>
    <t>ラ王みそ</t>
  </si>
  <si>
    <t>ラ王とんこつ</t>
  </si>
  <si>
    <t>ラ王鶏ガラコク醤油らーめん</t>
  </si>
  <si>
    <t>ラ王濃厚コクみそらーめん</t>
  </si>
  <si>
    <t>246g</t>
  </si>
  <si>
    <t>ラ王炊き出しとんこつらーめん</t>
  </si>
  <si>
    <t>健太郎鶏だし醤油</t>
  </si>
  <si>
    <t>具多棒棒鶏坦々麺</t>
  </si>
  <si>
    <t>具多和豚骨叉焼麺</t>
  </si>
  <si>
    <t>具多_炙焼叉焼麺</t>
  </si>
  <si>
    <t>具多_海老雲呑麺</t>
  </si>
  <si>
    <t>味玉又焼麺</t>
  </si>
  <si>
    <t>日清具多厚切叉焼麺</t>
  </si>
  <si>
    <t>具多味玉又焼麺</t>
  </si>
  <si>
    <t>具多_燻玉叉焼麺_青</t>
  </si>
  <si>
    <t>具多焼豚又焼麺</t>
  </si>
  <si>
    <t>具多とろ煮豚麺</t>
  </si>
  <si>
    <t>具多_手作肉団子麺</t>
  </si>
  <si>
    <t>具多五目あんかけ麺</t>
  </si>
  <si>
    <t>具多煮玉叉焼麺</t>
  </si>
  <si>
    <t>具多芳醇醤油</t>
  </si>
  <si>
    <t>具多とろ豚骨</t>
  </si>
  <si>
    <t>具多海鮮ちゃんぽん</t>
  </si>
  <si>
    <t>欧風カレーラーメン</t>
  </si>
  <si>
    <t>まるトク_豚キムチ</t>
  </si>
  <si>
    <t>まるトク_もやし味噌</t>
  </si>
  <si>
    <t>まるトク豚キムチ</t>
  </si>
  <si>
    <t>まるトクもやし味噌</t>
  </si>
  <si>
    <t>具多_旨辛豚キムチ</t>
  </si>
  <si>
    <t>具多_とろ叉焼麺</t>
  </si>
  <si>
    <t>具多八宝あんかけ麺</t>
  </si>
  <si>
    <t>具多豚トロ叉焼麺</t>
  </si>
  <si>
    <t>行列のできる店鹿児島</t>
  </si>
  <si>
    <t>行列のできる店久留米カップ</t>
  </si>
  <si>
    <t>行列のできる店のラーメン新潟</t>
  </si>
  <si>
    <t>行列広島カップ</t>
  </si>
  <si>
    <t>行列のできる店のラーメン旭川</t>
  </si>
  <si>
    <t>行列ラーメン名古屋</t>
  </si>
  <si>
    <t>行列のできる店札幌カップ</t>
  </si>
  <si>
    <t>行列のできる店のラーメン熊本</t>
  </si>
  <si>
    <t>行列のできる店のラーメン宮崎</t>
  </si>
  <si>
    <t>行列のできる店京都</t>
  </si>
  <si>
    <t>行列のできる博多長浜カップ</t>
  </si>
  <si>
    <t>よかろうもん高菜とんこつ</t>
  </si>
  <si>
    <t>とんがらし麺坦々麺</t>
  </si>
  <si>
    <t>はんなりどん兵衛温つゆそうめん</t>
  </si>
  <si>
    <t>麺職人坦坦麺</t>
  </si>
  <si>
    <t>麺職人　担々麺　　　ケース</t>
  </si>
  <si>
    <t>102G_____</t>
  </si>
  <si>
    <t>百福長寿鶏だし塩ラーメン</t>
  </si>
  <si>
    <t>麺職人鶏コクすっきり醤油</t>
  </si>
  <si>
    <t>行列のできる店の鹿児島</t>
  </si>
  <si>
    <t>行列のできる店のラーメン横浜</t>
  </si>
  <si>
    <t>北海道醤油ラーメン</t>
  </si>
  <si>
    <t>北海道みそラーメン</t>
  </si>
  <si>
    <t>北海道しおラーメン</t>
  </si>
  <si>
    <t>日清　行列の出来る店のラーメン　和歌山</t>
  </si>
  <si>
    <t>北の太麺堂々醤油豚骨</t>
  </si>
  <si>
    <t>北の太麺堂々熟成味噌</t>
  </si>
  <si>
    <t>北の太麺堂々室蘭カレーラーメン</t>
  </si>
  <si>
    <t>ラ王中華あんかけ</t>
  </si>
  <si>
    <t>ラ王濃厚コク醤油豚骨カップ</t>
  </si>
  <si>
    <t>日清チキンラーメンどんぶり_鶏つくね鍋風</t>
  </si>
  <si>
    <t>具多紅叉焼横浜タンメン</t>
  </si>
  <si>
    <t>具多_高菜豚骨叉焼麺</t>
  </si>
  <si>
    <t>ガツンと_生ガーリック</t>
  </si>
  <si>
    <t>太麺堂々醤油豚骨</t>
  </si>
  <si>
    <t>太麺堂々香熱味噌</t>
  </si>
  <si>
    <t>北の太麺堂々_醤油豚骨</t>
  </si>
  <si>
    <t>北の太麺堂々_熟成味噌</t>
  </si>
  <si>
    <t>日清　太麺堂々　醤油豚骨</t>
  </si>
  <si>
    <t>日清　太麺堂々　芳醇味噌</t>
  </si>
  <si>
    <t>日清　ＨＹＢＲＩＤ太麺堂々　コク旨牛炊き白湯</t>
  </si>
  <si>
    <t>日清麺職人　鯛だし仕立ての塩</t>
  </si>
  <si>
    <t>日清　チキンラーメンビッグカップ_鶏つくね+太ネギ</t>
  </si>
  <si>
    <t>日清チキンラーメンどんぶり　バター香るクリームスープ仕立て</t>
  </si>
  <si>
    <t>日清　ラ王　背脂濃コク醤油</t>
  </si>
  <si>
    <t>日清　ラ王　旨味豚コク味噌</t>
  </si>
  <si>
    <t>日清ラ王_濃厚コク醤油豚骨</t>
  </si>
  <si>
    <t>ラ王_旨み豚骨醤油</t>
  </si>
  <si>
    <t>日清プレミアラ王焼豚麻辣赤坦々麺</t>
  </si>
  <si>
    <t>冬味ラ王　鶏炊き白湯</t>
  </si>
  <si>
    <t>ぼてどろ_極濃鶏太そば</t>
  </si>
  <si>
    <t>北海道_しょうゆラーメン</t>
  </si>
  <si>
    <t>北海道_みそラーメン</t>
  </si>
  <si>
    <t>北海道_しおラーメン</t>
  </si>
  <si>
    <t>行列のできる店のラーメン　ＮＥＯ担々麺</t>
  </si>
  <si>
    <t>日清のどろ系ラーメン　ぼてどろ　えび味噌</t>
  </si>
  <si>
    <t>日清　こがし屋　焦がし味噌仕立て</t>
  </si>
  <si>
    <t>GooTa　デミハンバーグ麺</t>
  </si>
  <si>
    <t>極旨重ね_せたが屋×無鉄砲_豚骨ホタテ煮干し味</t>
  </si>
  <si>
    <t>どん兵衛ｗｈｉｔｅ白ちゃんぽん</t>
  </si>
  <si>
    <t>チキンラーメンどんぶりキムチ</t>
  </si>
  <si>
    <t>チキンラーメンビッグ夏カレートマト風味</t>
  </si>
  <si>
    <t>チキンラーメンキング</t>
  </si>
  <si>
    <t>麺職人鴨だし醤油</t>
  </si>
  <si>
    <t>麺職人鯛だし塩</t>
  </si>
  <si>
    <t>麺職人　鶏だし塩</t>
  </si>
  <si>
    <t>チキンラーメンビッグカップ　かきたま鍋風</t>
  </si>
  <si>
    <t>麺職人トマト仕立ての塩</t>
  </si>
  <si>
    <t>麺職人　牛塩仕立て</t>
  </si>
  <si>
    <t>麺職人　とんこつ</t>
  </si>
  <si>
    <t>麺屋　香味しょうゆ　　ケース</t>
  </si>
  <si>
    <t>73G______</t>
  </si>
  <si>
    <t>麺屋　熟成みそ　ケース</t>
  </si>
  <si>
    <t>80G______</t>
  </si>
  <si>
    <t>日清　焼豚ラ王コク醤油</t>
  </si>
  <si>
    <t>ラ王　香熟コク味噌</t>
  </si>
  <si>
    <t>ラ王　淡麗コク塩</t>
  </si>
  <si>
    <t>日清　ＤＥＥＰ　ＳＴＹＬＥデカ王　絶濃ベジ豚骨醤油</t>
  </si>
  <si>
    <t>でかぶと_コーンみそ</t>
  </si>
  <si>
    <t>えびそば_特濃しお豚骨</t>
  </si>
  <si>
    <t>日清極盛ねぎ盛り醤油豚骨</t>
  </si>
  <si>
    <t>麺職人　とんこつ　ケース</t>
  </si>
  <si>
    <t>81G______</t>
  </si>
  <si>
    <t>中華　担々麺　　ケース</t>
  </si>
  <si>
    <t>中華　雲呑麺　　ケース</t>
  </si>
  <si>
    <t>63G______</t>
  </si>
  <si>
    <t>麺屋　旨味しお　ケース</t>
  </si>
  <si>
    <t>77G______</t>
  </si>
  <si>
    <t>麺屋　高菜とんこつ　ケース</t>
  </si>
  <si>
    <t>近江ちゃんぽん　カップ</t>
  </si>
  <si>
    <t>信州味噌ラーメン</t>
  </si>
  <si>
    <t>太麺堂々　コク旨しょうゆ</t>
  </si>
  <si>
    <t>太麺堂々　野菜ちゃんぽん</t>
  </si>
  <si>
    <t>日清太麺堂々　コク旨ちゃんぽん</t>
  </si>
  <si>
    <t>太麺堂々　魚介豚骨醤油</t>
  </si>
  <si>
    <t>麺屋うま辛キムチ</t>
  </si>
  <si>
    <t>でかぶと１．５ネギみそ</t>
  </si>
  <si>
    <t>麺ニッポン　喜多方ラーメン</t>
  </si>
  <si>
    <t>麺ＮＩＰＰＯＮ　博多　</t>
  </si>
  <si>
    <t>チーズメキシカンチリ_BIG</t>
  </si>
  <si>
    <t>チキンラーメンどんぶり　キムチ鍋風</t>
  </si>
  <si>
    <t>行列ＴＯＫＹＯ特濃魚介とんこつ</t>
  </si>
  <si>
    <t>チキンラーメン丼旨辛棒棒鶏風</t>
  </si>
  <si>
    <t>出前一丁どんぶり</t>
  </si>
  <si>
    <t>ラ王　淡麗鶏だし塩</t>
  </si>
  <si>
    <t>とんがらし麺ビッグジャークチキン</t>
  </si>
  <si>
    <t>麺職人　台湾ラーメン</t>
  </si>
  <si>
    <t>麺職人　沖縄そば</t>
  </si>
  <si>
    <t>日清麺職人　仙台辛味噌</t>
  </si>
  <si>
    <t>ＤＥＥＰ　ＳＴＹＬＥ　担々麺</t>
  </si>
  <si>
    <t>麺ニッポン_横浜家系ラーメン</t>
  </si>
  <si>
    <t>麺ニッポン　尾道</t>
  </si>
  <si>
    <t>麺ニッポン　青森濃厚煮干ラーメン</t>
  </si>
  <si>
    <t>麺ニッポン　函館塩ラーメン</t>
  </si>
  <si>
    <t>チキンどんぶりトリプルチーズ</t>
  </si>
  <si>
    <t>出前一丁どんぶりケース</t>
  </si>
  <si>
    <t>チキどんたまフェス　　　　　　　　　</t>
  </si>
  <si>
    <t>デカうま豚ニンニク味</t>
  </si>
  <si>
    <t>日清のラーメン屋さん　しお</t>
  </si>
  <si>
    <t>麺職人　わかめ醤油</t>
  </si>
  <si>
    <t>麺職人　醤油とんこつ</t>
  </si>
  <si>
    <t>日清麺職人　生姜しょうゆ</t>
  </si>
  <si>
    <t>麺職人黒酢サンラータン</t>
  </si>
  <si>
    <t>麺職人　鯛だし</t>
  </si>
  <si>
    <t>麺職人_しょうゆ</t>
  </si>
  <si>
    <t>麺職人_みそ</t>
  </si>
  <si>
    <t>麺職人　担々麺</t>
  </si>
  <si>
    <t>行列のラーメンカップ真鯛鶏白湯　</t>
  </si>
  <si>
    <t>行列のできる店のラーメン牡蠣鶏白湯</t>
  </si>
  <si>
    <t>麺NIPPON宮崎辛麺</t>
  </si>
  <si>
    <t>麺職人_柚子しお</t>
  </si>
  <si>
    <t>麺職人　海老みそ</t>
  </si>
  <si>
    <t>麺職人トマト味</t>
  </si>
  <si>
    <t>麺職人コーンしおバター味</t>
  </si>
  <si>
    <t>麺職人火鍋風麻辣麺</t>
  </si>
  <si>
    <t>麺職人水炊き風鶏だしそば</t>
  </si>
  <si>
    <t>麺職人ふぐだし</t>
  </si>
  <si>
    <t>ﾆｯｼﾝｼｮｸﾆﾝ</t>
  </si>
  <si>
    <t>麺職人鴨だし</t>
  </si>
  <si>
    <t>麺職人_梅しお</t>
  </si>
  <si>
    <t>麺職人_貝だし醤油</t>
  </si>
  <si>
    <t>日清麺NIPPON京都こってり鶏白湯</t>
  </si>
  <si>
    <t>日清麺職人　台湾麺線風　鰹とろみそば</t>
  </si>
  <si>
    <t>日清麺職人　蘭州ラーメン風　牛だしそば</t>
  </si>
  <si>
    <t>チキンラーどんチキぎゅー鶏ガラペッパービーフ</t>
  </si>
  <si>
    <t>日清　日清麺職人　醤油　８８ｇ</t>
  </si>
  <si>
    <t>日清　日清麺職人　味噌　９６ｇ</t>
  </si>
  <si>
    <t>日清麺職人とんこつ</t>
  </si>
  <si>
    <t>日清　日清麺職人　柚子しお　７６ｇ</t>
  </si>
  <si>
    <t>日清　麺職人　坦々麺</t>
  </si>
  <si>
    <t>日清　日清麺職人　火鍋風麻辣麺　８１ｇ</t>
  </si>
  <si>
    <t>日清　日清麺職人　黒酢酸辣湯麺　９０ｇ</t>
  </si>
  <si>
    <t>日清麺職人ピリ辛トマト味</t>
  </si>
  <si>
    <t>麺職人　山椒しょうゆ</t>
  </si>
  <si>
    <t>麺職人　ぽかぽか中華あんかけ　</t>
  </si>
  <si>
    <t>麺職人　ぽかぽか生姜あんかけ</t>
  </si>
  <si>
    <t>日清麺職人　鯛だし醤油</t>
  </si>
  <si>
    <t>日清　麺職人　ふぐだし</t>
  </si>
  <si>
    <t>84G</t>
  </si>
  <si>
    <t>日清麺NIPPON八王子たまねぎ醤油ケース</t>
  </si>
  <si>
    <t>日清麺NIPPON横浜家系とんこつ醤油ケース</t>
  </si>
  <si>
    <t>日清麺NIPPON和歌山豚骨醤油ケース</t>
  </si>
  <si>
    <t>124g×12</t>
  </si>
  <si>
    <t>旅するエスニックトムヤムクン</t>
  </si>
  <si>
    <t>旅するエスニックグリーンカレー</t>
  </si>
  <si>
    <t>日清麺職人醤油</t>
  </si>
  <si>
    <t>日清麺職人味噌</t>
  </si>
  <si>
    <t>日清麺職人柚子しお</t>
  </si>
  <si>
    <t>日清麺職人担々麺</t>
  </si>
  <si>
    <t>日清麺職人黒酢酸辣</t>
  </si>
  <si>
    <t>旅するエスニックトムヤムクンケース</t>
  </si>
  <si>
    <t>旅するエスニックグリーンカレーケース</t>
  </si>
  <si>
    <t>百名店MENSHO</t>
  </si>
  <si>
    <t>日清麺職人醤油ケース</t>
  </si>
  <si>
    <t>88g×12P</t>
  </si>
  <si>
    <t>日清麺職人味噌ケース</t>
  </si>
  <si>
    <t>96g×12P</t>
  </si>
  <si>
    <t>日清麺職人柚子しおケース</t>
  </si>
  <si>
    <t>日清麺職人担々麺ケース</t>
  </si>
  <si>
    <t>日清麺職人とんこつケース</t>
  </si>
  <si>
    <t>81g×12P</t>
  </si>
  <si>
    <t>日清麺職人黒酢酸辣ケース</t>
  </si>
  <si>
    <t>豚ラ王キムチ</t>
  </si>
  <si>
    <t>ＵＦＯ新極太汁なし豚らーめん</t>
  </si>
  <si>
    <t>豚ラ王　カップ</t>
  </si>
  <si>
    <t>136G</t>
  </si>
  <si>
    <t>日清麺職人塩糀トマト</t>
  </si>
  <si>
    <t>チキどんじゃがバタ?</t>
  </si>
  <si>
    <t>日清麺職人とろ~り酸辣</t>
  </si>
  <si>
    <t>日清麺職人濃いだしあごだし</t>
  </si>
  <si>
    <t>日清麺職人沖縄風そば</t>
  </si>
  <si>
    <t>日清キメツラーメンどんぶり鬼滅の刃パッケージケース</t>
  </si>
  <si>
    <t>麺職人濃いだしあごだしケース</t>
  </si>
  <si>
    <t>新福菜館　醤油ラーメン</t>
  </si>
  <si>
    <t>麺職人濃いだし煮干し醤油</t>
  </si>
  <si>
    <t>日清ドロラ王魚介豚骨</t>
  </si>
  <si>
    <t>日清ラ王HOTATE鶏白湯</t>
  </si>
  <si>
    <t>日清麺職人濃いだし煮干し醤油ケース</t>
  </si>
  <si>
    <t>どん兵衛海鮮チャンポン</t>
  </si>
  <si>
    <t>日清ラ王とろまろ塩</t>
  </si>
  <si>
    <t>日清ドロラ王ドロニボニボ濃厚煮干</t>
  </si>
  <si>
    <t>チキンラーメン昭和の洋食ブームグラタン味</t>
  </si>
  <si>
    <t>チキンラーメンペペロン</t>
  </si>
  <si>
    <t>日清チキンラーメンどんぶり18種のスパイス香るスパイシーカレ</t>
  </si>
  <si>
    <t>日清麺職人濃いだし煮干し醤油</t>
  </si>
  <si>
    <t>銀座篝濃厚鶏白湯Soba</t>
  </si>
  <si>
    <t>ラーメン山岡家醤油ラーメン</t>
  </si>
  <si>
    <t>日清ラ王兆楽監修広東麺</t>
  </si>
  <si>
    <t>たまごをおとして食べるチキンラーメンどんぶり</t>
  </si>
  <si>
    <t>丸源ラーメン熟成醤油肉そば</t>
  </si>
  <si>
    <t>日清チキンラーメンどんぶり焦がし醤油の焼とうもろこし味</t>
  </si>
  <si>
    <t>塩元帥旨塩ラーメン</t>
  </si>
  <si>
    <t>塩元帥旨塩ラーメンケース</t>
  </si>
  <si>
    <t>日清　日本めし　鶏つくね豚汁めし</t>
  </si>
  <si>
    <t>加利屋カレーラーメン</t>
  </si>
  <si>
    <t>102G</t>
  </si>
  <si>
    <t>とんこつ大将ラーメン</t>
  </si>
  <si>
    <t>金龍ラーメン</t>
  </si>
  <si>
    <t>シュウリュウラーメン</t>
  </si>
  <si>
    <t>ラーメン講座</t>
  </si>
  <si>
    <t>マルタイラーメン</t>
  </si>
  <si>
    <t>これたべてんしょうゆ</t>
  </si>
  <si>
    <t>これたべてんみそ</t>
  </si>
  <si>
    <t>これたべてんとんこつ</t>
  </si>
  <si>
    <t>旨味真打まろやか豚骨味</t>
  </si>
  <si>
    <t>旨味真打鶏ガラ醤油</t>
  </si>
  <si>
    <t>旨味真打コク合わせ味噌</t>
  </si>
  <si>
    <t>旨味真打まろやか豚骨</t>
  </si>
  <si>
    <t>とろみちゃんぽん</t>
  </si>
  <si>
    <t>塩ちゃんぽん</t>
  </si>
  <si>
    <t>あごだし入り醤油ラーメン</t>
  </si>
  <si>
    <t>味わいの逸品ゆず塩ラーメン</t>
  </si>
  <si>
    <t>あったかからみチャンポン</t>
  </si>
  <si>
    <t>辛味ちゃんぽんコチュジャン</t>
  </si>
  <si>
    <t>屋台ラーメン</t>
  </si>
  <si>
    <t>博多焼豚ラーメン</t>
  </si>
  <si>
    <t>九州産高菜ラーメンとんこつ味</t>
  </si>
  <si>
    <t>味よか隊とんこつラーメン博多</t>
  </si>
  <si>
    <t>味よか隊とんこつラーメン熊本</t>
  </si>
  <si>
    <t>味よか隊とんこつラーメン鹿児島</t>
  </si>
  <si>
    <t>マルタイ四海楼監修長崎ちゃんぽん　１３３ｇ</t>
  </si>
  <si>
    <t>長崎あごだし入り醤油ラーメン</t>
  </si>
  <si>
    <t>ノウコウトンコツラーメン</t>
  </si>
  <si>
    <t>ハカタナガハマラーメン_ボウ</t>
  </si>
  <si>
    <t>高菜ラーメンカップ</t>
  </si>
  <si>
    <t>博多中洲屋台ラーメン</t>
  </si>
  <si>
    <t>きくらげラーメンとんこつ味</t>
  </si>
  <si>
    <t>ねぎラーメン</t>
  </si>
  <si>
    <t>ハンナマザルソバ</t>
  </si>
  <si>
    <t>本場信州とろろそば</t>
  </si>
  <si>
    <t>チャルメラ_高菜</t>
  </si>
  <si>
    <t>チャルメラ_コーン</t>
  </si>
  <si>
    <t>チャルメラマロヤカカレーカップ</t>
  </si>
  <si>
    <t>一平ちゃん_しょう油</t>
  </si>
  <si>
    <t>一平ちゃん_とんこつ</t>
  </si>
  <si>
    <t>一平ちゃん_みそ</t>
  </si>
  <si>
    <t>一平ちゃん_まろとん</t>
  </si>
  <si>
    <t>一平ちゃん坦々麺</t>
  </si>
  <si>
    <t>一平ちゃんネギ醤油味</t>
  </si>
  <si>
    <t>一平ちゃんガーリック豚骨</t>
  </si>
  <si>
    <t>一平ちゃんオニオン豚骨味</t>
  </si>
  <si>
    <t>一平ちゃん醤油味</t>
  </si>
  <si>
    <t>一平ちゃん豚骨味</t>
  </si>
  <si>
    <t>一平ちゃん香ばしオニオン味噌</t>
  </si>
  <si>
    <t>一平ちゃん_坦々麺</t>
  </si>
  <si>
    <t>一平ちゃん辛とんちゃんぽん</t>
  </si>
  <si>
    <t>ヒョウバンノミセ_クルメヤ</t>
  </si>
  <si>
    <t>絶品おだしで〆まで美味しい鯛だし塩らーめん</t>
  </si>
  <si>
    <t>天童みそたまりラーメン</t>
  </si>
  <si>
    <t>明星辛麺屋輪監汁なし宮崎辛麺</t>
  </si>
  <si>
    <t>肉だぜ一平ちゃん焼肉風しょうゆ味</t>
  </si>
  <si>
    <t>らーめんでっせ</t>
  </si>
  <si>
    <t>にゅうめんでっせ</t>
  </si>
  <si>
    <t>らーめんでっせ_塩</t>
  </si>
  <si>
    <t>らーめんでっせ_味噌</t>
  </si>
  <si>
    <t>明星　これぞワンタン麺　しょうゆ味</t>
  </si>
  <si>
    <t>明星　これぞワンタン麺　しお味</t>
  </si>
  <si>
    <t>淡麗の極み_鶏だし醤油ラーメン</t>
  </si>
  <si>
    <t>どろっどろ_鶏塩白湯麺</t>
  </si>
  <si>
    <t>ラーメンの底力　太麺と濃厚みそ</t>
  </si>
  <si>
    <t>大船渡　秋刀魚だし黒船　醤油ラーメン</t>
  </si>
  <si>
    <t>s倶楽部R50　淡麗しょうゆ</t>
  </si>
  <si>
    <t>すこびる辛麺超激辛味噌ラーメン</t>
  </si>
  <si>
    <t>明星　バリカタ極細麺と濃厚とんこつ</t>
  </si>
  <si>
    <t>ラーメンの底力_濃厚みそ</t>
  </si>
  <si>
    <t>もちもち食感_ちゃんぽん</t>
  </si>
  <si>
    <t>もちもち食感_坦々麺</t>
  </si>
  <si>
    <t>もちもち食感広東風五目麺</t>
  </si>
  <si>
    <t>チャルメラねぎ</t>
  </si>
  <si>
    <t>チャルメラ久留米とんこつラーメン</t>
  </si>
  <si>
    <t>麺とスープだけ豚骨ラーメン</t>
  </si>
  <si>
    <t>ひららーめんしょうゆ味</t>
  </si>
  <si>
    <t>細ちぢれ麺鶏がら醤油</t>
  </si>
  <si>
    <t>沖縄そば大盛</t>
  </si>
  <si>
    <t>ぶぶかもやし豚骨ラーメン</t>
  </si>
  <si>
    <t>大砲ラーメン_ワンタンメン</t>
  </si>
  <si>
    <t>熊本黒ラーメン</t>
  </si>
  <si>
    <t>大砲ラーメンケース</t>
  </si>
  <si>
    <t>鶏濁ラーメン</t>
  </si>
  <si>
    <t>職人の味玉</t>
  </si>
  <si>
    <t>男っぷり肉ワンタン麺濃厚醤油</t>
  </si>
  <si>
    <t>黒坦々麺_ノンフライ</t>
  </si>
  <si>
    <t>もつ鍋スープのちゃんぽん麺</t>
  </si>
  <si>
    <t>わんたん麺_鶏塩白湯麺</t>
  </si>
  <si>
    <t>ラーメン底力濃厚みそ</t>
  </si>
  <si>
    <t>もちっとワンタン麺鶏がら醤油</t>
  </si>
  <si>
    <t>もちっとワンタン麺うま塩</t>
  </si>
  <si>
    <t>もちっとワンタン麺味わい豚骨</t>
  </si>
  <si>
    <t>もちっとワンタン醤油</t>
  </si>
  <si>
    <t>もちっとワンタン塩</t>
  </si>
  <si>
    <t>もちっとワンタン豚骨</t>
  </si>
  <si>
    <t>もちっとワンタン麺_肉醤油</t>
  </si>
  <si>
    <t>もちっとワンタン麺海老ワンタン塩</t>
  </si>
  <si>
    <t>もちっとワンタン麺肉醤油</t>
  </si>
  <si>
    <t>もちっとワンタン麺肉ワンタン醤油</t>
  </si>
  <si>
    <t>麺屋こころ監修　台湾ラーメン　ケース</t>
  </si>
  <si>
    <t>チャルメラどんぶり　豚骨醤油　</t>
  </si>
  <si>
    <t>チャルメラどんぶり　辛豚骨　</t>
  </si>
  <si>
    <t>チャルメラどんぶり宮崎辛麺</t>
  </si>
  <si>
    <t>チャルメラどんぶり宮崎辛麺ケース</t>
  </si>
  <si>
    <t>チャルメラどんぶり福岡ゆずすこ鶏白湯ラーメン</t>
  </si>
  <si>
    <t>チャルメラどんぶり博多バリカタ豚骨</t>
  </si>
  <si>
    <t>チャルメラどんぶり中華そば貝だししょうゆ</t>
  </si>
  <si>
    <t>チャルメラどんぶり中華そば貝だししょうゆケース</t>
  </si>
  <si>
    <t>チャルメラどんぶり仙台辛味噌ラーメン</t>
  </si>
  <si>
    <t>チャルメラどんぶり仙台辛味噌ラーメンケース</t>
  </si>
  <si>
    <t>チャルメラどんぶり焦がしちゃんぽん</t>
  </si>
  <si>
    <t>チャルメラどんぶり焦がしちゃんぽんケース</t>
  </si>
  <si>
    <t>明星の旨辛ちゃんぽん</t>
  </si>
  <si>
    <t>明星の豚ちゃんぽん</t>
  </si>
  <si>
    <t>明星　大崎裕史の美味しさ新発見大分佐伯醤油豚骨ラーメン</t>
  </si>
  <si>
    <t>ガチぶと濃厚とんこつラーメン_大盛</t>
  </si>
  <si>
    <t>明星きら星店主創作_濃厚豚骨スープ×ホタテだし</t>
  </si>
  <si>
    <t>ぶぶか油めん　大盛　にんにくみそ　１３２ｇ</t>
  </si>
  <si>
    <t>こってり鶏白湯味</t>
  </si>
  <si>
    <t>チャルメラどんぶり　コク旨とんこつ</t>
  </si>
  <si>
    <t>チャルメラどんぶりコーンラーメン</t>
  </si>
  <si>
    <t>チャルメラどんぶり　高菜ラーメンケース</t>
  </si>
  <si>
    <t>チャルメラにんにくしょうゆとんこつ</t>
  </si>
  <si>
    <t>チャルメラどんぶりちゃんぽん</t>
  </si>
  <si>
    <t>ノンフライチャルメラどんぶり豚骨</t>
  </si>
  <si>
    <t>ノンフライチャルメラどんぶり　豚骨　ケース</t>
  </si>
  <si>
    <t>チャルメラどんぶり　しょうゆ</t>
  </si>
  <si>
    <t>74G</t>
  </si>
  <si>
    <t>チャルメラどんぶり　しょうゆ　ケース</t>
  </si>
  <si>
    <t>どんぶりあんかけとろみしょうゆ</t>
  </si>
  <si>
    <t>明星　チャルメラどんぶりちゃんぽん</t>
  </si>
  <si>
    <t>チャルメラどんぶり　みそ</t>
  </si>
  <si>
    <t>チャルメラどんぶり　みそ　ケース</t>
  </si>
  <si>
    <t>中華三昧カップ_酸辣湯麺</t>
  </si>
  <si>
    <t>中華三昧カップ_五目野菜_醤油拉麺</t>
  </si>
  <si>
    <t>中華三昧カップ_海老雲呑_塩拉麺</t>
  </si>
  <si>
    <t>究極の塩らー麺</t>
  </si>
  <si>
    <t>らぁ麺やまぐち監修　芳醇醤油鶏そば</t>
  </si>
  <si>
    <t>明星究麺ちゃんぽん</t>
  </si>
  <si>
    <t>究麺_魚介豚骨</t>
  </si>
  <si>
    <t>明星究麺濃コク醤油</t>
  </si>
  <si>
    <t>明星　究麺　ちゃんぽん</t>
  </si>
  <si>
    <t>究極_濃厚とんこつ</t>
  </si>
  <si>
    <t>明星　究麺　鶏ガラ旨醤油</t>
  </si>
  <si>
    <t>明星　究麺　濃コク豚骨</t>
  </si>
  <si>
    <t>究麺_夏期限定_ねぎ辛味噌</t>
  </si>
  <si>
    <t>究麺バリカタとんこつ担担麺</t>
  </si>
  <si>
    <t>究麺_鶏ガラ旨醤油</t>
  </si>
  <si>
    <t>究麺_ちゃんぽん</t>
  </si>
  <si>
    <t>一平ちゃん_醤油</t>
  </si>
  <si>
    <t>一平ちゃん_豚骨</t>
  </si>
  <si>
    <t>一平ちゃん_味噌</t>
  </si>
  <si>
    <t>一平ちゃん_ニラ玉キムチ_旨辛醤油味</t>
  </si>
  <si>
    <t>明星_一平ちゃん旨辛豚キムチ</t>
  </si>
  <si>
    <t>明星　一平ちゃん_コクしょうゆ味</t>
  </si>
  <si>
    <t>明星　一平ちゃん_コクとんこつ味</t>
  </si>
  <si>
    <t>明星　一平ちゃん_コクみそ味</t>
  </si>
  <si>
    <t>一平ちゃん　黄金の鶏塩　20周年記念</t>
  </si>
  <si>
    <t>一平ちゃん　しょうゆ味　ケース</t>
  </si>
  <si>
    <t>一平ちゃん　とんこつ味</t>
  </si>
  <si>
    <t>一平ちゃん　とんこつ味　ケース</t>
  </si>
  <si>
    <t>一平ちゃんみそ味</t>
  </si>
  <si>
    <t>一平ちゃん　みそ味　ケース</t>
  </si>
  <si>
    <t>一平ちゃん_ちゃんぽん</t>
  </si>
  <si>
    <t>明星　黄金の一平ちゃん　鶏油白湯</t>
  </si>
  <si>
    <t>明星　白銀の一平ちゃん　背脂豚骨</t>
  </si>
  <si>
    <t>評判屋　わかめラーメン　ごま油香るしょうゆ味　ケース</t>
  </si>
  <si>
    <t>評判屋　わんたん麺　鶏だし塩味　ケース</t>
  </si>
  <si>
    <t>評判屋　野菜みそラーメン　合わせみそ味　ケース</t>
  </si>
  <si>
    <t>評判屋　ねぎ豚骨ラーメン　ケース</t>
  </si>
  <si>
    <t>評判屋　わんたん麺鶏だし塩味ケース</t>
  </si>
  <si>
    <t>73ｇ×12</t>
  </si>
  <si>
    <t>評判屋　コク豚骨ラーメンケース</t>
  </si>
  <si>
    <t>76ｇ×12</t>
  </si>
  <si>
    <t>チョッパヤ　黒旨麺カタ＆黒醤油</t>
  </si>
  <si>
    <t>明星_極のチャルメラ_バリカタ麺_辛ダレ濃厚豚骨</t>
  </si>
  <si>
    <t>旨だし屋わかめラーメン大盛ケース</t>
  </si>
  <si>
    <t>評判屋重ねだしわかめ醤油ラーメンケース</t>
  </si>
  <si>
    <t>評判屋重ねだしわんたん塩ラーメンケース</t>
  </si>
  <si>
    <t>評判屋重ねだしかきたまピリ辛塩ラーメンケース</t>
  </si>
  <si>
    <t>チャルメラどんぶり新潟かんずり旨辛みそラーメン</t>
  </si>
  <si>
    <t>ぶぶか鬼マシチーズ入りふりかけ豚骨醤油</t>
  </si>
  <si>
    <t>チャルメラカップしょうゆケース</t>
  </si>
  <si>
    <t>東京デザインメキシカンナチョスヌードル</t>
  </si>
  <si>
    <t>取材NGの行列店ばりこて監修濃香純豚骨</t>
  </si>
  <si>
    <t>日本初の拉麺ブームの店浅草来々軒醤油らぅめん</t>
  </si>
  <si>
    <t>博多バリカタ濃厚豚骨</t>
  </si>
  <si>
    <t>チャルメラどんぶり熊本マー油とんこつ</t>
  </si>
  <si>
    <t>チャルメラどんぶり熊本マー油とんこつケース</t>
  </si>
  <si>
    <t>辛麺屋一輪監修宮崎辛麺50辛</t>
  </si>
  <si>
    <t>麺とスープだけ琥珀貝だし中華そば</t>
  </si>
  <si>
    <t>麺とスープだけ琥珀貝だし中華そばケース</t>
  </si>
  <si>
    <t>The淡麗麺や金時監修塩わんたん麺</t>
  </si>
  <si>
    <t>The淡麗らぁ麺や嶋監修醤油らぁ麺</t>
  </si>
  <si>
    <t>かけラーメンでっせ醤油ラーメンケース</t>
  </si>
  <si>
    <t>かけラーでっせ塩ラーメン</t>
  </si>
  <si>
    <t>チャルメラ源たれにんにく甘旨醤油ラーメンケース</t>
  </si>
  <si>
    <t>明星　麺とスープだけ　黄金鶏油中華そば　１０７ｇ</t>
  </si>
  <si>
    <t>末広ラーメン本舗醤油中華そばケース</t>
  </si>
  <si>
    <t>108g×12</t>
  </si>
  <si>
    <t>ばりうま監修豚骨醤油らーめん</t>
  </si>
  <si>
    <t>別格麺神_京都鶏白湯</t>
  </si>
  <si>
    <t>別格麺神横浜家系豚骨醤油</t>
  </si>
  <si>
    <t>別格麺神京都鶏白湯</t>
  </si>
  <si>
    <t>別格麺神横浜家系豚骨醤油ケース</t>
  </si>
  <si>
    <t>別格麺神京都鶏白湯ケース</t>
  </si>
  <si>
    <t>ヌードル</t>
  </si>
  <si>
    <t>ペヤングヌードルケース</t>
  </si>
  <si>
    <t>麺太_しょうゆ味</t>
  </si>
  <si>
    <t>麺太_みそ味</t>
  </si>
  <si>
    <t>麺太_しお味</t>
  </si>
  <si>
    <t>野菜ラーメン_しょうゆ味</t>
  </si>
  <si>
    <t>野菜ラーメン_みそ味</t>
  </si>
  <si>
    <t>野菜ラーメン_しお味</t>
  </si>
  <si>
    <t>ちょい辛ラーメンしょうゆ</t>
  </si>
  <si>
    <t>ちょい辛ラーメンみそ</t>
  </si>
  <si>
    <t>麺乱_みそ</t>
  </si>
  <si>
    <t>わかめラーメン</t>
  </si>
  <si>
    <t>わかめみそラーメン</t>
  </si>
  <si>
    <t>ねぎラーメン_しょうゆ</t>
  </si>
  <si>
    <t>ねぎラーメン_みそ</t>
  </si>
  <si>
    <t>ねぎラーメン_しお</t>
  </si>
  <si>
    <t>ぺヤングシーフードカレーヌードル</t>
  </si>
  <si>
    <t>ジンジャーヌードル</t>
  </si>
  <si>
    <t>ペヤング_パクチーレモンラーメン</t>
  </si>
  <si>
    <t>ペヤング魚介MAXラー油　ラーメン</t>
  </si>
  <si>
    <t>ぺヤング　魚介ＭＡＸラー油ヌードル　１２４ｇ</t>
  </si>
  <si>
    <t>ペヤング_ソースラーメン</t>
  </si>
  <si>
    <t>濃厚みそヌードル</t>
  </si>
  <si>
    <t>ペヤング豚骨ヌードル</t>
  </si>
  <si>
    <t>ペヤング豚骨ヌードルケース</t>
  </si>
  <si>
    <t>92g×12</t>
  </si>
  <si>
    <t>ペヤング豚バラ入り旨い辛さの油そばケース</t>
  </si>
  <si>
    <t>144g×18</t>
  </si>
  <si>
    <t>ペヤングディアーヌードルしょうゆ味ケース</t>
  </si>
  <si>
    <t>ペヤングディアーヌードルみそ味ケース</t>
  </si>
  <si>
    <t>ペヤングディアーヌードルしお味ケース</t>
  </si>
  <si>
    <t>ペヤング激辛ヌードル</t>
  </si>
  <si>
    <t>煮込みそうめん</t>
  </si>
  <si>
    <t>横山製麺工場</t>
  </si>
  <si>
    <t>ﾖｺﾔﾏｾｲﾒﾝ</t>
  </si>
  <si>
    <t>博多ラーメン</t>
  </si>
  <si>
    <t>広島かきしょうゆラーメン</t>
  </si>
  <si>
    <t>和歌山中華そば中細麺</t>
  </si>
  <si>
    <t>長崎ちゃんぽん麺</t>
  </si>
  <si>
    <t>熊本ラーメンガーリック豚骨</t>
  </si>
  <si>
    <t>徳島ラーメンコク醤油豚骨</t>
  </si>
  <si>
    <t>札幌ラーメン野菜味噌</t>
  </si>
  <si>
    <t>ニュータッチねぎラーメン</t>
  </si>
  <si>
    <t>ニュータッチ横浜もやしそば醤油味</t>
  </si>
  <si>
    <t>元祖ねぎらーめん　</t>
  </si>
  <si>
    <t>ニュータッチ元祖ねぎらーめんケース</t>
  </si>
  <si>
    <t>横浜もやしそば　</t>
  </si>
  <si>
    <t>北海道みそバターラーメン　</t>
  </si>
  <si>
    <t>凄麺埼玉スタミナラーメン</t>
  </si>
  <si>
    <t>大盛１．５ねぎみそラーメン</t>
  </si>
  <si>
    <t>杵もちらーめん</t>
  </si>
  <si>
    <t>大黒のご当地太麺系_大盛り横浜しょうゆ</t>
  </si>
  <si>
    <t>大黒のご当地太麺系_大盛り札幌みそ</t>
  </si>
  <si>
    <t>大黒のご当地太麺系_大盛り長崎ちゃんぽん</t>
  </si>
  <si>
    <t>大黒_ご当地横浜しょうゆ</t>
  </si>
  <si>
    <t>大黒_ご当地札幌みそ</t>
  </si>
  <si>
    <t>大黒_京都鶏白湯</t>
  </si>
  <si>
    <t>大黒軒チゲカラらーめん</t>
  </si>
  <si>
    <t>大黒_杵もちらーめん</t>
  </si>
  <si>
    <t>あっさり鶏ガラ醤油ラーメン</t>
  </si>
  <si>
    <t>あっさり合せ味噌ラーメン</t>
  </si>
  <si>
    <t>玉ねぎ醤油ラーメン</t>
  </si>
  <si>
    <t>玉ねぎ塩ラーメン</t>
  </si>
  <si>
    <t>AKAGI塩中華そば</t>
  </si>
  <si>
    <t>AKAGI煮干し中華そば</t>
  </si>
  <si>
    <t>AKAGI_塩中華そば　ケース</t>
  </si>
  <si>
    <t>金ちゃん飯店ヤキブタ</t>
  </si>
  <si>
    <t>金ちゃん金色の醤油ラーメン</t>
  </si>
  <si>
    <t>金ちゃんねぎラーメン</t>
  </si>
  <si>
    <t>金ちゃんラーメンカップ担々麺</t>
  </si>
  <si>
    <t>金ちゃん　にら玉らーめん</t>
  </si>
  <si>
    <t>金ちゃん玉ねぎらーめん</t>
  </si>
  <si>
    <t>麺だし一番</t>
  </si>
  <si>
    <t>北斗_塩バターコーン</t>
  </si>
  <si>
    <t>博多とんこつ生ラーメン</t>
  </si>
  <si>
    <t>狩野食品</t>
  </si>
  <si>
    <t>ｶﾘﾉｼｮｸﾋﾝ</t>
  </si>
  <si>
    <t>醤油生ラーメン</t>
  </si>
  <si>
    <t>塩生ラーメン</t>
  </si>
  <si>
    <t>狩野食品_味噌ラーメン２食</t>
  </si>
  <si>
    <t>キムチラーメン</t>
  </si>
  <si>
    <t>九州とんこつラーメン</t>
  </si>
  <si>
    <t>カップラーメン醤油</t>
  </si>
  <si>
    <t>76.6g</t>
  </si>
  <si>
    <t>カップラーメン味噌</t>
  </si>
  <si>
    <t>79.4g</t>
  </si>
  <si>
    <t>カップラーメン塩</t>
  </si>
  <si>
    <t>77.4g</t>
  </si>
  <si>
    <t>辛い拉麺</t>
  </si>
  <si>
    <t>柚子胡椒ラーメン　ケース</t>
  </si>
  <si>
    <t>醤油ラーメン　ケース</t>
  </si>
  <si>
    <t>味噌ラーメン　ケース</t>
  </si>
  <si>
    <t>塩ラーメン　ケース</t>
  </si>
  <si>
    <t>豚骨ラーメン　ケース</t>
  </si>
  <si>
    <t>胡麻のコクと花椒の香り担々麺ケース</t>
  </si>
  <si>
    <t>キムチの壷ラーメンカップ</t>
  </si>
  <si>
    <t>しじみラーメンしお味</t>
  </si>
  <si>
    <t>五目とろみラーメン醤油</t>
  </si>
  <si>
    <t>五目とろみラーメン_しょうゆ</t>
  </si>
  <si>
    <t>海鮮とろみラーメン_しお</t>
  </si>
  <si>
    <t>ANGRYチャパグリ</t>
  </si>
  <si>
    <t>yumyumカップラーメンチキン味</t>
  </si>
  <si>
    <t>yumyumカップラーメン　グリーンカレー味</t>
  </si>
  <si>
    <t>醤油ラーメン</t>
  </si>
  <si>
    <t>醤油ラーメン３０個入り</t>
  </si>
  <si>
    <t>シーフードラーメン３０個入り</t>
  </si>
  <si>
    <t>カレーラーメン３０個入り</t>
  </si>
  <si>
    <t>カレーラーメン（ケース）</t>
  </si>
  <si>
    <t>65g×30</t>
  </si>
  <si>
    <t>シーフードラーメン（ケース）</t>
  </si>
  <si>
    <t>醤油ラーメン（ケース）</t>
  </si>
  <si>
    <t>味わい麺工房　鶏がらしょうゆラーメン</t>
  </si>
  <si>
    <t>味わい麺工房　あっさりとんこつラーメン</t>
  </si>
  <si>
    <t>味わい麺工房みそラーメン</t>
  </si>
  <si>
    <t>シゲキング　生姜味噌ラーメン</t>
  </si>
  <si>
    <t>わかめラーメン醤油</t>
  </si>
  <si>
    <t>わかめねぎ辛みそ</t>
  </si>
  <si>
    <t>ワンタンめんしょうゆ</t>
  </si>
  <si>
    <t>夜鳴き屋札幌みそラーメン</t>
  </si>
  <si>
    <t>夜鳴屋喜多方しょうゆラーメン</t>
  </si>
  <si>
    <t>わかめラーメン_ごましょうゆ</t>
  </si>
  <si>
    <t>夜鳴き屋喜多方醤油ラーメン</t>
  </si>
  <si>
    <t>いろは亭_チャーシューメン_しお味</t>
  </si>
  <si>
    <t>夜鳴き屋喜多方しょうゆ</t>
  </si>
  <si>
    <t>夜鳴き屋札幌みそ</t>
  </si>
  <si>
    <t>夜鳴き屋博多とんこつ</t>
  </si>
  <si>
    <t>めん一代　東京中華そば</t>
  </si>
  <si>
    <t>めん一代　札幌みそラーメン</t>
  </si>
  <si>
    <t>めん一代　博多とんこつラーメン</t>
  </si>
  <si>
    <t>大吉　魚介とんこつ醤油</t>
  </si>
  <si>
    <t>わかめラーメン　ごま・しお　三島のゆかり仕立て</t>
  </si>
  <si>
    <t>わかめﾗｰﾒﾝごま・みそ</t>
  </si>
  <si>
    <t>わかめﾗｰﾒﾝうま辛しょうゆ</t>
  </si>
  <si>
    <t>わかめ　野菜タンメン　</t>
  </si>
  <si>
    <t>ワンタンメンどんぶりブラックパンダ中華そば　</t>
  </si>
  <si>
    <t>わかめラーメン北海道ホタテだししょうゆ</t>
  </si>
  <si>
    <t>わかめラーメン三重伊勢海老だしみそ</t>
  </si>
  <si>
    <t>わかめラーメン千葉はまぐりだししお</t>
  </si>
  <si>
    <t>大吉鰹だし醤油ラーメン</t>
  </si>
  <si>
    <t>大吉海老だし味噌ラーメン</t>
  </si>
  <si>
    <t>大吉鯛だし塩ラーメン</t>
  </si>
  <si>
    <t>わかめラーメンあの頃の青春風味柚子しょうゆ味</t>
  </si>
  <si>
    <t>わかめラーメンあの頃の初恋風味梅しお味</t>
  </si>
  <si>
    <t>人気ラーメン店とつくるわかめラーメン塩味</t>
  </si>
  <si>
    <t>人気ラーメン店とつくるわかめラーメンカレー味</t>
  </si>
  <si>
    <t>わかめラーメンBLACKしょうゆ黒胡椒仕立て</t>
  </si>
  <si>
    <t>極どろ　特濃とんこつラーメン</t>
  </si>
  <si>
    <t>昭和の鶏ガラ中華そば</t>
  </si>
  <si>
    <t>昭和の野菜タンメン</t>
  </si>
  <si>
    <t>博多でみつけた_背脂とんこつラーメン</t>
  </si>
  <si>
    <t>柳麺屋_鶏がらしょうゆ</t>
  </si>
  <si>
    <t>柳麺屋_野菜タンメン</t>
  </si>
  <si>
    <t>茹でたて名人　コク醤油らぁ麺</t>
  </si>
  <si>
    <t>茹でたて名人　コク味噌らぁ麺</t>
  </si>
  <si>
    <t>福岡編　ラーメン暖慕辛ダレ豚骨ラーメン</t>
  </si>
  <si>
    <t>ワンタンメンタンメン味</t>
  </si>
  <si>
    <t>ワンタンメン甲子園カレー</t>
  </si>
  <si>
    <t>わかめラーメンピリ辛ごま辣油</t>
  </si>
  <si>
    <t>もったいないをおいしいに_なにわの潮ラーメン醤油</t>
  </si>
  <si>
    <t>もったいないをおいしいに_なにわの潮ラーメン塩</t>
  </si>
  <si>
    <t>中骨だしのまろやか魚介塩ラーメン</t>
  </si>
  <si>
    <t>味わい麺工房　鶏がらしょうゆラーメン　ケース</t>
  </si>
  <si>
    <t>味わい麺工房　あっさりとんこつラーメン　ケース</t>
  </si>
  <si>
    <t>播州ラーメン</t>
  </si>
  <si>
    <t>カップあまくち醤油らーめん</t>
  </si>
  <si>
    <t>麺喰い亭_わかめ醤油味らぁめん</t>
  </si>
  <si>
    <t>麺喰い亭_キャベツ塩味らぁめん</t>
  </si>
  <si>
    <t>カップにゅうめん</t>
  </si>
  <si>
    <t>しじみらーめん</t>
  </si>
  <si>
    <t>カップコーンバター風醤油味ラーメン</t>
  </si>
  <si>
    <t>ホームラン軒　煮干醤油ラーメン</t>
  </si>
  <si>
    <t>ホームラン軒　鶏塩ラーメン</t>
  </si>
  <si>
    <t>東北の味岩手磯ラーメン</t>
  </si>
  <si>
    <t>ホームラン軒　鶏ガラ塩ラーメン</t>
  </si>
  <si>
    <t>ホームラン軒　醤油豚骨ラーメン</t>
  </si>
  <si>
    <t>ホームラン軒　辛味噌タンメン</t>
  </si>
  <si>
    <t>ホームラン軒　ちゃんぽん</t>
  </si>
  <si>
    <t>テーブルマーク　東北の味青森煮干ラーメン　９８ｇ</t>
  </si>
  <si>
    <t>東北の味青森煮干しラーメンケース</t>
  </si>
  <si>
    <t>ホームラン軒_ねぎみそ</t>
  </si>
  <si>
    <t>鬼辛ラーメン</t>
  </si>
  <si>
    <t>激辛赤ラーメン</t>
  </si>
  <si>
    <t>駅前食堂豚骨らーめん</t>
  </si>
  <si>
    <t>駅前食堂激辛らーめん</t>
  </si>
  <si>
    <t>大盛食堂　醤油ラーメン</t>
  </si>
  <si>
    <t>宮城仙台辛味噌ラーメン</t>
  </si>
  <si>
    <t>ご当地白河中華そば</t>
  </si>
  <si>
    <t>山形米沢ラーメン</t>
  </si>
  <si>
    <t>ホームラン軒_ねぎラーメン</t>
  </si>
  <si>
    <t>ホームラン軒スープカレー</t>
  </si>
  <si>
    <t>豚骨らーめん</t>
  </si>
  <si>
    <t>ねぎわかめラーメン</t>
  </si>
  <si>
    <t>ホームラン軒鶏ガラ醤油ラーメンケース</t>
  </si>
  <si>
    <t>94g×12</t>
  </si>
  <si>
    <t>ホームラン軒合わせ味噌ラーメンケース</t>
  </si>
  <si>
    <t>サッポロ一番ごま味らーめん</t>
  </si>
  <si>
    <t>とんこつラーメンカップ</t>
  </si>
  <si>
    <t>ピリ辛みそラーメン</t>
  </si>
  <si>
    <t>旅麺喜多方ラーメン</t>
  </si>
  <si>
    <t>旅麺熊本豚骨ラーメン</t>
  </si>
  <si>
    <t>麺の力　中華そば　醤油</t>
  </si>
  <si>
    <t>麺の力　ちゃんぽん</t>
  </si>
  <si>
    <t>旅麺・会津喜多方醤油ラーメン</t>
  </si>
  <si>
    <t>坦々麺どんぶり</t>
  </si>
  <si>
    <t>旅麺ザ・ワールド　イタリアントマトラーメン</t>
  </si>
  <si>
    <t>旅麺ザ・ワールド　タイグリーンカレーラーメン</t>
  </si>
  <si>
    <t>旅麺ザ・ワールド　韓国キムチチゲラーメン</t>
  </si>
  <si>
    <t>旅麺　博多豚骨ラーメン</t>
  </si>
  <si>
    <t>塩とんこつ　どんぶり</t>
  </si>
  <si>
    <t>旅麺会津喜多方魚介醤油ラーメン</t>
  </si>
  <si>
    <t>札幌味噌ラーメン</t>
  </si>
  <si>
    <t>旅麺　京都背脂醤油ラーメン</t>
  </si>
  <si>
    <t>幸楽苑旨辛らーめん</t>
  </si>
  <si>
    <t>わかめ庵わかめラーメン</t>
  </si>
  <si>
    <t>三重高山ラーメン　牛骨味噌味</t>
  </si>
  <si>
    <t>長崎中華街ちゃんぽん</t>
  </si>
  <si>
    <t>旅麺京都背油醤油ラーメン</t>
  </si>
  <si>
    <t>サッポロ一番かねふく監修明太とんこつ味ラーメン</t>
  </si>
  <si>
    <t>サッポロ一番かねふく監修明太塩バター味ラーメン</t>
  </si>
  <si>
    <t>旅麺横浜家系豚骨しょうゆ</t>
  </si>
  <si>
    <t>麺の至宝　四川麻婆味刀削風麺</t>
  </si>
  <si>
    <t>かねふく監修明太とんこつ味ラーメン</t>
  </si>
  <si>
    <t>かねふく監修明太ゆず胡椒味塩ラーメン　</t>
  </si>
  <si>
    <t>ごま香る塩ラーメン</t>
  </si>
  <si>
    <t>旅麺博多明太味とんこつラーメン</t>
  </si>
  <si>
    <t>サッポロ一番　辛ちゃんぽんどんぶり　</t>
  </si>
  <si>
    <t>花椒激辛タンタン麺</t>
  </si>
  <si>
    <t>ご飯がススム豚キムチ味ラーメン</t>
  </si>
  <si>
    <t>ご飯がススムキムチチゲ味ラーメン</t>
  </si>
  <si>
    <t>マルホン太香胡麻油とろみ醤油</t>
  </si>
  <si>
    <t>マルホン太香胡麻油とろみ塩</t>
  </si>
  <si>
    <t>東京豚骨拉麺ばんから</t>
  </si>
  <si>
    <t>かねふく監修明太あごだし醤油味</t>
  </si>
  <si>
    <t>桃屋のキムチで仕上げたキムチラーメン</t>
  </si>
  <si>
    <t>かねふく監修明太とんこつ味ラーメン_71g</t>
  </si>
  <si>
    <t>かねふく監修明太塩バター味ラーメン_70g</t>
  </si>
  <si>
    <t>くらこん塩こんぶごま油香昆布だし塩ラーメン84g</t>
  </si>
  <si>
    <t>サッポロ一番みそラーメンどんぶり北海道味噌使用</t>
  </si>
  <si>
    <t>サッポロ一番塩らーめんどんぶり九州ゆず胡椒風味</t>
  </si>
  <si>
    <t>サッポロ一番みそらーめんどん加賀味噌ねぎみそ</t>
  </si>
  <si>
    <t>サッポロ塩らーめんどん北海道ホタテだし仕上</t>
  </si>
  <si>
    <t>かねふく明太とんこつ味ラーメン</t>
  </si>
  <si>
    <t>かねふく監修明太チーズ味ラーメン</t>
  </si>
  <si>
    <t>みそラーメンどんぶり三重伊勢海老だし仕立て</t>
  </si>
  <si>
    <t>塩らーめんどんぶり富山白エビだし仕立て</t>
  </si>
  <si>
    <t>青葉中野本店監修中華そば濃厚2.5倍</t>
  </si>
  <si>
    <t>サッポロ一番みそどんぶり台湾ラーメン風辛口ラー油</t>
  </si>
  <si>
    <t>サッポロ一番塩どんぶり瀬戸内レ＆オリーブ</t>
  </si>
  <si>
    <t>塩らーめんウルトラ海老塩味タテビッグ</t>
  </si>
  <si>
    <t>みそラーメン七味3倍付きウルトラマン</t>
  </si>
  <si>
    <t>塩らーめん切り胡麻3倍付きウルトラマン</t>
  </si>
  <si>
    <t>サンヨー食品×リケンうま塩ドレッシング塩ラーメン</t>
  </si>
  <si>
    <t>懐かしい煮干しらーめん</t>
  </si>
  <si>
    <t>エスビー食品監修おでんの素おでんの〆風ラーメン</t>
  </si>
  <si>
    <t>元祖ニュータンタンメン本舗にんにくダブル</t>
  </si>
  <si>
    <t>ShinShin炊き出し豚骨らーめん</t>
  </si>
  <si>
    <t>サッポロ一番しょうゆエレキング辛口シビシビ</t>
  </si>
  <si>
    <t>サッポロ一番みそどんぶりツインテールのエビだし</t>
  </si>
  <si>
    <t>サッポロ一番塩どんぶりバルタン星人のカニ玉風</t>
  </si>
  <si>
    <t>サッポロ一番カレーラーメンどんぶり</t>
  </si>
  <si>
    <t>瀬戸内レモン農園レモスコ味レモン塩ラーメン</t>
  </si>
  <si>
    <t>久世福商店監修毎日野菜だしで仕上げた塩らーめん65g</t>
  </si>
  <si>
    <t>旅麺博多高菜豚骨ラーメン</t>
  </si>
  <si>
    <t>旅麺会津喜多方醤油ラーメン</t>
  </si>
  <si>
    <t>旅麺横浜家系豚骨醤油ラーメン</t>
  </si>
  <si>
    <t>サッポロ一番しょうゆ味どんぶりケース</t>
  </si>
  <si>
    <t>852g</t>
  </si>
  <si>
    <t>うまか軒_豚骨らーめん</t>
  </si>
  <si>
    <t>うまか軒塩ラーメン</t>
  </si>
  <si>
    <t>焼豚ラーメン和風あごだし</t>
  </si>
  <si>
    <t>うまか軒_しおらーめん</t>
  </si>
  <si>
    <t>とんこつ味　高菜ラーメン</t>
  </si>
  <si>
    <t>焼豚ラーメン_みそ</t>
  </si>
  <si>
    <t>焼豚ラーメン_塩</t>
  </si>
  <si>
    <t>うまか軒　ピリ辛豚骨ラーメン</t>
  </si>
  <si>
    <t>焼豚ラーメン黒</t>
  </si>
  <si>
    <t>うまか軒　豚骨らーめん</t>
  </si>
  <si>
    <t>うまか軒　しおらーめん</t>
  </si>
  <si>
    <t>うまか軒　醤油豚骨ラーメン</t>
  </si>
  <si>
    <t>焼豚ラーメン赤とんこつ坦々風</t>
  </si>
  <si>
    <t>焼豚ラーメン白とろうまとんこつ</t>
  </si>
  <si>
    <t>焼豚ラーメンねぎ盛り</t>
  </si>
  <si>
    <t>焼豚ラーメンごま盛り</t>
  </si>
  <si>
    <t>焼豚ラーメン　ねぎ盛り　　　　</t>
  </si>
  <si>
    <t>焼き豚ラーメンとろ旨鶏白湯風</t>
  </si>
  <si>
    <t>焼豚ラーメン_チリトマとんこつ味</t>
  </si>
  <si>
    <t>ｻﾝﾎﾟ-</t>
  </si>
  <si>
    <t>焼豚ラーメン海苔盛り</t>
  </si>
  <si>
    <t>焼豚ラーメン焦がし醤油豚骨味</t>
  </si>
  <si>
    <t>焼豚ラーメン　鹿児島とんこつ</t>
  </si>
  <si>
    <t>ばりよか醤油豚骨ラーメン</t>
  </si>
  <si>
    <t>焼豚ラーメン　カレー味</t>
  </si>
  <si>
    <t>焼豚ラーメン　和風しょうゆ味</t>
  </si>
  <si>
    <t>博多辛ダレとんこつラーメン</t>
  </si>
  <si>
    <t>うまか軒豚骨ちゃんぽん</t>
  </si>
  <si>
    <t>ばりよか　激辛ラーメン</t>
  </si>
  <si>
    <t>焼豚ラーメンスパイシーインドカレー味</t>
  </si>
  <si>
    <t>焼豚ラーメンペペロンチーノ味</t>
  </si>
  <si>
    <t>激辛高菜豚骨ラーメン</t>
  </si>
  <si>
    <t>焼豚ラーメンペペロンチーノ味推し</t>
  </si>
  <si>
    <t>焼豚ラーメンこってり豚骨推し</t>
  </si>
  <si>
    <t>焼豚ラーメン和歌山豚骨しょうゆ</t>
  </si>
  <si>
    <t>焼豚ラーメン　博多辛ダレとんこつ</t>
  </si>
  <si>
    <t>８８g</t>
  </si>
  <si>
    <t>焼豚ラーメン柚子胡椒推し</t>
  </si>
  <si>
    <t>濃厚豚骨コクの白とんこつ</t>
  </si>
  <si>
    <t>濃厚豚骨香りの黒とんこつ</t>
  </si>
  <si>
    <t>コクの一杯海鮮しおラーメン</t>
  </si>
  <si>
    <t>コクの一杯豚骨ラーメン</t>
  </si>
  <si>
    <t>コクの一杯鶏ガラ醤油ラーメン</t>
  </si>
  <si>
    <t>コクの一杯味噌ラーメン</t>
  </si>
  <si>
    <t>祭盛ねぎ醤油ラーメン</t>
  </si>
  <si>
    <t>焼豚ラーメン博多辛ダレとんこつ</t>
  </si>
  <si>
    <t>濃厚豚骨深みの背脂とんこつ</t>
  </si>
  <si>
    <t>祭盛ねぎ博多豚骨ラーメン</t>
  </si>
  <si>
    <t>豚骨研究所豚骨ラーメン</t>
  </si>
  <si>
    <t>焼豚ラーメン鹿児島とんこつ</t>
  </si>
  <si>
    <t>焼豚ラーメン宮崎辛麺</t>
  </si>
  <si>
    <t>81g×1</t>
  </si>
  <si>
    <t>焼豚ラーメン琉球そば風</t>
  </si>
  <si>
    <t>79g×1</t>
  </si>
  <si>
    <t>具ダクねぎ豚骨ラーメン</t>
  </si>
  <si>
    <t>具ダクねぎ醤油ラーメン</t>
  </si>
  <si>
    <t>具ダクコーン味噌ラーメン</t>
  </si>
  <si>
    <t>具ダクわかめ海鮮しおラーメン</t>
  </si>
  <si>
    <t>焼豚ラーメン横浜家系醤油とんこつ味</t>
  </si>
  <si>
    <t>三宝だし本家牛だし醤油ラーメン</t>
  </si>
  <si>
    <t>つるっとワンタン麺_醤油</t>
  </si>
  <si>
    <t>つるっとワンタン麺_味噌</t>
  </si>
  <si>
    <t>つるっとワンタン麺_豚骨</t>
  </si>
  <si>
    <t>カップ醤油ラーメン</t>
  </si>
  <si>
    <t>カップ味噌ラーメン</t>
  </si>
  <si>
    <t>カップ塩ラーメン</t>
  </si>
  <si>
    <t>担担麺九州の工場でつくっています</t>
  </si>
  <si>
    <t>豚骨ラーメン九州の工場でつくっています</t>
  </si>
  <si>
    <t>マルちゃんヌードル坦々麺</t>
  </si>
  <si>
    <t>つるっとワンタン麺_ピリ辛味噌</t>
  </si>
  <si>
    <t>激麺ワンタン醤油</t>
  </si>
  <si>
    <t>つるっとワンタン醤油豚骨</t>
  </si>
  <si>
    <t>つるっとワンタン坦々麺</t>
  </si>
  <si>
    <t>海老味噌ラーメン</t>
  </si>
  <si>
    <t>つるっとワンタン麺_醤油とんこつ</t>
  </si>
  <si>
    <t>辣坦</t>
  </si>
  <si>
    <t>味の逸品ワンタン麺コク醤油</t>
  </si>
  <si>
    <t>味の逸品ワンタン麺ピリ辛味噌</t>
  </si>
  <si>
    <t>味の逸品ワンタン麺コク豚骨</t>
  </si>
  <si>
    <t>にぎわい亭　担々麺</t>
  </si>
  <si>
    <t>にぎわい亭　ちゃんぽん</t>
  </si>
  <si>
    <t>マルちゃん　激めんワンタン麺ピリ辛坦々麺</t>
  </si>
  <si>
    <t>麺ダイニングワンタン麺醤油味</t>
  </si>
  <si>
    <t>麺ダイニング担担麺</t>
  </si>
  <si>
    <t>麺ダイニングちゃんぽん</t>
  </si>
  <si>
    <t>青いちゃんぽん</t>
  </si>
  <si>
    <t>正麺カップトリュフ香る鶏白湯</t>
  </si>
  <si>
    <t>マルちゃん正麺_カップ_うま辛担担麺</t>
  </si>
  <si>
    <t>いつもの一杯ワンタン麺中華そば</t>
  </si>
  <si>
    <t>いつもの一杯ワンタン麺鶏だし塩そば</t>
  </si>
  <si>
    <t>いつもの一杯ワンタン麺旨辛麺</t>
  </si>
  <si>
    <t>マルちゃん激めんわかめしお</t>
  </si>
  <si>
    <t>マルちゃん正麺　濃ニボ</t>
  </si>
  <si>
    <t>トイ・ボックス　醤油ラーメン</t>
  </si>
  <si>
    <t>湯の台食堂中華そば</t>
  </si>
  <si>
    <t>ＣＬＷ麺処若武者外伝いち豚</t>
  </si>
  <si>
    <t>バリうまごま高菜とんこつ</t>
  </si>
  <si>
    <t>和みのひととき卵スープ</t>
  </si>
  <si>
    <t>6.5g</t>
  </si>
  <si>
    <t>とんがらし麺熟辛坦々麺</t>
  </si>
  <si>
    <t>麺の達人カップしょうゆ</t>
  </si>
  <si>
    <t>麺の達人まろやか絞り豚骨</t>
  </si>
  <si>
    <t>麺屋_豚キムチ</t>
  </si>
  <si>
    <t>麺屋_もやしみそ</t>
  </si>
  <si>
    <t>麺屋_高菜とんこつ</t>
  </si>
  <si>
    <t>日清麺屋_わかめ醤油</t>
  </si>
  <si>
    <t>日清麺屋_旨辛キムチ</t>
  </si>
  <si>
    <t>日清麺屋_高菜とんこつ</t>
  </si>
  <si>
    <t>日清麺屋　旨辛キムチ</t>
  </si>
  <si>
    <t>日清麺屋　高菜とんこつ</t>
  </si>
  <si>
    <t>太麺堂々　ピリ辛醤油</t>
  </si>
  <si>
    <t>麺職人酸辣湯麺</t>
  </si>
  <si>
    <t>チキンラーメンどんぶりトマトスープバター香り添え</t>
  </si>
  <si>
    <t>日清中華　雲呑麺</t>
  </si>
  <si>
    <t>麺屋　醤油ラーメン</t>
  </si>
  <si>
    <t>麺屋_味噌ラーメン</t>
  </si>
  <si>
    <t>麺屋_塩ラーメン</t>
  </si>
  <si>
    <t>麺屋　高菜豚骨ラーメン</t>
  </si>
  <si>
    <t>麺屋　キムチラーメン</t>
  </si>
  <si>
    <t>麺屋　香味しょうゆ</t>
  </si>
  <si>
    <t>麺屋　熟成みそ</t>
  </si>
  <si>
    <t>麺屋　旨味しお</t>
  </si>
  <si>
    <t>麺屋　高菜とんこつ</t>
  </si>
  <si>
    <t>麺ニッポン　札幌濃厚味噌ラーメン</t>
  </si>
  <si>
    <t>チキンラーメンどんぶり酸辣湯風</t>
  </si>
  <si>
    <t>チキンラーメン丼トマトチーズ</t>
  </si>
  <si>
    <t>日清デカブト　熟成コク旨味噌</t>
  </si>
  <si>
    <t>119G</t>
  </si>
  <si>
    <t>チキンラーメンどんぶりキムラー</t>
  </si>
  <si>
    <t>チキンラーメンどんぶりチーズカレー</t>
  </si>
  <si>
    <t>ラーメン屋さん　旭川しょうゆ味</t>
  </si>
  <si>
    <t>ラーメン屋さん　博多とんこつ味</t>
  </si>
  <si>
    <t>チキンどんぶり鬼滅の刃</t>
  </si>
  <si>
    <t>鬼滅一丁どんぶり鬼滅の刃</t>
  </si>
  <si>
    <t>日清キメツラーメンどんぶり鬼滅の刃パッケージ</t>
  </si>
  <si>
    <t>鬼滅一丁どんぶり鬼滅の刃パッケージ</t>
  </si>
  <si>
    <t>チキンラーメンどんぶりナポリタン</t>
  </si>
  <si>
    <t>日清チキンラーメンビッグピザトースト</t>
  </si>
  <si>
    <t>博多ねぎラーメン</t>
  </si>
  <si>
    <t>高菜ラーメン　とんこつ味</t>
  </si>
  <si>
    <t>かぼちゃポタージュ味棒ラーメン</t>
  </si>
  <si>
    <t>１３９ｇ</t>
  </si>
  <si>
    <t>辛味ちゃんぽん</t>
  </si>
  <si>
    <t>味わいの逸品しょうゆラーメン</t>
  </si>
  <si>
    <t>味わいの逸品とんこつラーメン</t>
  </si>
  <si>
    <t>あつあつとろみちゃんぽん</t>
  </si>
  <si>
    <t>豚骨ラーメンねぎ・ごま・きくらげ</t>
  </si>
  <si>
    <t>醤油ラーメン鶏そぼろ入り</t>
  </si>
  <si>
    <t>鶏だしゆずこしょうラーメン</t>
  </si>
  <si>
    <t>あごだし入りしょうゆラーメン</t>
  </si>
  <si>
    <t>辛豚ラーメン</t>
  </si>
  <si>
    <t>マルタイ博多焼豚ラーメン</t>
  </si>
  <si>
    <t>旨辛豚骨ラーメン</t>
  </si>
  <si>
    <t>屋台ラーメン　カップ</t>
  </si>
  <si>
    <t>九州発　博多とんこつ</t>
  </si>
  <si>
    <t>九州発　熊本とんこつ</t>
  </si>
  <si>
    <t>九州発　鹿児島とんこつ</t>
  </si>
  <si>
    <t>香りのこだわりゆず塩ラーメン</t>
  </si>
  <si>
    <t>旨味のこだわり魚介豚骨ラーメン</t>
  </si>
  <si>
    <t>九州発　久留米ラーメン</t>
  </si>
  <si>
    <t>長浜とんこつ博多ラーメン</t>
  </si>
  <si>
    <t>黒マー油とんこつ熊本ラーメン</t>
  </si>
  <si>
    <t>焦がし葱入りとんこつ鹿児島ラーメン</t>
  </si>
  <si>
    <t>THE　豚骨</t>
  </si>
  <si>
    <t>清洋軒監修久留米ラーメン</t>
  </si>
  <si>
    <t>清陽軒監修久留米ラーメンカップ</t>
  </si>
  <si>
    <t>味よか隊宮崎辛麺</t>
  </si>
  <si>
    <t>一平ちゃん味噌味</t>
  </si>
  <si>
    <t>にゅめんでっせ</t>
  </si>
  <si>
    <t>チャルメラコーンとんこつ</t>
  </si>
  <si>
    <t>チャルメラ高菜とんこつ</t>
  </si>
  <si>
    <t>にんにく醤油ラ－メン</t>
  </si>
  <si>
    <t>明星カップ　沖縄そば</t>
  </si>
  <si>
    <t>麺屋こころ監修　台湾ラーメン</t>
  </si>
  <si>
    <t>チャルメラどんぶり新潟かんずり旨辛みそラーメン８３</t>
  </si>
  <si>
    <t>83G</t>
  </si>
  <si>
    <t>チャルメラどんぶり大分柚子胡椒鶏白湯ラーメン８１ｇ</t>
  </si>
  <si>
    <t>チャルメラどんぶり　青森スタミナ源たれ　にんにく甘旨醤油拉麺</t>
  </si>
  <si>
    <t>明星_大崎裕史の新豚骨醤油</t>
  </si>
  <si>
    <t>ぶぶか油-めん　大盛にんにく豚骨</t>
  </si>
  <si>
    <t>天吉ラーメン</t>
  </si>
  <si>
    <t>チャルメラどんぶり　コク旨しょうゆ</t>
  </si>
  <si>
    <t>チャルメラどんぶり　コク旨みそ</t>
  </si>
  <si>
    <t>チャルメラどんぶり　あんかけラーメン　とろみ醤油</t>
  </si>
  <si>
    <t>チャルメラどんぶり　ちゃんぽん</t>
  </si>
  <si>
    <t>チャルメラどんぶり　高菜ラーメン</t>
  </si>
  <si>
    <t>チャルメラどんぶり　あんかけラーメンとろみしょうゆ</t>
  </si>
  <si>
    <t>チャルメラバリカタマー油豚骨ラーメン</t>
  </si>
  <si>
    <t>らーめん颯人　濃厚香味焦がし味噌</t>
  </si>
  <si>
    <t>評判屋わかめラーメンごま香る醤油</t>
  </si>
  <si>
    <t>評判屋わんたん麺鶏だし塩味</t>
  </si>
  <si>
    <t>評判屋野菜ﾗｰﾒﾝ合わせみそ</t>
  </si>
  <si>
    <t>評判屋　ねぎ豚骨ラーメン</t>
  </si>
  <si>
    <t>評判屋わんたん麺鶏ガラしょうゆ味</t>
  </si>
  <si>
    <t>評判屋　わかめラーメン醤油</t>
  </si>
  <si>
    <t>評判屋　わんたん麺鶏だし塩味</t>
  </si>
  <si>
    <t>評判屋　コク味噌ラーメン</t>
  </si>
  <si>
    <t>評判屋　コク豚骨ラーメン</t>
  </si>
  <si>
    <t>旨だし屋わかめラーメン大盛</t>
  </si>
  <si>
    <t>喜多方ラーメン坂内監修コク醤油ワンタンスープ</t>
  </si>
  <si>
    <t>評判屋重ねだしわかめ醤油ラーメン</t>
  </si>
  <si>
    <t>評判屋重ねだしわんたん塩ラーメン</t>
  </si>
  <si>
    <t>評判屋重ねだし野菜白湯タンメン</t>
  </si>
  <si>
    <t>評判屋重ねだしかきたまピリ辛塩ラーメン</t>
  </si>
  <si>
    <t>麺とスープだけ黄金鶏油中華そば</t>
  </si>
  <si>
    <t>かけラーでっせ醤油ラーメン</t>
  </si>
  <si>
    <t>チャルメラ源たれにんにく甘旨醤油ラーメン</t>
  </si>
  <si>
    <t>ペヤングディアーヌードルしょうゆ味</t>
  </si>
  <si>
    <t>ペヤングディアーヌードルみそ味</t>
  </si>
  <si>
    <t>ペヤングディアーヌードルしお味</t>
  </si>
  <si>
    <t>ペヤングディアーヌードルカレー味</t>
  </si>
  <si>
    <t>懐かしのみそラーメン</t>
  </si>
  <si>
    <t>懐かし醤油ラーメン</t>
  </si>
  <si>
    <t>野菜盛りねぎ醤油ラーメン</t>
  </si>
  <si>
    <t>野菜盛りキャベツ味噌ラーメン</t>
  </si>
  <si>
    <t>野菜盛りチンゲンサイ担担麺</t>
  </si>
  <si>
    <t>上州らーめん醤油味</t>
  </si>
  <si>
    <t>上州らーめん味噌味</t>
  </si>
  <si>
    <t>上州らーめん塩味</t>
  </si>
  <si>
    <t>東京しょうゆカップ</t>
  </si>
  <si>
    <t>札幌みそカップ</t>
  </si>
  <si>
    <t>博多とんこつカップ</t>
  </si>
  <si>
    <t>まる得_しょうゆラーメン</t>
  </si>
  <si>
    <t>まる得_みそラーメン</t>
  </si>
  <si>
    <t>金ちゃん徳島ラーメン</t>
  </si>
  <si>
    <t>味噌ラーメン</t>
  </si>
  <si>
    <t>柚子胡椒ラーメン</t>
  </si>
  <si>
    <t>味うどん</t>
  </si>
  <si>
    <t>新麺s味工房醤油ラーメン</t>
  </si>
  <si>
    <t>新麺s味工房味噌ラーメン</t>
  </si>
  <si>
    <t>新麺s味工房塩ラーメン</t>
  </si>
  <si>
    <t>新麺s味工房豚骨ラーメン</t>
  </si>
  <si>
    <t>新麺s味工房辛みそラーメン</t>
  </si>
  <si>
    <t>麺s味工房長崎ちゃんぽん</t>
  </si>
  <si>
    <t>麺s味工房旨辛ラーメン</t>
  </si>
  <si>
    <t>九州ラーメン</t>
  </si>
  <si>
    <t>博多豚骨ラーメン</t>
  </si>
  <si>
    <t>新　麺s味工房　醤油ラーメン　ケース</t>
  </si>
  <si>
    <t>ｱｼﾞｺｳﾎﾞｳ</t>
  </si>
  <si>
    <t>新　麺s味工房　味噌ラーメン　ケース</t>
  </si>
  <si>
    <t>新　麺s味工房　塩ラーメン　ケース</t>
  </si>
  <si>
    <t>新　麺s味工房　豚骨ラーメン　ケース</t>
  </si>
  <si>
    <t>新　麺s味工房　辛みそラーメン　ケース</t>
  </si>
  <si>
    <t>82g×12P</t>
  </si>
  <si>
    <t>ポンポコラーメンしょうゆ味</t>
  </si>
  <si>
    <t>ポンポコラーメンしお味</t>
  </si>
  <si>
    <t>ポンポコラーメンとんこつ</t>
  </si>
  <si>
    <t>中華そば　しょうゆ</t>
  </si>
  <si>
    <t>中華そば　しお</t>
  </si>
  <si>
    <t>中華そば　濃厚みそ</t>
  </si>
  <si>
    <t>中華そば　魚介豚骨醤油</t>
  </si>
  <si>
    <t>五目　野菜ラーメンしょうゆ味</t>
  </si>
  <si>
    <t>海鮮　海老ダシラーメンシーフード</t>
  </si>
  <si>
    <t>厚切り　ねぎラーメンみそ味</t>
  </si>
  <si>
    <t>クリーミー豚骨ラーメン博多風</t>
  </si>
  <si>
    <t>五目野菜ラーメン　しょうゆ</t>
  </si>
  <si>
    <t>海鮮海老だしラーメン　シーフード</t>
  </si>
  <si>
    <t>ユッケジャンラーメン</t>
  </si>
  <si>
    <t>キムチサバルカップ</t>
  </si>
  <si>
    <t>JUNKFULLやみつきベーコンチーズ味まぜそば</t>
  </si>
  <si>
    <t>わかめは主食チョレギサラダ風まぜめん</t>
  </si>
  <si>
    <t>汁なし台湾ラーメン</t>
  </si>
  <si>
    <t>マルちゃん正麺カップ_旨こく豚骨醤油_麺増量</t>
  </si>
  <si>
    <t>鶏油と葱が香る鴨だし中華そばケース</t>
  </si>
  <si>
    <t>チャパゲッティーBIGCUP</t>
  </si>
  <si>
    <t>焼きそばブルダック炒め麺BIGCUP</t>
  </si>
  <si>
    <t>おにぎりせんべい味　焼うどん</t>
  </si>
  <si>
    <t>スーパーカップ濃旨塩だれ焼そば</t>
  </si>
  <si>
    <t>タラタラしてんじゃねーよ味焼そば</t>
  </si>
  <si>
    <t>タラタラしてんじゃねーよカレー味焼そば</t>
  </si>
  <si>
    <t>悪魔のSC刺激のいか天焼そばチェンソーマン</t>
  </si>
  <si>
    <t>三島のゆかり使用塩焼きそば</t>
  </si>
  <si>
    <t>三島のしげきわさび醤油焼きそば</t>
  </si>
  <si>
    <t>甘辛焼きそば</t>
  </si>
  <si>
    <t>ホームラン軒坦々麺</t>
  </si>
  <si>
    <t>旅麺浅草ケース</t>
  </si>
  <si>
    <t>116ｇ×12</t>
  </si>
  <si>
    <t>違う家横浜家系油そば</t>
  </si>
  <si>
    <t>焼豚やきそば</t>
  </si>
  <si>
    <t>赤いきつね焼うどんケース</t>
  </si>
  <si>
    <t>101gx12</t>
  </si>
  <si>
    <t>炭火焼仕立てのあごだし焼うどん</t>
  </si>
  <si>
    <t>炭火焼仕立てのあごだし焼うどんケース</t>
  </si>
  <si>
    <t>マルちゃん正麺カップ黒コショウ焼そば</t>
  </si>
  <si>
    <t>麺ﾆｯﾎﾟﾝ京都背油醤油ﾗｰﾒﾝ</t>
  </si>
  <si>
    <t>チキン汁なし担々</t>
  </si>
  <si>
    <t>チキンラーメンどんぶり　スパイシ</t>
  </si>
  <si>
    <t>UFO和風醤油テリマヨ</t>
  </si>
  <si>
    <t>日清チキンラーメンどんぶり花椒香る汁なし担々麺</t>
  </si>
  <si>
    <t>日清チキンラーメン汁なしどんぶり焦がしにんにく香る油そば</t>
  </si>
  <si>
    <t>焼そば</t>
  </si>
  <si>
    <t>バリカタ　辛とんこつ</t>
  </si>
  <si>
    <t>チャルメラ青森スタミナ源たれにんにく醤油まぜそば</t>
  </si>
  <si>
    <t>太平燕カップ　とんこつ</t>
  </si>
  <si>
    <t>20.6ｇ</t>
  </si>
  <si>
    <t>ホームラン軒　汁なし担々麺</t>
  </si>
  <si>
    <t>ホームラン軒　ジャージャー麺</t>
  </si>
  <si>
    <t>ホームラン軒　台湾まぜそば</t>
  </si>
  <si>
    <t>ホームラン軒　魚介系油そば</t>
  </si>
  <si>
    <t>旅麺浅草ソース焼きそば</t>
  </si>
  <si>
    <t>醤油味油そば</t>
  </si>
  <si>
    <t>刀削麺風　汁なし担々麺</t>
  </si>
  <si>
    <t>麺の至宝汁なし四川麻婆味刀削風麺</t>
  </si>
  <si>
    <t>汁なし横浜家系豚骨しょうゆ</t>
  </si>
  <si>
    <t>明太釜玉風うどん</t>
  </si>
  <si>
    <t>寿がきやだし名人博多風あごだしうどん129g</t>
  </si>
  <si>
    <t>129G</t>
  </si>
  <si>
    <t>小さなおうどんお吸いもの</t>
  </si>
  <si>
    <t>小さなおうどん梅じそ</t>
  </si>
  <si>
    <t>小さなおうどんとろろ昆布</t>
  </si>
  <si>
    <t>最強どん兵衛カレーうどん</t>
  </si>
  <si>
    <t>日清のどん兵衛特盛ラー油肉汁きつねうどん</t>
  </si>
  <si>
    <t>満腹食堂とん汁うどん</t>
  </si>
  <si>
    <t>満腹食堂カレーうどん</t>
  </si>
  <si>
    <t>ばんどう太郎坂東みそ煮込みうどん</t>
  </si>
  <si>
    <t>うどんの逸品豆腐チゲうどん</t>
  </si>
  <si>
    <t>包丁きりうどん</t>
  </si>
  <si>
    <t>大黒軒_きつねうどん（減塩）</t>
  </si>
  <si>
    <t>大黒_冷したぬきうどん</t>
  </si>
  <si>
    <t>山形ひっぱり風うどん</t>
  </si>
  <si>
    <t>あんかけだるまカニだしうどん</t>
  </si>
  <si>
    <t>辛節かけすぎカレーうどん</t>
  </si>
  <si>
    <t>明太釜玉風うどんケース</t>
  </si>
  <si>
    <t>とろとろあんかけの明太玉子風うどん</t>
  </si>
  <si>
    <t>ゴリパラ見聞録わかめゴリパラうどん肉しょうが味</t>
  </si>
  <si>
    <t>わかめゴリパラうどん肉しょうが味ケース</t>
  </si>
  <si>
    <t>清鶴麺太うどんケース</t>
  </si>
  <si>
    <t>青木食品</t>
  </si>
  <si>
    <t>ｱﾗｲｱﾔ</t>
  </si>
  <si>
    <t>清鶴麺細うどんケース</t>
  </si>
  <si>
    <t>神崎うどん</t>
  </si>
  <si>
    <t>神埼素麺大坪製麺</t>
  </si>
  <si>
    <t>ｵｵﾂﾎﾞ</t>
  </si>
  <si>
    <t>早煮うどん</t>
  </si>
  <si>
    <t>冷しかけうどん</t>
  </si>
  <si>
    <t>おかくら_きつねうどん</t>
  </si>
  <si>
    <t>塩麹を使ったまろやかうどん　白湯味</t>
  </si>
  <si>
    <t>旅麺　名古屋きしめん</t>
  </si>
  <si>
    <t>桃屋のつゆで仕上げたきつねうどん</t>
  </si>
  <si>
    <t>スンドゥブ味辛口うどん</t>
  </si>
  <si>
    <t>ご当地熱愛麺山田うどん食堂監修たぬきうどん</t>
  </si>
  <si>
    <t>ご当地熱愛麺山田うどん食堂監修赤パンチ味うどん</t>
  </si>
  <si>
    <t>ばりよかうどん</t>
  </si>
  <si>
    <t>だし本家博多ごぼう天うどん</t>
  </si>
  <si>
    <t>全国味くらべ赤いきつねうどん東</t>
  </si>
  <si>
    <t>全国味くらべ赤いきつねうどん西</t>
  </si>
  <si>
    <t>全国味くらべ赤いきつねうどん関西</t>
  </si>
  <si>
    <t>全国味くらべ赤いきつねうどん北海道</t>
  </si>
  <si>
    <t>冷しこく担々うどん</t>
  </si>
  <si>
    <t>冷しこく担々うどんケース</t>
  </si>
  <si>
    <t>96gx12</t>
  </si>
  <si>
    <t>赤いきつね全国味くらべパック</t>
  </si>
  <si>
    <t>4ｺﾊﾟｯｸ</t>
  </si>
  <si>
    <t>豆乳ごまみそうどん</t>
  </si>
  <si>
    <t>ﾏﾂﾁｬﾝ</t>
  </si>
  <si>
    <t>緑の天ぷらうどん</t>
  </si>
  <si>
    <t>緑の天ぷらうどんケース</t>
  </si>
  <si>
    <t>90gx12</t>
  </si>
  <si>
    <t>ガーリックバター醤油味うどん</t>
  </si>
  <si>
    <t>冷しぶっかけ讃岐風うどん</t>
  </si>
  <si>
    <t>あじわい豚汁うどんでか盛</t>
  </si>
  <si>
    <t>がんばれ受験生ねぎ香る肉だしうどん</t>
  </si>
  <si>
    <t>つよゴシ讃岐風うどん</t>
  </si>
  <si>
    <t>冷しとうもろこし天うどん</t>
  </si>
  <si>
    <t>シャア専用赤いきつねうどん東</t>
  </si>
  <si>
    <t>がんばれ受験生丸鶏だしうどん</t>
  </si>
  <si>
    <t>どん兵衛沖縄風そば</t>
  </si>
  <si>
    <t>どん兵衛きつねSPY</t>
  </si>
  <si>
    <t>どん兵衛天そばSPY</t>
  </si>
  <si>
    <t>どん兵衛ソルロンタン</t>
  </si>
  <si>
    <t>どん兵衛スンドゥブチゲ</t>
  </si>
  <si>
    <t>どん兵衛燻製ベーコンのカルボナーラうどん</t>
  </si>
  <si>
    <t>どん兵衛シーフードちゃんぽんうどん</t>
  </si>
  <si>
    <t>どん兵衛PROきつね東</t>
  </si>
  <si>
    <t>どん兵衛PROきつね西</t>
  </si>
  <si>
    <t>どん兵衛きつねSPYケース</t>
  </si>
  <si>
    <t>どん兵衛天そばSPYケース</t>
  </si>
  <si>
    <t>日清のどん兵衛特盛中華あんかけきつねうどん</t>
  </si>
  <si>
    <t>どん兵衛きつねうどんだし比べ南</t>
  </si>
  <si>
    <t>最強どん兵衛カレーうどんケース</t>
  </si>
  <si>
    <t>どん兵衛重ねわさびが香る鶏塩うどん</t>
  </si>
  <si>
    <t>日清のどん兵衛3種のチーズの豚キムチ味うどん</t>
  </si>
  <si>
    <t>どん兵衛3種のチーズ豚キムチ味うどんケース</t>
  </si>
  <si>
    <t>国内産麦うどん</t>
  </si>
  <si>
    <t>甲斐の白糸うどん</t>
  </si>
  <si>
    <t>鍋用うどん３玉</t>
  </si>
  <si>
    <t>焼きうどん</t>
  </si>
  <si>
    <t>あったか釜揚うどん</t>
  </si>
  <si>
    <t>味よか隊あごだし入りうどん長崎</t>
  </si>
  <si>
    <t>讃岐ざるうどん</t>
  </si>
  <si>
    <t>中尾食品</t>
  </si>
  <si>
    <t>ﾅｶｵ</t>
  </si>
  <si>
    <t>冷しうどん</t>
  </si>
  <si>
    <t>力うどん</t>
  </si>
  <si>
    <t>大黒軒チゲカラうどん</t>
  </si>
  <si>
    <t>大黒_力うどん</t>
  </si>
  <si>
    <t>冷しうどんカップ</t>
  </si>
  <si>
    <t>みそ仕立てうどん</t>
  </si>
  <si>
    <t>ゴクジョウウドン</t>
  </si>
  <si>
    <t>麺物語本舗</t>
  </si>
  <si>
    <t>ﾒﾝﾓﾉｶﾞﾀﾘ</t>
  </si>
  <si>
    <t>伝承蔵造り生うどん</t>
  </si>
  <si>
    <t>涼一膳うどん</t>
  </si>
  <si>
    <t>駅前食堂わかめうどん</t>
  </si>
  <si>
    <t>旅麺名古屋カレーうどん</t>
  </si>
  <si>
    <t>エスビー食品監修おでんの素おでんの〆風うどん</t>
  </si>
  <si>
    <t>激辛ごぼう天うどん</t>
  </si>
  <si>
    <t>どん兵衛きつねうどんだし比べ東</t>
  </si>
  <si>
    <t>どん兵衛きつねうどんだし比べ西</t>
  </si>
  <si>
    <t>どん兵衛きつねうどんだし比べ北</t>
  </si>
  <si>
    <t>日清のどん兵衛札幌スープカレーうどん</t>
  </si>
  <si>
    <t>スーパーカップ千房監修濃い旨ソース焼そば</t>
  </si>
  <si>
    <t>ニュータッチ　凄麺　鴨だしそば　１１７ｇ</t>
  </si>
  <si>
    <t>１１７ｇ</t>
  </si>
  <si>
    <t>ヤマダイ手緒里けんちんうどんカップ</t>
  </si>
  <si>
    <t>名代富士そば紅生姜天そば</t>
  </si>
  <si>
    <t>凄麺そばの逸品鴨だしそば</t>
  </si>
  <si>
    <t>ベビースターラーメンおつまみ風焼そばピリ辛チキン味</t>
  </si>
  <si>
    <t>ホープ軒本舗監修東京背脂豚骨油まぜそば</t>
  </si>
  <si>
    <t>冷しキムチそば</t>
  </si>
  <si>
    <t>冷しキムチそばケース</t>
  </si>
  <si>
    <t>84gx12</t>
  </si>
  <si>
    <t>緑のたぬき全国味くらべ_パック</t>
  </si>
  <si>
    <t>濃厚カレーきつねそばでか盛</t>
  </si>
  <si>
    <t>赤い天ぷらそば</t>
  </si>
  <si>
    <t>赤い天ぷらそばケース</t>
  </si>
  <si>
    <t>88gx12</t>
  </si>
  <si>
    <t>冷たいつゆの鶏だしそば</t>
  </si>
  <si>
    <t>緑のたぬき天そば45周年記念商品東</t>
  </si>
  <si>
    <t>緑のたぬき天そば45周年記念商品西</t>
  </si>
  <si>
    <t>シャリア専用緑のたぬき天そば東</t>
  </si>
  <si>
    <t>UFO大盛ジャージャー麺</t>
  </si>
  <si>
    <t>どん兵衛紅生姜天そば</t>
  </si>
  <si>
    <t>UFO濃い濃いシーフードBBQ焼きそば</t>
  </si>
  <si>
    <t>ペヤングアパ社長カレー味やきそば</t>
  </si>
  <si>
    <t>まぜてザクザクシン濃厚アブラソバ</t>
  </si>
  <si>
    <t>リンガーハットの冷やしちゃんぽん</t>
  </si>
  <si>
    <t>寿がきや名古屋駅でおなじみのきしめん152g</t>
  </si>
  <si>
    <t>寿がきや麺処井の庄辛辛魚まぜそば116g</t>
  </si>
  <si>
    <t>麺処井の庄監修辛辛魚まぜそば</t>
  </si>
  <si>
    <t>船越塩中華そば</t>
  </si>
  <si>
    <t>麺とスープだけ漆黒マー油豚骨ラーメン</t>
  </si>
  <si>
    <t>手緒里庵冷やし手延べそうめん</t>
  </si>
  <si>
    <t>バンシュウソウメン</t>
  </si>
  <si>
    <t>超塾仕込みひやむぎ</t>
  </si>
  <si>
    <t>マルちゃん福袋</t>
  </si>
  <si>
    <t>スダレメン_ソウメン</t>
  </si>
  <si>
    <t>ﾀﾞｲｺｸﾃﾝ</t>
  </si>
  <si>
    <t>椎茸_菌床大葉</t>
  </si>
  <si>
    <t>ＣｏＣｏ壱番屋豚南蛮カレーそば</t>
  </si>
  <si>
    <t>ＣｏＣｏ壱番屋監修　濃い出汁香るカレーそば　</t>
  </si>
  <si>
    <t>冬のスーパーカップ鶏南蛮そば</t>
  </si>
  <si>
    <t>スーパーカップ１．５倍　ブタキム蕎麦</t>
  </si>
  <si>
    <t>スーパーカップ１．５倍　鶏南蛮そば</t>
  </si>
  <si>
    <t>エース冬のＳＣ鶏南蛮そば</t>
  </si>
  <si>
    <t>冬のスーパーＣ鶏南蛮そば</t>
  </si>
  <si>
    <t>冬のスーパーカップ_鶏南蛮そば</t>
  </si>
  <si>
    <t>スーパーカップ鶏南蛮そば</t>
  </si>
  <si>
    <t>スーパーカップ１．５倍　冬盛り　鶏南蛮そば</t>
  </si>
  <si>
    <t>フジッコ　純とろ　とろろ昆布そば　６２ｇ</t>
  </si>
  <si>
    <t>エースコック　大吉　山わさび仕立　そうめん　ケース</t>
  </si>
  <si>
    <t>66gx24</t>
  </si>
  <si>
    <t>わかめ油そばごま･しょうゆ仕立て</t>
  </si>
  <si>
    <t>わかめ油そばごま･しょうゆ仕立てケース</t>
  </si>
  <si>
    <t>カップチャンポンめんケース</t>
  </si>
  <si>
    <t>カップ山菜そばケース</t>
  </si>
  <si>
    <t>小豆島そうめん</t>
  </si>
  <si>
    <t>清鶴麺素麺ケース</t>
  </si>
  <si>
    <t>クランチバー</t>
  </si>
  <si>
    <t>協同乳業</t>
  </si>
  <si>
    <t>ﾒｲﾄｳ</t>
  </si>
  <si>
    <t>神崎そうめん</t>
  </si>
  <si>
    <t>神崎ひやむぎ</t>
  </si>
  <si>
    <t>ミツセヤマイモイリソバ</t>
  </si>
  <si>
    <t>マルソクヒヤムギ</t>
  </si>
  <si>
    <t>カンザキ_ソウメン</t>
  </si>
  <si>
    <t>ミツセイナカソバ</t>
  </si>
  <si>
    <t>シロ_ビ－フンショートタイプ</t>
  </si>
  <si>
    <t>菜の花コーンスープビーフン</t>
  </si>
  <si>
    <t>高菜とんこつスープビーフン</t>
  </si>
  <si>
    <t>シンシュウソバ</t>
  </si>
  <si>
    <t>テノベソウメン</t>
  </si>
  <si>
    <t>シンキンジルシヒヤムギ</t>
  </si>
  <si>
    <t>冷しかけひやむぎ</t>
  </si>
  <si>
    <t>シンキンジルシソウメン</t>
  </si>
  <si>
    <t>五木ざるそば</t>
  </si>
  <si>
    <t>ヒヤシチュウカ_レモンジル</t>
  </si>
  <si>
    <t>匠_冷し中華レモン風味</t>
  </si>
  <si>
    <t>匠_冷し中華ごまだれ</t>
  </si>
  <si>
    <t>更科ざるそば</t>
  </si>
  <si>
    <t>やぶざるそば</t>
  </si>
  <si>
    <t>スパゲティー</t>
  </si>
  <si>
    <t>麺づくり背脂しょうゆ</t>
  </si>
  <si>
    <t>おそば屋さんのカレー南ばん肉そば</t>
  </si>
  <si>
    <t>冷しきつねそば</t>
  </si>
  <si>
    <t>ゆずの香温つゆおそうめん</t>
  </si>
  <si>
    <t>どん兵衛琉球そば</t>
  </si>
  <si>
    <t>エルボマカロニ</t>
  </si>
  <si>
    <t>エルボ９フン</t>
  </si>
  <si>
    <t>クイック_４プン</t>
  </si>
  <si>
    <t>ミニスパ１・８ＭＭ</t>
  </si>
  <si>
    <t>ツイスト</t>
  </si>
  <si>
    <t>クルル</t>
  </si>
  <si>
    <t>ペンネ</t>
  </si>
  <si>
    <t>シェル</t>
  </si>
  <si>
    <t>スパゲッティ・プロントミニ</t>
  </si>
  <si>
    <t>スパゲティプロンプト</t>
  </si>
  <si>
    <t>バ－ミセリ_２００Ｇ</t>
  </si>
  <si>
    <t>１／２サラダスパ</t>
  </si>
  <si>
    <t>ピュアメイドボロネーゼ</t>
  </si>
  <si>
    <t>イナニワウドン</t>
  </si>
  <si>
    <t>アルデン明太子クリーム</t>
  </si>
  <si>
    <t>サッカーマカロニ</t>
  </si>
  <si>
    <t>スパゲティ_１．６ｍｍ</t>
  </si>
  <si>
    <t>ＮＯ．７１スパゲッティーニ</t>
  </si>
  <si>
    <t>しらたき麺のスープピリ辛坦々</t>
  </si>
  <si>
    <t>しらたき麺スープ丸鶏風こく塩</t>
  </si>
  <si>
    <t>豆乳しらたき麺豆板醤担々麺</t>
  </si>
  <si>
    <t>豆乳しらたき麺スープ鰹醤油</t>
  </si>
  <si>
    <t>ハイセンバンソバ</t>
  </si>
  <si>
    <t>はがくれ２食_スパゲティ</t>
  </si>
  <si>
    <t>はがくれ２食_あっさり焼そば</t>
  </si>
  <si>
    <t>はがくれ二食焼そば</t>
  </si>
  <si>
    <t>322g</t>
  </si>
  <si>
    <t>半生冷し中華</t>
  </si>
  <si>
    <t>はがくれ３食_スパゲティー</t>
  </si>
  <si>
    <t>あったかカップだんご汁</t>
  </si>
  <si>
    <t>あったかカップえび天うどん</t>
  </si>
  <si>
    <t>あったかカップきつねうどん</t>
  </si>
  <si>
    <t>半生ざるそばニ食スープ付</t>
  </si>
  <si>
    <t>アルデンパスタ１．７</t>
  </si>
  <si>
    <t>アルデンパスタ１．５</t>
  </si>
  <si>
    <t>エルボ</t>
  </si>
  <si>
    <t>ハカタヤタイドオリカップ</t>
  </si>
  <si>
    <t>カレー祭長崎ちゃんぽん</t>
  </si>
  <si>
    <t>長崎亭監修ちゃんぽん</t>
  </si>
  <si>
    <t>カップ･冷やし中華</t>
  </si>
  <si>
    <t>リョウミヒヤムギ</t>
  </si>
  <si>
    <t>木曽路御岳そば</t>
  </si>
  <si>
    <t>霧しな</t>
  </si>
  <si>
    <t>湧水の糸そうめん</t>
  </si>
  <si>
    <t>長崎県有家手延素麺協同組合</t>
  </si>
  <si>
    <t>ﾅｶﾞｻｷｹﾝｱﾘｴ</t>
  </si>
  <si>
    <t>ざるそば山芋入り</t>
  </si>
  <si>
    <t>生ざるそば九年庵</t>
  </si>
  <si>
    <t>涼一膳そば</t>
  </si>
  <si>
    <t>特選神埼そうめん</t>
  </si>
  <si>
    <t>絹の舞ひやむぎ</t>
  </si>
  <si>
    <t>ナガサキサラウドン</t>
  </si>
  <si>
    <t>ひやむぎ</t>
  </si>
  <si>
    <t>特選そば</t>
  </si>
  <si>
    <t>スパゲティ１．８ＭＭ</t>
  </si>
  <si>
    <t>日本製麻</t>
  </si>
  <si>
    <t>ﾎﾞﾙｶﾉ</t>
  </si>
  <si>
    <t>播州の糸_そうめん</t>
  </si>
  <si>
    <t>島原手延そうめん</t>
  </si>
  <si>
    <t>大陽製粉</t>
  </si>
  <si>
    <t>ﾀｲﾖｳｾｲﾌﾝ</t>
  </si>
  <si>
    <t>ひまわり手延そうめん</t>
  </si>
  <si>
    <t>スパゲティ_１．７</t>
  </si>
  <si>
    <t>ｻﾝﾀﾙﾁｱ</t>
  </si>
  <si>
    <t>ポンテスパゲッティー</t>
  </si>
  <si>
    <t>ｵｸﾓﾄ</t>
  </si>
  <si>
    <t>カップフォービーフ風味</t>
  </si>
  <si>
    <t>カップフォーチキン風味</t>
  </si>
  <si>
    <t>カップフォーサワー＆スパイシー</t>
  </si>
  <si>
    <t>インスタントフォービーフ味</t>
  </si>
  <si>
    <t>インスタントフォーチキン風味</t>
  </si>
  <si>
    <t>冬季限定スーパーカップ鶏南蛮そば</t>
  </si>
  <si>
    <t>京のおいしいもん　卵とじあんかけそば　大盛り</t>
  </si>
  <si>
    <t>おいしいざるそば</t>
  </si>
  <si>
    <t>おいしいざる茶そば</t>
  </si>
  <si>
    <t>麺之助ワンタン麺中華そば</t>
  </si>
  <si>
    <t>麺之助ワンタン麺鶏だし塩そば</t>
  </si>
  <si>
    <t>麺之助ワンタン麺旨辛麺</t>
  </si>
  <si>
    <t>もずく和風スーパーカップ</t>
  </si>
  <si>
    <t>評判屋　　あったかそうめん</t>
  </si>
  <si>
    <t>無添加そのままそばつゆ</t>
  </si>
  <si>
    <t>味そば　</t>
  </si>
  <si>
    <t>和風レギュラー</t>
  </si>
  <si>
    <t>赤から監修赤からきしめん</t>
  </si>
  <si>
    <t>最強どん兵衛きつねうどん</t>
  </si>
  <si>
    <t>どん兵衛明太チーズカルボナーラ</t>
  </si>
  <si>
    <t>懐かしのカレーうどん</t>
  </si>
  <si>
    <t>懐かしのとん汁うどん</t>
  </si>
  <si>
    <t>きつねうどん</t>
  </si>
  <si>
    <t>揚げうどんビックカップ</t>
  </si>
  <si>
    <t>きつねうどん　ケース</t>
  </si>
  <si>
    <t>生タイプ天ぷらうどん</t>
  </si>
  <si>
    <t>ﾄｰｲﾝﾌｰｽﾞ</t>
  </si>
  <si>
    <t>生タイプきつねうどん</t>
  </si>
  <si>
    <t>だし技_とろろ昆布うどん</t>
  </si>
  <si>
    <t>あの頃の一杯わかめうどん</t>
  </si>
  <si>
    <t>わかめ　昆布つゆうどん</t>
  </si>
  <si>
    <t>エースコック　大吉　山わさび仕立　そうめん　66g</t>
  </si>
  <si>
    <t>すこやか和膳もち麦めん鰹と昆布だし</t>
  </si>
  <si>
    <t>すこやか和膳もち麦めん鶏だしと柚子胡椒</t>
  </si>
  <si>
    <t>深鍋仕込カレーうどん</t>
  </si>
  <si>
    <t>エース_深鍋ルゥカレーうどん</t>
  </si>
  <si>
    <t>エース_深鍋仕込カレーうどん</t>
  </si>
  <si>
    <t>深鍋仕込みカレーうどん</t>
  </si>
  <si>
    <t>和の真髄_カレーうどん</t>
  </si>
  <si>
    <t>特まろ　かき卵カレーうどん</t>
  </si>
  <si>
    <t>熟成ルゥのカレーうどん</t>
  </si>
  <si>
    <t>エース　肉汁うどん</t>
  </si>
  <si>
    <t>明太とろろ風うどん</t>
  </si>
  <si>
    <t>和の匠_京風うどん</t>
  </si>
  <si>
    <t>寿がきや_かつおだしうどん</t>
  </si>
  <si>
    <t>こってりカレーうどん</t>
  </si>
  <si>
    <t>みそ煮こみうどん</t>
  </si>
  <si>
    <t>生_きざみうどん</t>
  </si>
  <si>
    <t>カップみそ煮込うどん</t>
  </si>
  <si>
    <t>寿がきや　カップ赤からうどん赤５番</t>
  </si>
  <si>
    <t>寿がきや　カップ赤からうどん赤５番（ケース）</t>
  </si>
  <si>
    <t>みそ煮込うどん</t>
  </si>
  <si>
    <t>カップみそ煮込うどん_ケース</t>
  </si>
  <si>
    <t>赤からうどん111ｇ</t>
  </si>
  <si>
    <t>チゲ風みそ煮込うどんカップ</t>
  </si>
  <si>
    <t>くらこん塩こんぶねぎ油香る鶏だし塩うどん</t>
  </si>
  <si>
    <t>桃屋のつゆで仕上げたわかめうどん</t>
  </si>
  <si>
    <t>海藻うどん</t>
  </si>
  <si>
    <t>ごぼう天うどん</t>
  </si>
  <si>
    <t>肉入りごぼう天うどん</t>
  </si>
  <si>
    <t>三宝だし本家博多ごぼう天うどん</t>
  </si>
  <si>
    <t>アカイキツネ</t>
  </si>
  <si>
    <t>黒い豚カレーうどん</t>
  </si>
  <si>
    <t>天ぷら風讃岐うどん</t>
  </si>
  <si>
    <t>天ぷら讃岐風うどん</t>
  </si>
  <si>
    <t>あつあつけんちん風うどん</t>
  </si>
  <si>
    <t>黒い豚カレーうどんケース</t>
  </si>
  <si>
    <t>あつあつけんちんうどん</t>
  </si>
  <si>
    <t>大人のこだわり華やかうどん</t>
  </si>
  <si>
    <t>ふわふわのたまごとじうどん</t>
  </si>
  <si>
    <t>大辛豚カレーうどん</t>
  </si>
  <si>
    <t>コクの鶏しおうどん</t>
  </si>
  <si>
    <t>濃厚ごま坦々うどん</t>
  </si>
  <si>
    <t>がんばれ受験生　親子うどん</t>
  </si>
  <si>
    <t>がんばれ受験生　点づくり和風だし醤油</t>
  </si>
  <si>
    <t>ドラゴンボール超_麺づくり黒い豚カレー　ケース</t>
  </si>
  <si>
    <t>９２ｇ×１２</t>
  </si>
  <si>
    <t>クリーム色のもちカレーうどん_ケース</t>
  </si>
  <si>
    <t>１１１ｇ×１２</t>
  </si>
  <si>
    <t>関西風肉うどん</t>
  </si>
  <si>
    <t>関西風肉うどん_Ｃ</t>
  </si>
  <si>
    <t>８２ｇ×１２</t>
  </si>
  <si>
    <t>あつあつ牛すきうどん　ケース</t>
  </si>
  <si>
    <t>１０２ｇ×１２</t>
  </si>
  <si>
    <t>甘ーいきつねうどん　ケース</t>
  </si>
  <si>
    <t>９７ｇ×１２</t>
  </si>
  <si>
    <t>トリュフ香る鯛だしうどん　</t>
  </si>
  <si>
    <t>二〇加屋長介　鶏白湯うどん</t>
  </si>
  <si>
    <t>赤いきつねうどん関西</t>
  </si>
  <si>
    <t>赤いきつねうどん関西ケース</t>
  </si>
  <si>
    <t>赤いきつねうどん北海道</t>
  </si>
  <si>
    <t>赤いきつねうどん北海道ケース</t>
  </si>
  <si>
    <t>マルちゃん_濃厚ごま担々うどんでか盛_157g</t>
  </si>
  <si>
    <t>赤いたぬき天うどん</t>
  </si>
  <si>
    <t>１０１g</t>
  </si>
  <si>
    <t>あつあつ牛すきうどん</t>
  </si>
  <si>
    <t>102gx12</t>
  </si>
  <si>
    <t>汁なし牛すきうどん</t>
  </si>
  <si>
    <t>あつあつ豚汁うどん</t>
  </si>
  <si>
    <t>赤いきつねうどんお揚げ2枚入東</t>
  </si>
  <si>
    <t>赤いきつねうどんお揚げ2枚ケース</t>
  </si>
  <si>
    <t>あじわい豚汁うどん</t>
  </si>
  <si>
    <t>あじわい豚汁うどんケース</t>
  </si>
  <si>
    <t>109g×12</t>
  </si>
  <si>
    <t>芋煮うどん</t>
  </si>
  <si>
    <t>芋煮うどんケース</t>
  </si>
  <si>
    <t>赤い×黒いきつねカレーうどん</t>
  </si>
  <si>
    <t>鰹節香るあんかけうどん</t>
  </si>
  <si>
    <t>がんばれ受験生かつおぶし香るあげあげあんかけうどん</t>
  </si>
  <si>
    <t>がんばれ受験生かつおぶし香るあげあげあんかけうどんケース</t>
  </si>
  <si>
    <t>赤いきつねうどん東招福カートン</t>
  </si>
  <si>
    <t>1152g</t>
  </si>
  <si>
    <t>赤いきつねうどん西招福カートン</t>
  </si>
  <si>
    <t>旨辛キムチチゲうどん</t>
  </si>
  <si>
    <t>冷しぶっかけ讃岐風うどんケース</t>
  </si>
  <si>
    <t>茶色い牛肉うどん</t>
  </si>
  <si>
    <t>黄色い天ぷらカレーうどん</t>
  </si>
  <si>
    <t>赤いきつね全国味比べ東ケース</t>
  </si>
  <si>
    <t>赤いきつね全国味比べ西ケース</t>
  </si>
  <si>
    <t>赤いきつね全国味比べ関西ケース</t>
  </si>
  <si>
    <t>赤いきつね全国味比べ北海道ケース</t>
  </si>
  <si>
    <t>白いちからうどん</t>
  </si>
  <si>
    <t>バリうまごぼ天うどん</t>
  </si>
  <si>
    <t>赤いきつねうどん東</t>
  </si>
  <si>
    <t>白いちからもちうどん</t>
  </si>
  <si>
    <t>これが丸天うどん</t>
  </si>
  <si>
    <t>ばりうまマル天ウドン</t>
  </si>
  <si>
    <t>つる天天ぷらうどん</t>
  </si>
  <si>
    <t>赤いきつねうどん東ケース</t>
  </si>
  <si>
    <t>白いちからもちうどんケース</t>
  </si>
  <si>
    <t>バリうまごぼ天うどんケース</t>
  </si>
  <si>
    <t>黄色い肉うどん</t>
  </si>
  <si>
    <t>辛い豚カレーうどん</t>
  </si>
  <si>
    <t>赤いきつねうどん西</t>
  </si>
  <si>
    <t>赤いきつねうどん西ケース</t>
  </si>
  <si>
    <t>みそ煮込みうどん</t>
  </si>
  <si>
    <t>カップみそ煮込みうどん　ケース</t>
  </si>
  <si>
    <t>113ｇ×12</t>
  </si>
  <si>
    <t>まろやか鶏カレーうどん</t>
  </si>
  <si>
    <t>【終売】あつあつ豚汁うどん</t>
  </si>
  <si>
    <t>あつあつ豚汁うどん　ケース</t>
  </si>
  <si>
    <t>109ｇｘ12</t>
  </si>
  <si>
    <t>ねぎたっぷり肉うどん</t>
  </si>
  <si>
    <t>どん兵衛きつねうどん</t>
  </si>
  <si>
    <t>どん兵衛肉うどん</t>
  </si>
  <si>
    <t>どん兵衛天ぷらうどん</t>
  </si>
  <si>
    <t>どん兵衛　カレーうどん</t>
  </si>
  <si>
    <t>京風庵細うどんきつね</t>
  </si>
  <si>
    <t>京風庵細うどん天ぷら</t>
  </si>
  <si>
    <t>本うどんきつね</t>
  </si>
  <si>
    <t>本うどん天ぷら</t>
  </si>
  <si>
    <t>彩り天ぷらえびのせ</t>
  </si>
  <si>
    <t>京風きつねきざみあげ</t>
  </si>
  <si>
    <t>ドンベエ地中海うどん</t>
  </si>
  <si>
    <t>どん兵衛３種のみそちゃんぽんうどん</t>
  </si>
  <si>
    <t>どん兵衛キムチうどん</t>
  </si>
  <si>
    <t>どんべえ博多ごぼてん</t>
  </si>
  <si>
    <t>どん兵衛_だし天茶うどん</t>
  </si>
  <si>
    <t>どん兵衛ちゃんぽんうどん</t>
  </si>
  <si>
    <t>どん兵衛きつねうどんケース</t>
  </si>
  <si>
    <t>どん兵衛肉うどんケース</t>
  </si>
  <si>
    <t>どんべえ杵つき餅うどん</t>
  </si>
  <si>
    <t>どん兵衛京風あんかけうどん</t>
  </si>
  <si>
    <t>カリー館香味カリーうどん</t>
  </si>
  <si>
    <t>本うどん</t>
  </si>
  <si>
    <t>どんべい京風あんかけうどん</t>
  </si>
  <si>
    <t>どん兵衛_カレーうどん</t>
  </si>
  <si>
    <t>ごんぶとあんかけうどん</t>
  </si>
  <si>
    <t>どんべえとん汁うどん</t>
  </si>
  <si>
    <t>どんべえうまみだしちゃんこ鍋</t>
  </si>
  <si>
    <t>どんべい旨辛ちゃんぽんうどん</t>
  </si>
  <si>
    <t>どんべえどっかんきつね３０周年</t>
  </si>
  <si>
    <t>だし香る京風うどん</t>
  </si>
  <si>
    <t>どん兵衛京風うどん</t>
  </si>
  <si>
    <t>どんべえ北京風あんかけうどん</t>
  </si>
  <si>
    <t>ごんぶときつねうどん</t>
  </si>
  <si>
    <t>ごんぶと天ぷらうどん</t>
  </si>
  <si>
    <t>ごんぶとカレーうどん</t>
  </si>
  <si>
    <t>北のどん兵衛きつねうどん</t>
  </si>
  <si>
    <t>北のどん兵衛カレーうどん</t>
  </si>
  <si>
    <t>日清のどん兵衛　杵つきもちうどん</t>
  </si>
  <si>
    <t>北のどん兵衛天ぷらうどん</t>
  </si>
  <si>
    <t>北のどん兵衛天ぷらうどんケース</t>
  </si>
  <si>
    <t>北のどん兵衛きつねうどんケース</t>
  </si>
  <si>
    <t>日清_どん兵衛_とん汁うどん</t>
  </si>
  <si>
    <t>日清のどん兵衛　年明けうどん</t>
  </si>
  <si>
    <t>どん兵衛_豚とんこつちゃんぽんうどん</t>
  </si>
  <si>
    <t>どんべえ芋煮うどん</t>
  </si>
  <si>
    <t>どん兵衛GOLD　金の鶏だし塩うどん</t>
  </si>
  <si>
    <t>どん兵衛　かき揚げ天ぷらうどん</t>
  </si>
  <si>
    <t>御膳　きつねうどん　ケース</t>
  </si>
  <si>
    <t>御膳　天ぷらうどん　ケース</t>
  </si>
  <si>
    <t>86G______</t>
  </si>
  <si>
    <t>どん兵衛かき揚げ天ぷらうどん</t>
  </si>
  <si>
    <t>どん兵衛　かき揚げ天ぷらうどんケース</t>
  </si>
  <si>
    <t>99G______</t>
  </si>
  <si>
    <t>日清　日清のどん兵衛芳醇カレーうどん　８６ｇ</t>
  </si>
  <si>
    <t>どん兵衛かき揚げ天ぷらうどんケース</t>
  </si>
  <si>
    <t>日清のどん兵衛酸辣湯うどん</t>
  </si>
  <si>
    <t>御膳　肉だしうどんケース</t>
  </si>
  <si>
    <t>日清のどん兵衛だし天茶うどん</t>
  </si>
  <si>
    <t>どん兵衛完熟とまとうどん</t>
  </si>
  <si>
    <t>どん兵衛豚骨うどん</t>
  </si>
  <si>
    <t>どん兵衛カレーうどん西</t>
  </si>
  <si>
    <t>どん兵衛　釜たまうどん</t>
  </si>
  <si>
    <t>北のどん兵衛カレーうどんケース</t>
  </si>
  <si>
    <t>どん兵衛カレーうどんケース西</t>
  </si>
  <si>
    <t>どん兵衛スパイシー豚カレーカップ</t>
  </si>
  <si>
    <t>どん兵衛キムチチゲうどん</t>
  </si>
  <si>
    <t>日清のどん兵衛　汁なしピリ辛肉みそうどん</t>
  </si>
  <si>
    <t>どん兵衛レモン仕立の塩豚ねぎうどん</t>
  </si>
  <si>
    <t>日清のどん兵衛あさりとはまぐりのＷ_貝だしうどん</t>
  </si>
  <si>
    <t>どん兵衛　汁なし牛すきうどん</t>
  </si>
  <si>
    <t>どん兵衛_カツオとチキンのWだしスパイスカレーうどん</t>
  </si>
  <si>
    <t>どん兵衛　牛だしカレーうどん</t>
  </si>
  <si>
    <t>どん兵衛ラー油鴨だしうどん</t>
  </si>
  <si>
    <t>どん兵衛　汁なし牛すき風うどん　</t>
  </si>
  <si>
    <t>どん兵衛恋七味付き京風あんかけうどん</t>
  </si>
  <si>
    <t>日清どん兵衛味噌キムチチゲうどん81ｇ</t>
  </si>
  <si>
    <t>81ｇ</t>
  </si>
  <si>
    <t>どん兵衛年明けうどん</t>
  </si>
  <si>
    <t>どん兵衛_鶏白湯うどん</t>
  </si>
  <si>
    <t>どん兵衛きつねソルトオフ</t>
  </si>
  <si>
    <t>どん兵衛Ｗ貝だしうどん</t>
  </si>
  <si>
    <t>あっさりどん兵衛肉だしケース</t>
  </si>
  <si>
    <t>どん兵衛担担うどん</t>
  </si>
  <si>
    <t>どん兵衛すき焼き風うどん</t>
  </si>
  <si>
    <t>どん兵衛きつねうどんソルトオフケース</t>
  </si>
  <si>
    <t>96g*12</t>
  </si>
  <si>
    <t>どん兵衛ぶっかけうどん</t>
  </si>
  <si>
    <t>ﾋｰﾄﾃｯｸどん兵衛明太風うどん</t>
  </si>
  <si>
    <t>79G</t>
  </si>
  <si>
    <t>どん兵衛釜たま風うどん</t>
  </si>
  <si>
    <t>どん兵衛鴨だしうどん</t>
  </si>
  <si>
    <t>どん兵衛鶏白湯うどん</t>
  </si>
  <si>
    <t>どん兵衛シビ辛麻辣うどん</t>
  </si>
  <si>
    <t>どん兵衛きつねうどん鬼滅</t>
  </si>
  <si>
    <t>どん兵衛　釜たま風うどんケース</t>
  </si>
  <si>
    <t>どん兵衛特盛きつねうどんケース</t>
  </si>
  <si>
    <t>131g×12</t>
  </si>
  <si>
    <t>どん兵衛　シビ辛麻辣うどんケース</t>
  </si>
  <si>
    <t>83g*12</t>
  </si>
  <si>
    <t>最強どん兵衛きつねうどんケース</t>
  </si>
  <si>
    <t>どん兵衛塩豚ねぎうどん</t>
  </si>
  <si>
    <t>鬼滅どん兵衛きつねうどん西</t>
  </si>
  <si>
    <t>鬼滅どん兵衛きつねうどん東</t>
  </si>
  <si>
    <t>どん兵衛きつねだし比べ東</t>
  </si>
  <si>
    <t>日清のどん兵衛ネギ生姜だれで仕上げる鶏塩うどん</t>
  </si>
  <si>
    <t>どん兵衛あんかけうどん</t>
  </si>
  <si>
    <t>どん兵衛あんかけうどんケース</t>
  </si>
  <si>
    <t>どん兵衛味噌バター</t>
  </si>
  <si>
    <t>どん兵衛ヤンニョムうどん</t>
  </si>
  <si>
    <t>どん兵衛カレーうどん</t>
  </si>
  <si>
    <t>1032G</t>
  </si>
  <si>
    <t>1020G</t>
  </si>
  <si>
    <t>日清の利きどん兵衛きつねうどん東</t>
  </si>
  <si>
    <t>日清の利きどん兵衛きつねうどん西</t>
  </si>
  <si>
    <t>日清のBLACKどん兵衛黒きつねうどん粗挽き黒胡椒と濃厚黒醤</t>
  </si>
  <si>
    <t>日清のどん兵衛カレーうどんケース</t>
  </si>
  <si>
    <t>日清のどん兵衛辛麺</t>
  </si>
  <si>
    <t>日清の利きどん兵衛きつねうどん博多</t>
  </si>
  <si>
    <t>日清のどん兵衛辛麺ケース</t>
  </si>
  <si>
    <t>984g</t>
  </si>
  <si>
    <t>日清の開運どん兵衛きつねうどん</t>
  </si>
  <si>
    <t>日清の開運どん兵衛きつねうどんケース</t>
  </si>
  <si>
    <t>日清のニボどん兵衛特盛きつねうどん</t>
  </si>
  <si>
    <t>日清のボーナスどん兵衛きつねうどん</t>
  </si>
  <si>
    <t>どん兵衛カプヌシーフード</t>
  </si>
  <si>
    <t>日清のどん兵衛カップヌードルシーフードうどんケース</t>
  </si>
  <si>
    <t>シンダイジキツネウドン</t>
  </si>
  <si>
    <t>天ぷらうどん</t>
  </si>
  <si>
    <t>えび天ウドン</t>
  </si>
  <si>
    <t>博多まるてんうどん</t>
  </si>
  <si>
    <t>すうどんでっせ</t>
  </si>
  <si>
    <t>あったかキムチ鍋風うどん</t>
  </si>
  <si>
    <t>なべ屋カレー鍋風大盛うどん</t>
  </si>
  <si>
    <t>ゆるうどん</t>
  </si>
  <si>
    <t>一平ちゃんワンピースバーベキューカレーうどん</t>
  </si>
  <si>
    <t>評判屋　かきたまうどん　ケース</t>
  </si>
  <si>
    <t>明星　評判屋　ゆず香る塩うどん</t>
  </si>
  <si>
    <t>太打製麺所　大盛　三色揚玉うどん　ケース</t>
  </si>
  <si>
    <t>評判屋重ねだしかきたまうどんケース</t>
  </si>
  <si>
    <t>一平ちゃん汁なしうどんキムチ鍋味</t>
  </si>
  <si>
    <t>すうどんでっせケース</t>
  </si>
  <si>
    <t>おだしの和つるみおうどんトマトとおくら</t>
  </si>
  <si>
    <t>モード学園七味もうぶっかけといた肉うどん</t>
  </si>
  <si>
    <t>ペヤング味噌煮込み風うどん</t>
  </si>
  <si>
    <t>ペヤング味噌煮込み風うどんケース</t>
  </si>
  <si>
    <t>ペヤングちゃんぽん風うどん</t>
  </si>
  <si>
    <t>ペヤングちゃんぽん風うどんケース</t>
  </si>
  <si>
    <t>121g×18×2</t>
  </si>
  <si>
    <t>ペヤングかきたまあんかけ風うどん</t>
  </si>
  <si>
    <t>ペヤングかきたまあんかけ風うどんケース</t>
  </si>
  <si>
    <t>満福食堂小えび天うどん</t>
  </si>
  <si>
    <t>ニュータッチ　懐かしのあんかけうどん　７７ｇ</t>
  </si>
  <si>
    <t>ニュータッチ懐かしのけんちんうどん</t>
  </si>
  <si>
    <t>ぶっかけうどん</t>
  </si>
  <si>
    <t>ぶっかけ肉うどん</t>
  </si>
  <si>
    <t>金ちゃん　ぶっかけカレーうどん</t>
  </si>
  <si>
    <t>金ちゃん　つゆかけうどんレモン</t>
  </si>
  <si>
    <t>金ちゃん製麺所ぶっかけうどん</t>
  </si>
  <si>
    <t>金ちゃん製麺所ぶっかけ明太クリームうどん</t>
  </si>
  <si>
    <t>金ちゃん製麺所ぶっかけビビンうどん</t>
  </si>
  <si>
    <t>金ちゃん製麺所焼うどん</t>
  </si>
  <si>
    <t>味うどん_ケース　</t>
  </si>
  <si>
    <t>ぶっかけわかめうどん</t>
  </si>
  <si>
    <t>わかめうどん　フジッコ　純とろ仕立て</t>
  </si>
  <si>
    <t>わかめうどん</t>
  </si>
  <si>
    <t>寿がきや_関西だしうどん</t>
  </si>
  <si>
    <t>寿がきや_カップカレーうどん</t>
  </si>
  <si>
    <t>カップだし名人関西風うどん</t>
  </si>
  <si>
    <t>だし名人_わかめうどん</t>
  </si>
  <si>
    <t>カップだし名人かきたまうど</t>
  </si>
  <si>
    <t>寿がきや　だし名人　昆布だし関西風うどん　１３０ｇ</t>
  </si>
  <si>
    <t>寿がきや　だし名人いりこだしわかめうどん　１２９ｇ</t>
  </si>
  <si>
    <t>くらこん塩こんぶ使用関西風うどん　88g</t>
  </si>
  <si>
    <t>久世福商店監修毎日だしで仕上げたきつねうどん62g</t>
  </si>
  <si>
    <t>サンポーごぼう天うどん</t>
  </si>
  <si>
    <t>サンポー肉うどん</t>
  </si>
  <si>
    <t>肉うどん　きざみ油揚げ入り　</t>
  </si>
  <si>
    <t>かしわうどん</t>
  </si>
  <si>
    <t>クロイブタカレーウドン</t>
  </si>
  <si>
    <t>和庵　きつねうどん</t>
  </si>
  <si>
    <t>和庵きつねうどん</t>
  </si>
  <si>
    <t>和庵　きつねうどん　ケース</t>
  </si>
  <si>
    <t>旨みたっぷり肉うどん</t>
  </si>
  <si>
    <t>和庵肉うどん</t>
  </si>
  <si>
    <t>和庵肉うどん　ケース</t>
  </si>
  <si>
    <t>81ｇｘ12</t>
  </si>
  <si>
    <t>おかげ様で合格カレーうどん</t>
  </si>
  <si>
    <t>受験生合格カレーうどん</t>
  </si>
  <si>
    <t>がんばれ受験生　桜色の鶏だしうどん</t>
  </si>
  <si>
    <t>和庵　カレーうどん</t>
  </si>
  <si>
    <t>和庵　カレーうどん　ケース</t>
  </si>
  <si>
    <t>旨味鯛だしうどん</t>
  </si>
  <si>
    <t>がんばれ受験生桜色のおめで鯛だしうどん</t>
  </si>
  <si>
    <t>ドラゴンボール超_麺づくり黒い豚カレー</t>
  </si>
  <si>
    <t>ごつ盛り　野菜チゲうどん</t>
  </si>
  <si>
    <t>クリーム色のもちカレーうどん</t>
  </si>
  <si>
    <t>あつあつ牛すきうどん　カップ</t>
  </si>
  <si>
    <t>がんばれ受験生点ぷらすうどん</t>
  </si>
  <si>
    <t>甘ーいきつねうどん</t>
  </si>
  <si>
    <t>９７ｇ</t>
  </si>
  <si>
    <t>がんばれ受験生かきたまうどん　</t>
  </si>
  <si>
    <t>鴨だしきつねうどん</t>
  </si>
  <si>
    <t>赤いカレーうどん　タイ風</t>
  </si>
  <si>
    <t>復刻版　赤いきつねうどん</t>
  </si>
  <si>
    <t>マルちゃん　花椒が香るごま担々うどん　１０４ｇ</t>
  </si>
  <si>
    <t>マルチャン　受験生丸鶏だしうどん</t>
  </si>
  <si>
    <t>マルちゃんもっと赤いたぬき天うどん</t>
  </si>
  <si>
    <t>マルちゃん冷しぶっかけうどん</t>
  </si>
  <si>
    <t>あつあつ芋煮うどん</t>
  </si>
  <si>
    <t>マルちゃん炭火焼仕立てあごだしうどん</t>
  </si>
  <si>
    <t>白い力もちうどん紅白もち入</t>
  </si>
  <si>
    <t>和庵一枚お揚げのきつねうどん</t>
  </si>
  <si>
    <t>和庵きつねうどんケース</t>
  </si>
  <si>
    <t>和庵味わい牛肉の肉うどん</t>
  </si>
  <si>
    <t>和庵肉うどんケース</t>
  </si>
  <si>
    <t>冷しぶっかけ肉うどん</t>
  </si>
  <si>
    <t>【終売】鴨だしカレーうどん</t>
  </si>
  <si>
    <t>濃厚肉だしうどん</t>
  </si>
  <si>
    <t>和庵天ぷらうどん</t>
  </si>
  <si>
    <t>和庵一枚天ぷらの天ぷらうどんケース</t>
  </si>
  <si>
    <t>麺之助きつねうどん</t>
  </si>
  <si>
    <t>麺之助すき焼き風うどん</t>
  </si>
  <si>
    <t>冷しとうもろこし天うどんケース</t>
  </si>
  <si>
    <t>どんべえ天ぷらうどん</t>
  </si>
  <si>
    <t>どんべえごぼう天うどん</t>
  </si>
  <si>
    <t>日清のごんぶと天ぷらうどん</t>
  </si>
  <si>
    <t>日清御膳　きつねうどん</t>
  </si>
  <si>
    <t>どん兵衛　ピリッと辛口担担うどん</t>
  </si>
  <si>
    <t>御膳　きつねうどん</t>
  </si>
  <si>
    <t>日清御膳　天ぷらうどん</t>
  </si>
  <si>
    <t>でかぶと庵　きつねうどん</t>
  </si>
  <si>
    <t>御膳　肉だしうどん</t>
  </si>
  <si>
    <t>貫禄の逸品　きつねうどん</t>
  </si>
  <si>
    <t>どん兵衛　カレーうどん　食べ比べ東</t>
  </si>
  <si>
    <t>どん兵衛　カレーうどん　食べ比べ西</t>
  </si>
  <si>
    <t>日清　どんべえ　豚ねぎうどん</t>
  </si>
  <si>
    <t>どん兵衛　とろつゆ仕立ての明太風あんかけ</t>
  </si>
  <si>
    <t>どん兵衛　きつねうどん　食べ比べ東</t>
  </si>
  <si>
    <t>どん兵衛　きつねうどん　食べ比べ西</t>
  </si>
  <si>
    <t>どん兵衛　汁なし牛カルビ風味うどん</t>
  </si>
  <si>
    <t>どん兵衛　汁なし黒カレーうどん</t>
  </si>
  <si>
    <t>日清御膳きつねうどん75ｇ</t>
  </si>
  <si>
    <t>日清御膳肉だしうどん74ｇ</t>
  </si>
  <si>
    <t>どん兵衛　釜たま風うどん</t>
  </si>
  <si>
    <t>どん兵衛ラー油仕立ての鴨だしうどん　</t>
  </si>
  <si>
    <t>あっさりどん兵衛肉だし</t>
  </si>
  <si>
    <t>あっさりどん兵衛きざみ揚げうどん</t>
  </si>
  <si>
    <t>あっさりどん兵衛きざみ揚げうどんケース</t>
  </si>
  <si>
    <t>冷しどん兵衛ぶっかけきつねうどん</t>
  </si>
  <si>
    <t>あっさりどん兵衛温つゆそうめんケース</t>
  </si>
  <si>
    <t>あっさりどん兵衛旨だしカレーうどん</t>
  </si>
  <si>
    <t>あっさりどん兵衛旨だしカレーうどんケース</t>
  </si>
  <si>
    <t>あっさりどん兵衛きざみ</t>
  </si>
  <si>
    <t>あっさりどん兵衛チゲ</t>
  </si>
  <si>
    <t>あっさりどん兵衛きざみ_ケース</t>
  </si>
  <si>
    <t>あっさりどん兵衛肉だし_ケース</t>
  </si>
  <si>
    <t>日清のどん兵衛鬼かき揚げうどん</t>
  </si>
  <si>
    <t>日清のあっさりおだしがおいしいどん兵衛きざみ揚げうどん</t>
  </si>
  <si>
    <t>日清のあっさりおだしがおいしいどん兵衛肉だしうどん</t>
  </si>
  <si>
    <t>たぬきうどん</t>
  </si>
  <si>
    <t>博多ごぼう天うどん　</t>
  </si>
  <si>
    <t>天吉うどん</t>
  </si>
  <si>
    <t>評判屋カップかきたまうどん</t>
  </si>
  <si>
    <t>評判屋　かきたまうどん　７３ｇ</t>
  </si>
  <si>
    <t>大盛三色揚玉うどん</t>
  </si>
  <si>
    <t>太打製麺所大盛三色揚玉うどん</t>
  </si>
  <si>
    <t>評判屋重ねだしかきたまうどん</t>
  </si>
  <si>
    <t>冷したぬきうどん_124g</t>
  </si>
  <si>
    <t>大黒軒　きつねうどん</t>
  </si>
  <si>
    <t>８６ｇ</t>
  </si>
  <si>
    <t>金ちゃん　つゆかけ肉うどん</t>
  </si>
  <si>
    <t>金ちゃん新ぶっかけうどん</t>
  </si>
  <si>
    <t>金ちゃん新花かつお入ぶっかけうどん</t>
  </si>
  <si>
    <t>金ちゃん新牛肉入ぶっかけうどん</t>
  </si>
  <si>
    <t>カレー南蛮うどん</t>
  </si>
  <si>
    <t>カレー南蛮うどんケース</t>
  </si>
  <si>
    <t>きつねうどんケース</t>
  </si>
  <si>
    <t>だしがきいてるうどんだっぺ</t>
  </si>
  <si>
    <t>すだちが香る京風きつねうどん</t>
  </si>
  <si>
    <t>すだち香る京風きつねうどんケース</t>
  </si>
  <si>
    <t>最強どん兵衛かき揚げそば</t>
  </si>
  <si>
    <t>最強どん兵衛鴨だしそば</t>
  </si>
  <si>
    <t>ニュータッチ　凄麺　鴨だしそば</t>
  </si>
  <si>
    <t>ニュタッチ　凄麺かき揚げ天そば　１１６ｇ</t>
  </si>
  <si>
    <t>ニュタッチ　凄麺　鴨だしそば</t>
  </si>
  <si>
    <t>ニュータッチ　凄麺　カレー南ばんそば　８７ｇ</t>
  </si>
  <si>
    <t>凄麺鴨だしそば</t>
  </si>
  <si>
    <t>大黒軒_天ぷらそば（減塩）</t>
  </si>
  <si>
    <t>大黒_冷したぬきそば</t>
  </si>
  <si>
    <t>ビックたぬきそば</t>
  </si>
  <si>
    <t>天ぷらそば　ケース</t>
  </si>
  <si>
    <t>生タイプ天ぷらそば</t>
  </si>
  <si>
    <t>だし技_振り鰹入りそば</t>
  </si>
  <si>
    <t>あの頃の一杯わかめそば</t>
  </si>
  <si>
    <t>わかめ　本鰹つゆそば</t>
  </si>
  <si>
    <t>逸品処_鶏南蛮そば</t>
  </si>
  <si>
    <t>中村孝明監修_鶏南蛮そば</t>
  </si>
  <si>
    <t>釜玉風まぜそば</t>
  </si>
  <si>
    <t>山菜そば</t>
  </si>
  <si>
    <t>生_石臼挽きそば</t>
  </si>
  <si>
    <t>寿がきや福を呼ぶキャンペーン天ぷらそばカップ</t>
  </si>
  <si>
    <t>おかくら_小海老天そば</t>
  </si>
  <si>
    <t>極鰹だし小海老天そば</t>
  </si>
  <si>
    <t>大和イチロウおすすめ鳥中華どんぶり和風そばつゆ味</t>
  </si>
  <si>
    <t>地獄の担担麺監修地獄のまぜ麺</t>
  </si>
  <si>
    <t>ミドリノタヌキ</t>
  </si>
  <si>
    <t>山菜乱切りそば</t>
  </si>
  <si>
    <t>緑のたぬき天そば　玉ねぎ天入　西</t>
  </si>
  <si>
    <t>大人のこだわりだし香るそば</t>
  </si>
  <si>
    <t>ほくほくのコロッケそば</t>
  </si>
  <si>
    <t>山菜乱切りそばケース</t>
  </si>
  <si>
    <t>田舎風なめこおろしそば</t>
  </si>
  <si>
    <t>おそば屋さんの鴨だしそば</t>
  </si>
  <si>
    <t>おそば屋さんの鴨だしそばケース</t>
  </si>
  <si>
    <t>おそば屋さんのにしんそば</t>
  </si>
  <si>
    <t>緑のたぬきぶ厚い特製天ぷら入</t>
  </si>
  <si>
    <t>おそば屋さんのカレー南ばんそば</t>
  </si>
  <si>
    <t>おそば屋さんのカレー南ばんそば_　ケース</t>
  </si>
  <si>
    <t>８５ｇ×１２</t>
  </si>
  <si>
    <t>緑のたぬき天そば関西</t>
  </si>
  <si>
    <t>緑のたぬき天そば関西ケース</t>
  </si>
  <si>
    <t>101g×12P</t>
  </si>
  <si>
    <t>緑のたぬきそば北海道</t>
  </si>
  <si>
    <t>緑のたぬき天そば北海道ケース</t>
  </si>
  <si>
    <t>復刻版　緑のたぬき</t>
  </si>
  <si>
    <t>マルちゃん紺のきつねそば</t>
  </si>
  <si>
    <t>紺のきつねそばケース</t>
  </si>
  <si>
    <t>マルちゃん　おそば屋さんカレー南ばんそば</t>
  </si>
  <si>
    <t>汁なしカレーそば</t>
  </si>
  <si>
    <t>マルちゃん緑のたぬき天そば40年東</t>
  </si>
  <si>
    <t>緑のたぬき天そばぶ厚い天ぷら入東</t>
  </si>
  <si>
    <t>緑のたぬき天ぷらそばぶ厚い天ぷらケース</t>
  </si>
  <si>
    <t>おそば屋カレー南ばんそば　ケース</t>
  </si>
  <si>
    <t>緑のきつねそば</t>
  </si>
  <si>
    <t>緑の×黒いたぬきカレーそば</t>
  </si>
  <si>
    <t>お揚げとお揚げのきつねそば</t>
  </si>
  <si>
    <t>緑のたぬき天そば東招福カートン</t>
  </si>
  <si>
    <t>1212g</t>
  </si>
  <si>
    <t>緑のたぬき天そば西招福カートン</t>
  </si>
  <si>
    <t>冷たいつゆの鶏だしそばケース</t>
  </si>
  <si>
    <t>緑のたぬき天そば東</t>
  </si>
  <si>
    <t>紺のきつねそば</t>
  </si>
  <si>
    <t>緑のたぬき天そば東ケース</t>
  </si>
  <si>
    <t>これぞ天ぷらそば</t>
  </si>
  <si>
    <t>緑のたぬき天そば西</t>
  </si>
  <si>
    <t>緑のたぬき天そば西ケース</t>
  </si>
  <si>
    <t>紺のきつねそば　ケース</t>
  </si>
  <si>
    <t>どん兵衛天そば</t>
  </si>
  <si>
    <t>江戸そばカレー南蛮</t>
  </si>
  <si>
    <t>どんべえきつねそば</t>
  </si>
  <si>
    <t>どん兵衛天そばケース</t>
  </si>
  <si>
    <t>どん兵衛天ぷらそばケース</t>
  </si>
  <si>
    <t>どん兵衛天ぷらそば</t>
  </si>
  <si>
    <t>どん兵衛_天そば</t>
  </si>
  <si>
    <t>どん兵衛鴨だしそば</t>
  </si>
  <si>
    <t>日清どん兵衛きつねそば</t>
  </si>
  <si>
    <t>北のどん兵衛天ぷらそば</t>
  </si>
  <si>
    <t>百福長寿鴨だしそば</t>
  </si>
  <si>
    <t>北のどん兵衛天ぷらそばケース</t>
  </si>
  <si>
    <t>どん兵衛鴨だしそばケース</t>
  </si>
  <si>
    <t>105g×12P</t>
  </si>
  <si>
    <t>北のどん兵衛_親子そば</t>
  </si>
  <si>
    <t>まねきのえきそばきつね</t>
  </si>
  <si>
    <t>どん兵衛カレー南蛮そば</t>
  </si>
  <si>
    <t>御膳　天ぷらそばケース</t>
  </si>
  <si>
    <t>まねきのえきそば天ぷら</t>
  </si>
  <si>
    <t>北のどん兵衛きつねそば</t>
  </si>
  <si>
    <t>北のどん兵衛きつねそばケース</t>
  </si>
  <si>
    <t>総本家更科堀井監修_天麩羅そば</t>
  </si>
  <si>
    <t>北のどん兵衛鴨だしそば</t>
  </si>
  <si>
    <t>北のどん兵衛鴨だしそばケース</t>
  </si>
  <si>
    <t>日清のどん兵衛　肉汁ラー油太そば</t>
  </si>
  <si>
    <t>どん兵衛旨辛ラー油太そば</t>
  </si>
  <si>
    <t>どん兵衛　どリッチ　全部のせそば</t>
  </si>
  <si>
    <t>どん兵衛　ラーそば</t>
  </si>
  <si>
    <t>日清どん兵衛ねぎ油風味がおいしい豚だしそば98ｇ</t>
  </si>
  <si>
    <t>どん兵衛恋七味付き淡麗塩だしそば</t>
  </si>
  <si>
    <t>汁なしどん兵衛ラーそば</t>
  </si>
  <si>
    <t>あっさりどん兵衛揚げ玉そばケース</t>
  </si>
  <si>
    <t>ん兵衛きつねそば</t>
  </si>
  <si>
    <t>どん兵衛ラー油そば</t>
  </si>
  <si>
    <t>どん兵衛長~い天そば</t>
  </si>
  <si>
    <t>汁なしどん兵衛ラー油そば</t>
  </si>
  <si>
    <t>どん兵衛きつねそば</t>
  </si>
  <si>
    <t>どん兵衛天ぷらそば鬼滅</t>
  </si>
  <si>
    <t>どん兵衛特盛天ぷらそばケース</t>
  </si>
  <si>
    <t>143g×12P</t>
  </si>
  <si>
    <t>最強どん兵衛かき揚げそばケース</t>
  </si>
  <si>
    <t>鬼滅どん兵衛天ぷらそば西</t>
  </si>
  <si>
    <t>鬼滅どん兵衛天ぷらそば東</t>
  </si>
  <si>
    <t>どん兵衛天ぷらそばだし比べ東</t>
  </si>
  <si>
    <t>どん兵衛天ぷらそばだし比べ西</t>
  </si>
  <si>
    <t>どん兵衛赤鬼紅生姜天そば</t>
  </si>
  <si>
    <t>日清の利きどん兵衛天ぷらそば東</t>
  </si>
  <si>
    <t>日清の利きどん兵衛天ぷらそば西</t>
  </si>
  <si>
    <t>日清のどん兵衛きつねそば</t>
  </si>
  <si>
    <t>日清の利きどん兵衛天ぷらそば信州</t>
  </si>
  <si>
    <t>日清の開運どん兵衛天ぷらそば</t>
  </si>
  <si>
    <t>日清の開運どん兵衛天ぷらそばケース</t>
  </si>
  <si>
    <t>日清のボーナスどん兵衛天ぷらそば</t>
  </si>
  <si>
    <t>深大寺_天ぷらそば</t>
  </si>
  <si>
    <t>一平ちゃんコクとろカレーそば</t>
  </si>
  <si>
    <t>かけそばでっせ</t>
  </si>
  <si>
    <t>評判屋　鶏南蛮そば　ケース</t>
  </si>
  <si>
    <t>評判屋重ねだし鶏南蛮そばケース</t>
  </si>
  <si>
    <t>評判屋鶏南蛮そば</t>
  </si>
  <si>
    <t>かけそばでっせケース</t>
  </si>
  <si>
    <t>ヤマダイ　手緒里庵　江戸のきつねそば</t>
  </si>
  <si>
    <t>手緒里庵おいしいきのこそば</t>
  </si>
  <si>
    <t>手緒里庵鶏南蛮そば</t>
  </si>
  <si>
    <t>手緒里庵かき揚げ天そば</t>
  </si>
  <si>
    <t>ヤマダイ_手緒里庵_鴨汁そば</t>
  </si>
  <si>
    <t>ﾃｵﾘｱﾝ</t>
  </si>
  <si>
    <t>ヤマダイ　手緒里庵　鴨汁そば　１１９ｇ</t>
  </si>
  <si>
    <t>冷しそば</t>
  </si>
  <si>
    <t>冷したぬきそば</t>
  </si>
  <si>
    <t>本格派カップ_たぬきそば</t>
  </si>
  <si>
    <t>味そば　ケース</t>
  </si>
  <si>
    <t>TKBそば</t>
  </si>
  <si>
    <t>サンヨー食品×リケン青じそドレッシングわかめそば</t>
  </si>
  <si>
    <t>和庵天ぷらそば</t>
  </si>
  <si>
    <t>乱切り山菜そば</t>
  </si>
  <si>
    <t>和庵　天ぷらそば　ケース</t>
  </si>
  <si>
    <t>おそば屋さんのカレー南蛮そば</t>
  </si>
  <si>
    <t>おそば屋さんのカレー南蛮そば８５ｇ</t>
  </si>
  <si>
    <t>マルちゃん冷しぶっかけたぬきそば</t>
  </si>
  <si>
    <t>マルちゃん　山椒が香る塩そば　９２ｇ</t>
  </si>
  <si>
    <t>緑のたぬき天そば40周年記念商品</t>
  </si>
  <si>
    <t>和庵一枚天ぷらの天ぷらそば</t>
  </si>
  <si>
    <t>和庵天ぷらそばケース</t>
  </si>
  <si>
    <t>冷しぶっかけ鴨だしそば</t>
  </si>
  <si>
    <t>麺之助小えび天そば</t>
  </si>
  <si>
    <t>冷しきつねそばケース</t>
  </si>
  <si>
    <t>どん兵衛_ぶっとリッチ天そば</t>
  </si>
  <si>
    <t>でかぶと庵揚げ玉そば</t>
  </si>
  <si>
    <t>日清御膳　天ぷらそば</t>
  </si>
  <si>
    <t>御膳　天ぷらそば</t>
  </si>
  <si>
    <t>どん兵衛　カレー南蛮そば</t>
  </si>
  <si>
    <t>貫禄の逸品　揚げ玉そば　１１０ｇ</t>
  </si>
  <si>
    <t>どん兵衛肉そば</t>
  </si>
  <si>
    <t>デカうま　わかめそば</t>
  </si>
  <si>
    <t>どん兵衛　天ぷらそば　食べ比べ東</t>
  </si>
  <si>
    <t>どん兵衛　天ぷらそば　食べ比べ西</t>
  </si>
  <si>
    <t>日清御膳天ぷらそば81ｇ</t>
  </si>
  <si>
    <t>あっさりどん兵衛揚げ玉そば</t>
  </si>
  <si>
    <t>冷しどん兵衛ぶっかけ揚げ玉そば</t>
  </si>
  <si>
    <t>あっさりどん兵衛揚げ玉</t>
  </si>
  <si>
    <t>あっさりどん兵衛揚げ玉_ケース</t>
  </si>
  <si>
    <t>日清のどん兵衛鴨だしそば</t>
  </si>
  <si>
    <t>日清のあっさりおだしがおいしいどん兵衛揚げ玉そば</t>
  </si>
  <si>
    <t>評判屋カップ鶏南蛮そば</t>
  </si>
  <si>
    <t>評判屋　鶏南蛮そば</t>
  </si>
  <si>
    <t>評判屋重ねだし鶏南蛮そば</t>
  </si>
  <si>
    <t>旨だし屋汁なしそばラー油仕立て大盛</t>
  </si>
  <si>
    <t>馳走麺狸穴監修ラー油肉蕎麦</t>
  </si>
  <si>
    <t>ビッグたぬきそば</t>
  </si>
  <si>
    <t>冷やしたぬきそば_120g</t>
  </si>
  <si>
    <t>大黒軒　天ぷらそば</t>
  </si>
  <si>
    <t>カレー南蛮そば</t>
  </si>
  <si>
    <t>天ぷらそばケース</t>
  </si>
  <si>
    <t>だしがきいてるそばだっぺ</t>
  </si>
  <si>
    <t>炒りごまと生姜が香る豚ねぎそば</t>
  </si>
  <si>
    <t>海老の旨みがしみた小海老天そば</t>
  </si>
  <si>
    <t>海老の旨みがしみた小海老天そばケース</t>
  </si>
  <si>
    <t>炒りごまと生姜が香る豚ねぎそばケース</t>
  </si>
  <si>
    <t>68g×20</t>
  </si>
  <si>
    <t>香ばしさと深いコク鴨だしそばケース</t>
  </si>
  <si>
    <t>手緒里庵手延そうめん</t>
  </si>
  <si>
    <t>わかめそうめん_フジッコ_純とろ仕立て</t>
  </si>
  <si>
    <t>ノンフライわかめそうめん</t>
  </si>
  <si>
    <t>マルちゃん麺づくりそうめん</t>
  </si>
  <si>
    <t>ヒートテックどん兵衛豚あんかけそば</t>
  </si>
  <si>
    <t>汁なしどん兵衛ラー油そばケース</t>
  </si>
  <si>
    <t>旨だし屋天ぷらそば大盛西</t>
  </si>
  <si>
    <t>旨だし屋天ぷらそば大盛西ケース</t>
  </si>
  <si>
    <t>ニュータッチ手延べそうめん</t>
  </si>
  <si>
    <t>東洋水産　温そうめん　どんぶり</t>
  </si>
  <si>
    <t>日清麺なしどん兵衛　鴨だし豆腐スープ</t>
  </si>
  <si>
    <t>あっさりどん兵衛温つゆそうめん</t>
  </si>
  <si>
    <t>大盛</t>
  </si>
  <si>
    <t>JINラーメンスパイシーBIG</t>
  </si>
  <si>
    <t>スーパーカップリンガーハットちゃんぽん</t>
  </si>
  <si>
    <t>ＳＣ串カツ田中ソースカレーラーメン</t>
  </si>
  <si>
    <t>背脂チャッチャ風こってり豚骨醤油ラーメン麺大盛り</t>
  </si>
  <si>
    <t>スーパーカップトリプル豚醤油ラーメン</t>
  </si>
  <si>
    <t>爆盛りの名店べんてん監修超大盛り中華そば</t>
  </si>
  <si>
    <t>ダイショー監修博多もつ鍋風〆のちゃんぽん</t>
  </si>
  <si>
    <t>匠　清澄だし塩</t>
  </si>
  <si>
    <t>でかまるバリシャキもやし味噌ラーメン</t>
  </si>
  <si>
    <t>でかまるバリシャもやし味噌</t>
  </si>
  <si>
    <t>でかまるじゃが入りコーン塩バター味ラーメン</t>
  </si>
  <si>
    <t>でかまる辛麻辣海老ニンニク</t>
  </si>
  <si>
    <t>でかまる豚骨醤油ラーメン焦がしにんにく風味</t>
  </si>
  <si>
    <t>黒い豚カレー焼そばでか盛</t>
  </si>
  <si>
    <t>でかまる濃厚もやしタンメンコショー多め</t>
  </si>
  <si>
    <t>マルちゃん正麺カップにぼシャキ</t>
  </si>
  <si>
    <t>推しの一杯魁龍どトンコツ</t>
  </si>
  <si>
    <t>元祖泡系一幸舎監修豚骨ラーメン</t>
  </si>
  <si>
    <t>超超超超超超大盛ペタマックス辛味噌ラーメン</t>
  </si>
  <si>
    <t>1008g</t>
  </si>
  <si>
    <t>超超超超超超大盛ペタマックス醤油ラーメン</t>
  </si>
  <si>
    <t>892g</t>
  </si>
  <si>
    <t>ビックわかめしょうゆらーめん</t>
  </si>
  <si>
    <t>ビックごまみそらーめん</t>
  </si>
  <si>
    <t>ビックキャベツタンメン</t>
  </si>
  <si>
    <t>ビックねぎ塩とんこつらーめん</t>
  </si>
  <si>
    <t>122g×12</t>
  </si>
  <si>
    <t>大黒_ご当地京都鶏白湯</t>
  </si>
  <si>
    <t>ビックチゲカラらーめん</t>
  </si>
  <si>
    <t>ビッグ担々麺</t>
  </si>
  <si>
    <t>大黒軒_醤油ラーメン（減塩）</t>
  </si>
  <si>
    <t>大黒軒_味噌ラーメン（減塩）</t>
  </si>
  <si>
    <t>大黒軒_豚骨ラーメン（減塩）</t>
  </si>
  <si>
    <t>辛ラーメン焼きそばチーズカップ</t>
  </si>
  <si>
    <t>チャムゲラーメンBIG</t>
  </si>
  <si>
    <t>ラーメンポキBIGCUP</t>
  </si>
  <si>
    <t>JINラーメンマイルドBIG</t>
  </si>
  <si>
    <t>驚愕の麺2.0玉_四川風麻婆麺</t>
  </si>
  <si>
    <t>フォン・ド・ボーが決め手濃厚ビーフカレー味ラーメン</t>
  </si>
  <si>
    <t>池袋大勝軒特製ワンタン中華そば大盛り</t>
  </si>
  <si>
    <t>醤油ラーメン超やみつきペッパー</t>
  </si>
  <si>
    <t>塩タンメン超やみつきペッパー</t>
  </si>
  <si>
    <t>スーパーカップ醤油</t>
  </si>
  <si>
    <t>スーパーカップみそ</t>
  </si>
  <si>
    <t>スーパーカップとんこつ</t>
  </si>
  <si>
    <t>ス－パ－カップブタキムチ</t>
  </si>
  <si>
    <t>通の一押丸鳥ラーメン</t>
  </si>
  <si>
    <t>大人のＳＣ１．５赤の香りかさね辛味噌ラーメン</t>
  </si>
  <si>
    <t>スーパーカップ白湯鍋風ラーメン</t>
  </si>
  <si>
    <t>104Ｇ</t>
  </si>
  <si>
    <t>スーパーカップ麻辣鍋風ラーメン</t>
  </si>
  <si>
    <t>108Ｇ</t>
  </si>
  <si>
    <t>いてまえワンタンメン牛だしコク塩味ＢＩＧ</t>
  </si>
  <si>
    <t>ｴｰｽｺｯｸ　COCO壱番魚介Sｶﾚｰﾗｰﾒﾝ108G</t>
  </si>
  <si>
    <t>スーパーカップ1.5　たっぷり野菜・</t>
  </si>
  <si>
    <t>SP1.5ご当地鍋博多水炊塩拉麺</t>
  </si>
  <si>
    <t>SP1.5ご当地鍋札幌かに鍋味噌</t>
  </si>
  <si>
    <t>131G</t>
  </si>
  <si>
    <t>ｴｰｽｺｯｸ超SP1.5ﾜﾝﾀﾝみそﾗｰﾒﾝ</t>
  </si>
  <si>
    <t>135G</t>
  </si>
  <si>
    <t>SｶｯﾌﾟﾎﾞﾝｶﾚｰG辛口ﾗｰﾒﾝ</t>
  </si>
  <si>
    <t>CoCo壱番屋ﾚｯﾄﾞｶﾚｰﾗｰﾒﾝ</t>
  </si>
  <si>
    <t>CoCo壱番屋ﾎﾜｲﾄｶﾚｰﾗｰﾒﾝ</t>
  </si>
  <si>
    <t>スーパーカップ１．５倍　沖縄　島そば　</t>
  </si>
  <si>
    <t>EDGE×わかめラーメン　ごま・しょうゆ　35周年なのでわかめ3</t>
  </si>
  <si>
    <t>EDGE×わかめラーメン　ごま・みそ　35周年なのでわかめ3.5</t>
  </si>
  <si>
    <t>復刻版スーパーチャーシューラーメ</t>
  </si>
  <si>
    <t>復刻版スーパーカップとんこつ博多味</t>
  </si>
  <si>
    <t>スーパーカップ　クリーミーシーフード</t>
  </si>
  <si>
    <t>スーパーカップ1.5倍豚キムチラーメン</t>
  </si>
  <si>
    <t>SP1.5担担麺超やみつきスパイ</t>
  </si>
  <si>
    <t>スーパーカップ1.5倍　たっぷり野菜タンメン</t>
  </si>
  <si>
    <t>スーパーカップMAXしょうゆラーメン</t>
  </si>
  <si>
    <t>スーパーカップMAXみそラーメン</t>
  </si>
  <si>
    <t>スーパーカップMAXとんこつラーメン</t>
  </si>
  <si>
    <t>スーパープリングルズ_ハラペーニョ＆オニオン</t>
  </si>
  <si>
    <t>味覇を使って煮込んだ鍋風ラーメン</t>
  </si>
  <si>
    <t>スーパーカップマヨみそバター味ラ</t>
  </si>
  <si>
    <t>128ｇ</t>
  </si>
  <si>
    <t>超スーパーカップ1.5倍_ワンタン味噌ラーメン</t>
  </si>
  <si>
    <t>スーパーｶｯﾌﾟ1.5　塩バター味ラー・</t>
  </si>
  <si>
    <t>スーパー1.5　味噌バター味</t>
  </si>
  <si>
    <t>みんなのＴＶ×ＳＣ1.5森本稀哲　生姜塩　120g</t>
  </si>
  <si>
    <t>CoCo壱番屋監修　刺激のスパイスカレーラーメン</t>
  </si>
  <si>
    <t>CoCo壱番屋監修　まろやかクリーミーラーメン</t>
  </si>
  <si>
    <t>ＳＣ１．５倍辛タンメン超やみつきごまラー油１０７ｇ</t>
  </si>
  <si>
    <t>EDGE×わかめラーメン帰ってきたわかめ3.5倍</t>
  </si>
  <si>
    <t>EDGE×ワンタンメンこぶたなると6.0倍</t>
  </si>
  <si>
    <t>スーパーカップMIX豚骨しょうゆラーメンMAXふりかけ仕上げ</t>
  </si>
  <si>
    <t>スーパーカップMIX味噌とんこつラーメンMAXふりかけ仕上げ</t>
  </si>
  <si>
    <t>SC1.5倍クリアテイストスパイスカレー味</t>
  </si>
  <si>
    <t>特製ワンタンみそラーメン</t>
  </si>
  <si>
    <t>ＣｏＣｏ壱番屋監修スタミナ黒カレーラーメン</t>
  </si>
  <si>
    <t>ＣｏＣｏ壱番屋監修　麻辣赤カレーラーメン</t>
  </si>
  <si>
    <t>超スーパーカップ１．５倍　黄金鶏油ワンタン麺</t>
  </si>
  <si>
    <t>スーパーカップ１．５倍塩バター味ラーメン</t>
  </si>
  <si>
    <t>スーパーカップ１．５倍味噌バター味ラーメン</t>
  </si>
  <si>
    <t>ＳＰ豚キムチラーメン_Ｎ</t>
  </si>
  <si>
    <t>スーパーカップ豚キムチ</t>
  </si>
  <si>
    <t>スーパー豚キムチラーメン</t>
  </si>
  <si>
    <t>超大盛スーパーカップ豚骨</t>
  </si>
  <si>
    <t>超大盛スーパーカップ塩</t>
  </si>
  <si>
    <t>ＳＣシーフード</t>
  </si>
  <si>
    <t>ＳＣカレー</t>
  </si>
  <si>
    <t>スーパーカップじゃが塩バター</t>
  </si>
  <si>
    <t>スーパーカップ沖縄そば</t>
  </si>
  <si>
    <t>エースＳＣ北海道じゃが塩バタ</t>
  </si>
  <si>
    <t>エースＳＣ北海道ＣカレーＢ味</t>
  </si>
  <si>
    <t>列島Ａベーコンバター</t>
  </si>
  <si>
    <t>エース_九州めんたいとんこつ</t>
  </si>
  <si>
    <t>夏のスーパーカップ１．５シーフード</t>
  </si>
  <si>
    <t>夏のスーパーカップ１．６カレーラーメン</t>
  </si>
  <si>
    <t>スーパーカップ１．５鶏ねぎ塩</t>
  </si>
  <si>
    <t>超スーパーカップ１．５倍　胡麻香る味噌ワンタン麺</t>
  </si>
  <si>
    <t>スーパーカップブタキムファイヤーラーメン</t>
  </si>
  <si>
    <t>みんテレ×ＳＣ１．５倍森本稀哲考案ごま味噌ラーメン</t>
  </si>
  <si>
    <t>ＣｏＣｏ壱番屋監修　カレーラーメン</t>
  </si>
  <si>
    <t>ｽｰﾊﾟｰｶｯﾌﾟ1.5倍ｽﾀﾐﾅﾊﾟﾝﾁ</t>
  </si>
  <si>
    <t>EDGE×わかめごま・しょうゆわかめ3.5倍</t>
  </si>
  <si>
    <t>EDGE×わかめラー油蕎麦わかめ3.5倍</t>
  </si>
  <si>
    <t>SC1.5倍ラーメン暖暮監修辛ダレ豚骨ラーメン</t>
  </si>
  <si>
    <t>スーパーカップMAX辛味噌タンメン</t>
  </si>
  <si>
    <t>CoCo壱番屋監修濃旨カレーラーメン</t>
  </si>
  <si>
    <t>スーパーカップ3種のチリトマチーズ</t>
  </si>
  <si>
    <t>スーパーカップ1.5倍野菜タンメン</t>
  </si>
  <si>
    <t>みんテレ×SC1.5森本稀哲考案貝だし醤油ラーメン</t>
  </si>
  <si>
    <t>スーパーカップ1.5倍シーフード味ラーメン</t>
  </si>
  <si>
    <t>スーパーカップ1.5倍ブレンドカレーラーメン</t>
  </si>
  <si>
    <t>EDGE×わかめコムタン味わかめ3.5倍</t>
  </si>
  <si>
    <t>スーパーカップ1.5倍紅の明太キムチ味ラーメン</t>
  </si>
  <si>
    <t>スーパーカップ1.5倍NEXTクリーミーシーフード味</t>
  </si>
  <si>
    <t>スーパーカップ1.5倍NEXTクリーミー味噌チーズ味</t>
  </si>
  <si>
    <t>みんテレ×SC1.5森本稀哲考案海老だし塩ラーメン</t>
  </si>
  <si>
    <t>スーパーカップ1.5倍ベビースターラーメンチキン味</t>
  </si>
  <si>
    <t>スーパーカップ1.5倍しょうゆラーメン</t>
  </si>
  <si>
    <t>スーパーカップ1.5倍みそラーメン</t>
  </si>
  <si>
    <t>スーパーカップ1.5倍とんこつラーメン</t>
  </si>
  <si>
    <t>スーパーカップ新豚キムチラーメン</t>
  </si>
  <si>
    <t>スーパーカップ1.5倍新・野菜タンメン</t>
  </si>
  <si>
    <t>ＳＣ１．５倍　北海道　コーン塩バター味ラーメン</t>
  </si>
  <si>
    <t>SC1.5倍ラーメン暖暮辛ダレ豚骨</t>
  </si>
  <si>
    <t>スーパーカップ1.5倍THE濃厚背脂豚骨醤油ラーメン</t>
  </si>
  <si>
    <t>SC1.5倍味噌の神超まろ濃厚味噌ラーメン</t>
  </si>
  <si>
    <t>ＳＣ１．５倍×ＥＸＩＴ　明太バター醤油味ラーメン</t>
  </si>
  <si>
    <t>SC1.5倍×EXITジンジャー豚味噌味ラーメン</t>
  </si>
  <si>
    <t>SC1.5倍×EDGE魚粉入れすぎ中華そば</t>
  </si>
  <si>
    <t>大人のＳＣ１．５カレーラーメン</t>
  </si>
  <si>
    <t>大人のＳＣ１．５チゲラーメン</t>
  </si>
  <si>
    <t>スーパーカップ_醤油</t>
  </si>
  <si>
    <t>スーパーカップ_みそ</t>
  </si>
  <si>
    <t>スーパーカップ_とんこつ</t>
  </si>
  <si>
    <t>スーパーカップ_しお</t>
  </si>
  <si>
    <t>夏のスーパーカップ豚カルビ</t>
  </si>
  <si>
    <t>夏のスーパーカップシーフード</t>
  </si>
  <si>
    <t>大人スーパーカップ濃コク醤油</t>
  </si>
  <si>
    <t>大人スーパーカップクリーミーシオバタ</t>
  </si>
  <si>
    <t>スーパーカップ豚高菜ラーメン</t>
  </si>
  <si>
    <t>大人スーパーカップ辛とんこつ</t>
  </si>
  <si>
    <t>大人スーパーカップ辛チゲ</t>
  </si>
  <si>
    <t>スーパーカップマイルド背脂醤油</t>
  </si>
  <si>
    <t>スーパーカップクリーミー塩バター</t>
  </si>
  <si>
    <t>スーパーカップ北海道しょうゆ</t>
  </si>
  <si>
    <t>SC1.5倍　豚キムチラーメン</t>
  </si>
  <si>
    <t>スーパーカップ黒マー油</t>
  </si>
  <si>
    <t>スーパーカップクリーミー塩</t>
  </si>
  <si>
    <t>大人のうま辛チゲラーメン</t>
  </si>
  <si>
    <t>大人のスパイシーシーフード</t>
  </si>
  <si>
    <t>北海道じゃが塩バター</t>
  </si>
  <si>
    <t>超大盛キャベツ味噌ニンニクラーメン</t>
  </si>
  <si>
    <t>スーパーカップ黒マー油豚骨醤油</t>
  </si>
  <si>
    <t>スーパーカップ鶏白湯ゆず胡椒</t>
  </si>
  <si>
    <t>超大盛ｽｰﾊﾟｰｶｯﾌﾟｶﾚｰﾗｰﾒﾝ</t>
  </si>
  <si>
    <t>2倍</t>
  </si>
  <si>
    <t>大人のスーパーカップ１．５倍_黒の流儀_コク醤油ラーメン</t>
  </si>
  <si>
    <t>大人のスーパーカップ１．５倍_白の流儀_濃厚豚骨ラーメン</t>
  </si>
  <si>
    <t>CoCo壱番屋監修_カレーラーメン</t>
  </si>
  <si>
    <t>GOLDスーパーカップコク醤油</t>
  </si>
  <si>
    <t>SILVERスーパーカップとんこつ</t>
  </si>
  <si>
    <t>スーパーカップ　博多</t>
  </si>
  <si>
    <t>スーパーカップ　京都</t>
  </si>
  <si>
    <t>スーパーカップちゃんぽん</t>
  </si>
  <si>
    <t>三つ星スーパーカップ１．５倍みそバター味ラーメン</t>
  </si>
  <si>
    <t>エース　大人のスーパーカップ　麻辣麺</t>
  </si>
  <si>
    <t>エース　大人のスーパーカップ　豚骨</t>
  </si>
  <si>
    <t>エース　特まろ牛骨白湯ラーメン</t>
  </si>
  <si>
    <t>スーパーカップ　PREMIUM　醤油</t>
  </si>
  <si>
    <t>スーパーカップ　PREMIUM　豚骨</t>
  </si>
  <si>
    <t>三ツ星スーパーカップ鶏しおラーメン</t>
  </si>
  <si>
    <t>ワンタンメンビッグタンメン</t>
  </si>
  <si>
    <t>スーパーカップ1.5倍しょうゆ</t>
  </si>
  <si>
    <t>スーパーカップ１．５みそ</t>
  </si>
  <si>
    <t>スーパーカップ1.5とんこつ</t>
  </si>
  <si>
    <t>スーパーカップ１．５ちゃんぽん</t>
  </si>
  <si>
    <t>池袋大勝軒みそラーメン大盛り</t>
  </si>
  <si>
    <t>大人のSカップ　焦がしバター味塩ラーメン</t>
  </si>
  <si>
    <t>大人のSカップ　辛味噌ラーメン</t>
  </si>
  <si>
    <t>スーパーカップ　ガリバタ　醤油ラーメン</t>
  </si>
  <si>
    <t>スーパーカップレモチキ　塩ラーメン</t>
  </si>
  <si>
    <t>ｽｰﾊﾟｰｶｯﾌﾟ　ｽﾀﾐﾅﾊﾟﾝﾁ</t>
  </si>
  <si>
    <t>ｽｰﾊﾟｰｶｯﾌﾟ　ﾎｯﾄﾁﾘ</t>
  </si>
  <si>
    <t>ＥＤＧＥ　鬼辛とんこつ醤油ラーメン</t>
  </si>
  <si>
    <t>わかめラーメンビッグ</t>
  </si>
  <si>
    <t>スーパーカップ　鯛白湯</t>
  </si>
  <si>
    <t>スーパーカップ　蟹チゲ</t>
  </si>
  <si>
    <t>スーパーカップ衝撃の泡立　豚骨醤油</t>
  </si>
  <si>
    <t>スーパーカップ衝撃の泡立　鶏白湯</t>
  </si>
  <si>
    <t>スーパーカップ1.5倍ガリペパ豚骨醤油ラーメン</t>
  </si>
  <si>
    <t>スーパーカップ1.5倍レモチキ塩ラーメン</t>
  </si>
  <si>
    <t>大人のスーパーカップ1.5倍　芳醇豚骨ラーメン</t>
  </si>
  <si>
    <t>極みのスーパーカップ１．５倍　超まろ豚骨ラーメン</t>
  </si>
  <si>
    <t>極みのスーパーカップ１．５倍　超まろカレーラーメン</t>
  </si>
  <si>
    <t>ＣｏＣｏ壱番屋監修　辛口派に捧げる　とび辛カレーラーメン</t>
  </si>
  <si>
    <t>夏のスーパーカップ１．５倍　爽ＣＯＯＬ　豚しおラーメン　柚子胡椒</t>
  </si>
  <si>
    <t>す・またん×スーパーカップ1.5倍　カレーワンタンタンメン</t>
  </si>
  <si>
    <t>スーパーカップ焼えび香り立つ</t>
  </si>
  <si>
    <t>スーパーカップ山わさび香り立つ</t>
  </si>
  <si>
    <t>スーパーカップ1.5倍みそ</t>
  </si>
  <si>
    <t>スーパーカップ1.5倍とんこつ</t>
  </si>
  <si>
    <t>スーパーカップ1.5倍ギョーザパンチラーメン</t>
  </si>
  <si>
    <t>大人のＳＣ１．５黒の香りかさねコク濃豚骨</t>
  </si>
  <si>
    <t>ｴｰｽわかめﾗｰﾒﾝしじみだし醤油</t>
  </si>
  <si>
    <t>じわとろ海鮮バター味ラーメン</t>
  </si>
  <si>
    <t>スーパーカップしょうゆラーメンが転生したら焼そばになったケース</t>
  </si>
  <si>
    <t>スーパーカップ1.5倍しょうゆラーメンケース</t>
  </si>
  <si>
    <t>スーパーカップ1.5倍みそラーメンケース</t>
  </si>
  <si>
    <t>スーパーカップ1.5倍とんこつラーメンケース</t>
  </si>
  <si>
    <t>スーパーカップ1.5倍新・豚キムチラーメンケース</t>
  </si>
  <si>
    <t>スーパーカップ1.5倍新・野菜タンメンケース</t>
  </si>
  <si>
    <t>スーパーカップ1.5倍THE濃厚背脂豚骨醤油ラーメンケース</t>
  </si>
  <si>
    <t>125g×12</t>
  </si>
  <si>
    <t>スーパーカップ大盛りアブラアブラアブラ濃厚油そばケース</t>
  </si>
  <si>
    <t>173g×12</t>
  </si>
  <si>
    <t>スーパーカップ1.5倍味噌の神超まろ濃厚味噌ラーメンケース</t>
  </si>
  <si>
    <t>155g×12</t>
  </si>
  <si>
    <t>スーパーカップ1.5倍しょうゆケース</t>
  </si>
  <si>
    <t>108ｇ×12</t>
  </si>
  <si>
    <t>スーパーカップ1.5倍みそケース</t>
  </si>
  <si>
    <t>133ｇ×12</t>
  </si>
  <si>
    <t>スーパーカップ1.5倍とんこつケース</t>
  </si>
  <si>
    <t>112ｇ×12</t>
  </si>
  <si>
    <t>スーパーカップ１．５倍　しょうゆラーメン　ケース</t>
  </si>
  <si>
    <t>スーパーカップ１．５倍　みそラーメン　ケース</t>
  </si>
  <si>
    <t>137g×12</t>
  </si>
  <si>
    <t>スーパーカップ１．５倍　とんこつラーメン　ケース</t>
  </si>
  <si>
    <t>スーパーカップ１．５倍　豚キムチラーメン　ケース</t>
  </si>
  <si>
    <t>スーパーカップ　大盛りいか焼そば　ケース</t>
  </si>
  <si>
    <t>167g×12</t>
  </si>
  <si>
    <t>スーパーカップ１．５倍　ギョーザパンチラーメン　ケース</t>
  </si>
  <si>
    <t>スーパーカップ1.5倍豚キムチラーメンケース</t>
  </si>
  <si>
    <t>スーパーカップ1.5倍野菜タンメンケース</t>
  </si>
  <si>
    <t>スーパーカップ大盛りいか天ふりかけ焼そばケース</t>
  </si>
  <si>
    <t>161g×12P</t>
  </si>
  <si>
    <t>スーパーカップ1.5倍　豚ヤサイ塩味ラーメン　ケース</t>
  </si>
  <si>
    <t>107gｘ12</t>
  </si>
  <si>
    <t>スーパーカップ1.5倍　鶏キムチチゲ味ラーメン　ケース</t>
  </si>
  <si>
    <t>126gｘ12</t>
  </si>
  <si>
    <t>スーパーカップ1.5倍紅の明太キムチ味ラーメンケース</t>
  </si>
  <si>
    <t>106g×12P</t>
  </si>
  <si>
    <t>スーパーカップ1.5倍_金の牛だしキムチうどんケース</t>
  </si>
  <si>
    <t>スーパーカップ1.5倍NEXTクリーミーシーフード味ケース</t>
  </si>
  <si>
    <t>スーパーカップ1.5倍NEXTクリーミー味噌チーズ味ケース</t>
  </si>
  <si>
    <t>スーパーカップ豚キムチケース</t>
  </si>
  <si>
    <t>スーパーカップMAXしょうゆラーメンケース</t>
  </si>
  <si>
    <t>スーパーカップMAXみそラーメンケース</t>
  </si>
  <si>
    <t>スーパーカップMAXとんこつラーメンケース</t>
  </si>
  <si>
    <t>みんなのＴＶ×ＳＣ1.5森本稀哲　生姜塩　ケース</t>
  </si>
  <si>
    <t>スーパーカップ1.5倍テリヤキパンチラーメン</t>
  </si>
  <si>
    <t>みんテレ×SC1.5倍森本稀哲考案鶏白湯麺</t>
  </si>
  <si>
    <t>ＳＣ串カツ田中ソースカレーラーメンケース</t>
  </si>
  <si>
    <t>スーパーカップ1.5倍×YOASOBI塩とんこつラーメン</t>
  </si>
  <si>
    <t>スーパーカップ1.5倍×YOASOBI旨辛醤油ラーメン</t>
  </si>
  <si>
    <t>ゴリパラーメン魚介とんこつ</t>
  </si>
  <si>
    <t>スーパーカップ1.5倍蟹チゲ風ラーメン</t>
  </si>
  <si>
    <t>みんテレ×SC1．5倍森本稀哲考案中華そば</t>
  </si>
  <si>
    <t>極どろ海老味噌味そば麺大盛り</t>
  </si>
  <si>
    <t>阪神甲子園球場監修甲子園カレーラーメン</t>
  </si>
  <si>
    <t>阪神甲子園球場監修甲子園スパイシー黒カレーラーメン</t>
  </si>
  <si>
    <t>蜂屋旭川醤油ラーメン大盛り</t>
  </si>
  <si>
    <t>ラーメン暖暮辛ダレ豚骨ラーメン大盛り</t>
  </si>
  <si>
    <t>ゴリパラ見聞録×SC1.5ゴリパラーメン水炊き風</t>
  </si>
  <si>
    <t>超大盛りSC豚骨醤油ラーメン関西風から関東風</t>
  </si>
  <si>
    <t>スーパーカップ1.5倍バタチー味噌チゲラーメン</t>
  </si>
  <si>
    <t>スーパーカップ1.5倍貝だし味噌ラーメン</t>
  </si>
  <si>
    <t>スーパーカップ1.5倍チリトマト味ラーメン</t>
  </si>
  <si>
    <t>超大盛りスーパーカップ横浜家系豚骨醤油ラーメン</t>
  </si>
  <si>
    <t>超大盛りスーパーカップ横浜家系豚骨醤油ラーメンケース</t>
  </si>
  <si>
    <t>170g×12</t>
  </si>
  <si>
    <t>超大盛りスーパーカップ濃厚豚醤油ラーメン</t>
  </si>
  <si>
    <t>超大盛りスーパーカップ濃厚豚醤油ラーメンケース</t>
  </si>
  <si>
    <t>176g×12</t>
  </si>
  <si>
    <t>スーパーカップ1.5倍×NOBROCKTVキーマカレー味</t>
  </si>
  <si>
    <t>スーパーカップ1.5倍×NOBROCKTVキーマカレー味ケース</t>
  </si>
  <si>
    <t>焼豚ラーメンx丸幸ラーメン</t>
  </si>
  <si>
    <t>透辛麺</t>
  </si>
  <si>
    <t>焼豚ラーメン×初代秀ちゃん</t>
  </si>
  <si>
    <t>博多華味鳥監修博多極上鳥白湯ソバ</t>
  </si>
  <si>
    <t>透辛麺レギュラーカップ</t>
  </si>
  <si>
    <t>花椒の一撃激辛担々麺</t>
  </si>
  <si>
    <t>一味ラーメン監修とんこつラーメン</t>
  </si>
  <si>
    <t>天外天監修豚骨ラーメン</t>
  </si>
  <si>
    <t>焼豚ラーメン辛子明太子味推し</t>
  </si>
  <si>
    <t>でかまるもやしみそ</t>
  </si>
  <si>
    <t>でかまるコーンバター</t>
  </si>
  <si>
    <t>ピリからラー油ラーメン</t>
  </si>
  <si>
    <t>でかまるメチャ盛りコーン塩バター味ラーメン</t>
  </si>
  <si>
    <t>でかまる　辛もやし豚骨ラーメン</t>
  </si>
  <si>
    <t>がっつり具材のちゃんぽん　大盛り</t>
  </si>
  <si>
    <t>でかまる海鮮シーフードラーメン</t>
  </si>
  <si>
    <t>でかまるじゃが塩バター味ラーメン</t>
  </si>
  <si>
    <t>千里眼　豚骨醤油</t>
  </si>
  <si>
    <t>でかまる　濃厚豚そば</t>
  </si>
  <si>
    <t>でかまる辛肉担担麺</t>
  </si>
  <si>
    <t>１５９ｇ</t>
  </si>
  <si>
    <t>マルちゃん　でかまる極濃カレー麺</t>
  </si>
  <si>
    <t>１３５ｇ</t>
  </si>
  <si>
    <t>でかまるＢＬＡＣＫ黒胡椒醤油</t>
  </si>
  <si>
    <t>でかまる　スタミナ旨辛醤油</t>
  </si>
  <si>
    <t>でかまる和風塩白湯</t>
  </si>
  <si>
    <t>でかまる　生姜焼き風</t>
  </si>
  <si>
    <t>でかまる_RED旨辛とんこつﾗｰﾒﾝ</t>
  </si>
  <si>
    <t>でかまる泡立つ豚骨ラーメン</t>
  </si>
  <si>
    <t>134ｇ</t>
  </si>
  <si>
    <t>でかまる鬼うま極濃カレーラーメン</t>
  </si>
  <si>
    <t>でかまるバリシャもやし味噌ケース</t>
  </si>
  <si>
    <t>161g×12</t>
  </si>
  <si>
    <t>復刻版でかまる五目しょうゆラーメン</t>
  </si>
  <si>
    <t>でかまるあんかけもやし中華そば</t>
  </si>
  <si>
    <t>ごつ盛り沖縄琉球そば</t>
  </si>
  <si>
    <t>でかいちしょうゆラーメン</t>
  </si>
  <si>
    <t>でかいちみそラーメン</t>
  </si>
  <si>
    <t>でかいちとんこつラーメン</t>
  </si>
  <si>
    <t>でかまる_もやし味噌</t>
  </si>
  <si>
    <t>でか一醤油ラーメン</t>
  </si>
  <si>
    <t>でか一味噌ラーメン</t>
  </si>
  <si>
    <t>でか一豚骨ラーメン</t>
  </si>
  <si>
    <t>でか一わかめ醤油ラーメン</t>
  </si>
  <si>
    <t>でか一コーン味噌ラーメン</t>
  </si>
  <si>
    <t>でか一ねぎ胡麻豚骨ラーメン</t>
  </si>
  <si>
    <t>でか一醤油</t>
  </si>
  <si>
    <t>でか一コーン味噌</t>
  </si>
  <si>
    <t>でか一ねぎ胡麻豚骨</t>
  </si>
  <si>
    <t>デカ王豚キムチ醤油味</t>
  </si>
  <si>
    <t>デカ王シャキシャキもやし味噌</t>
  </si>
  <si>
    <t>デカ王豚キムチしょうゆ味</t>
  </si>
  <si>
    <t>デカ王もやしみそ味</t>
  </si>
  <si>
    <t>でかぶと_焼豚だれしょうゆ</t>
  </si>
  <si>
    <t>デカ王豚もやし味噌</t>
  </si>
  <si>
    <t>デカうまわかめそば</t>
  </si>
  <si>
    <t>日清デカうま豚キムチ</t>
  </si>
  <si>
    <t>日清デカうま濃厚コク旨醤油</t>
  </si>
  <si>
    <t>デカうま大辛コク旨味噌ケース</t>
  </si>
  <si>
    <t>デカうま旨辛味噌</t>
  </si>
  <si>
    <t>デカうま濃厚コク旨醤油ケース</t>
  </si>
  <si>
    <t>デカうま豚キムチケース</t>
  </si>
  <si>
    <t>デカうまわかめそばケース</t>
  </si>
  <si>
    <t>デカうま旨辛味噌ケース</t>
  </si>
  <si>
    <t>デカうまきつねうどんだし濃いめケース</t>
  </si>
  <si>
    <t>一平ちゃん大盛ガーリック味噌</t>
  </si>
  <si>
    <t>一平ちゃん大盛みそとんこつ</t>
  </si>
  <si>
    <t>旨辛一平ちゃん大盛魚介辛とんこつ</t>
  </si>
  <si>
    <t>明星　一平ちゃん大盛　鯛だし豚骨　20周年記念</t>
  </si>
  <si>
    <t>一平ちゃん大盛　黄金のとろ塩_20周年記念</t>
  </si>
  <si>
    <t>ラブこめ一平ちゃん大盛ブラック醤油ラーメン</t>
  </si>
  <si>
    <t>油とんこつラーメンＢＩＧ</t>
  </si>
  <si>
    <t>千里眼辛大蒜豚骨醤油ラーメン</t>
  </si>
  <si>
    <t>旨だし屋かきたま鶏だし塩ラーメン大盛ケース</t>
  </si>
  <si>
    <t>明星庵わかめらぁめん大盛</t>
  </si>
  <si>
    <t>明星庵わかめらぁめん大盛ケース</t>
  </si>
  <si>
    <t>チャルメラの逸品大盛ワンタン麺芳醇醤油</t>
  </si>
  <si>
    <t>チャルメラの逸品大盛ワンタン麺芳醇しお</t>
  </si>
  <si>
    <t>わかめＭＡＸラーメン醤油</t>
  </si>
  <si>
    <t>わかめＭＡＸラーメン味噌</t>
  </si>
  <si>
    <t>ぶし味噌ラーメン大盛</t>
  </si>
  <si>
    <t>１２８ｇ</t>
  </si>
  <si>
    <t>DAIKOKU牛骨白湯ラーメン大盛り</t>
  </si>
  <si>
    <t>豚骨醤油ラーメン</t>
  </si>
  <si>
    <t>濃厚鶏タンメン</t>
  </si>
  <si>
    <t>酸辣湯麺大盛</t>
  </si>
  <si>
    <t>冷し中華醤油だれカップ</t>
  </si>
  <si>
    <t>冷し担々麺カップ</t>
  </si>
  <si>
    <t>大黒軒　醤油ラーメン（減塩）</t>
  </si>
  <si>
    <t>大黒軒　味噌ラーメン（減塩）</t>
  </si>
  <si>
    <t>大黒軒　豚骨ラーメン（減塩）</t>
  </si>
  <si>
    <t>ビックかきたまとろみ中華</t>
  </si>
  <si>
    <t>ビックわかめピリ辛チゲらーめん</t>
  </si>
  <si>
    <t>ビックわかめピリ辛みそらーめん</t>
  </si>
  <si>
    <t>ビックちゃんぽんケース</t>
  </si>
  <si>
    <t>辛ラーメンバケツカップ</t>
  </si>
  <si>
    <t>辛ラーメンスパイシーチキン</t>
  </si>
  <si>
    <t>でっかいわかめラーメンごま・しょうゆ大盛り</t>
  </si>
  <si>
    <t>極みのＳＣ１．５Ｗｈｉｔｅまろやか塩ラーメン</t>
  </si>
  <si>
    <t>極みのＳＣ１．５倍Ｗｈｉｔｅカレーラーメン</t>
  </si>
  <si>
    <t>す・またんスーパーカップ１．５倍辛ワンタンタンメン</t>
  </si>
  <si>
    <t>味覇使用　中華風野菜タンメン</t>
  </si>
  <si>
    <t>復刻版　スーパーみそラーメン生みそ仕立て</t>
  </si>
  <si>
    <t>スーパーカップ１．５倍　バーミヤン監修　刺激のコク旨麻婆麺</t>
  </si>
  <si>
    <t>スーパーカップしお</t>
  </si>
  <si>
    <t>スーパーカップ_豚キムチ</t>
  </si>
  <si>
    <t>スーパーカップ１．５豚キムチ</t>
  </si>
  <si>
    <t>SC1.5倍ポークゼロ濃厚とんこつ味ラーメン</t>
  </si>
  <si>
    <t>スーパーカップMAXこく搾りラーメンしょうゆ味</t>
  </si>
  <si>
    <t>スーパーカップMAX北海道コーン塩バター味ラーメン</t>
  </si>
  <si>
    <t>スーパーカップ1.5倍豚ヤサイ塩味ラーメン</t>
  </si>
  <si>
    <t>スーパーカップ1.5倍鶏キムチチゲ味ラーメン</t>
  </si>
  <si>
    <t>スイッチ×スーパーカップ1.5倍鶏だし塩ラーメン</t>
  </si>
  <si>
    <t>大人のスーパーカップ旨辛チゲ</t>
  </si>
  <si>
    <t>大人のスーパーカップ牛テールスープ味</t>
  </si>
  <si>
    <t>CoCo壱番屋マイルドカレーラーメン</t>
  </si>
  <si>
    <t>CoCo壱番屋スパイシーカレーラーメン</t>
  </si>
  <si>
    <t>スーパーカップ1.5倍ブタキムラーメン</t>
  </si>
  <si>
    <t>スーパーカップ1.5倍　ギョーザパンチ</t>
  </si>
  <si>
    <t>スーパーカップ1.5倍北海道コーン塩バター味ラーメン</t>
  </si>
  <si>
    <t>スーパーカップ1.5倍沖縄島そば</t>
  </si>
  <si>
    <t>背徳のあげ玉ニンニク豚骨醤油ラーメン</t>
  </si>
  <si>
    <t>大盛豚骨らーめん</t>
  </si>
  <si>
    <t>大盛ちゃんぽん</t>
  </si>
  <si>
    <t>でかまる白坦々麺</t>
  </si>
  <si>
    <t>ごつ盛りワンタン醤油</t>
  </si>
  <si>
    <t>ごつ盛りコーン味噌</t>
  </si>
  <si>
    <t>ごつ盛りねぎ胡麻豚骨</t>
  </si>
  <si>
    <t>ごつ盛りコク豚骨</t>
  </si>
  <si>
    <t>ごつ盛りワンタン醤油ケース</t>
  </si>
  <si>
    <t>ごつ盛りコーン味噌ケース</t>
  </si>
  <si>
    <t>ごつ盛りコク豚骨ケース</t>
  </si>
  <si>
    <t>ごつ盛り坦々麺</t>
  </si>
  <si>
    <t>ごつ盛り坦々麺　ケース</t>
  </si>
  <si>
    <t>133ｇｘ12</t>
  </si>
  <si>
    <t>ごつ盛り豚キムチ</t>
  </si>
  <si>
    <t>ごつ盛りピリ辛チゲラーメン</t>
  </si>
  <si>
    <t>ごつ盛りちゃんぽん</t>
  </si>
  <si>
    <t>ごつ盛りちゃんぽんケース</t>
  </si>
  <si>
    <t>ごつ盛り　野菜塩ラーメン</t>
  </si>
  <si>
    <t>ごつ盛り　仙台辛味噌</t>
  </si>
  <si>
    <t>ごつ盛り　和歌山風　醤油とんこつラーメン</t>
  </si>
  <si>
    <t>ごつ盛り　濃厚塩とんこつ</t>
  </si>
  <si>
    <t>ごつ盛り熊本風黒マー油豚骨ラーメン</t>
  </si>
  <si>
    <t>ごつ盛り　熊本風黒マー油豚骨ラーメン【箱】</t>
  </si>
  <si>
    <t>でかまる　肉醤油ラーメン</t>
  </si>
  <si>
    <t>ごつ盛り　鶏しお味</t>
  </si>
  <si>
    <t>ごつ盛り　鶏しおラーメン【箱】</t>
  </si>
  <si>
    <t>105ｇ×12</t>
  </si>
  <si>
    <t>ごつ盛り　名古屋台湾ラーメン</t>
  </si>
  <si>
    <t>ごつ盛り　名古屋台湾ラーメン　ケース</t>
  </si>
  <si>
    <t>ごつ盛り豚骨醤油ラーメン</t>
  </si>
  <si>
    <t>ごつ盛り豚骨醤油ラーメンケース</t>
  </si>
  <si>
    <t>122g×12P</t>
  </si>
  <si>
    <t>ごつ盛り　新潟風　背脂醤油ラーメン</t>
  </si>
  <si>
    <t>ごつ盛りコク塩ワンタン</t>
  </si>
  <si>
    <t>ごつ盛りスタミナピリ辛タンメン</t>
  </si>
  <si>
    <t>ごつ盛　ハリガネ　ピリ辛高菜とん</t>
  </si>
  <si>
    <t>ごつ盛　味噌豚骨ラーメン</t>
  </si>
  <si>
    <t>127ｇ</t>
  </si>
  <si>
    <t>ごつ盛りワンタン塩ラーメン</t>
  </si>
  <si>
    <t>でかまる辛肉担々麺</t>
  </si>
  <si>
    <t>ごつ盛り塩担々麺</t>
  </si>
  <si>
    <t>ごつ盛り塩坦々麺ケース</t>
  </si>
  <si>
    <t>マルちゃんごつ盛りワンタン塩煮干し</t>
  </si>
  <si>
    <t>マルちゃんでかまる白マーユ鶏白湯煮干しそば</t>
  </si>
  <si>
    <t>ごつ盛りスタミナにんにく醤油ラーメン</t>
  </si>
  <si>
    <t>ごつ盛り名古屋台湾ラーメン</t>
  </si>
  <si>
    <t>でかまるもやしタンメン</t>
  </si>
  <si>
    <t>でかまる旨辛豚キムチ焼そば</t>
  </si>
  <si>
    <t>ごつ盛りスタミナにんにく醤油</t>
  </si>
  <si>
    <t>ごつ盛りわかめ醤油ラーメン</t>
  </si>
  <si>
    <t>ごつ盛りコーンコーン味噌ラーメン</t>
  </si>
  <si>
    <t>ごつ盛りコーンコーン味噌ラーメンケース</t>
  </si>
  <si>
    <t>ごつ盛り富山ブラックラーメン</t>
  </si>
  <si>
    <t>でか一ワンタン醤油</t>
  </si>
  <si>
    <t>大盛屋_豚キムチ</t>
  </si>
  <si>
    <t>大盛屋_焼豚だれしょうゆ</t>
  </si>
  <si>
    <t>でかぶと_豚キムチ</t>
  </si>
  <si>
    <t>デカブト_豚キムチ</t>
  </si>
  <si>
    <t>デカブト_濃厚鶏ガラ醤油</t>
  </si>
  <si>
    <t>デカブト_香熟味噌</t>
  </si>
  <si>
    <t>デカブト黒マー油豚骨</t>
  </si>
  <si>
    <t>デカうま　豚ニンニク味</t>
  </si>
  <si>
    <t>デカうま　野菜タンメン</t>
  </si>
  <si>
    <t>デカうま豚キムチ</t>
  </si>
  <si>
    <t>デカうま　濃厚コク旨醤油</t>
  </si>
  <si>
    <t>デカうま大辛コク旨味噌</t>
  </si>
  <si>
    <t>日清焼そばU.F.O.爆盛バーレル油そば</t>
  </si>
  <si>
    <t>旨だし屋かきたま鶏だし塩ラーメン大盛</t>
  </si>
  <si>
    <t>ビッグわかめしょう油ラー</t>
  </si>
  <si>
    <t>ビッグごまみそラーメン</t>
  </si>
  <si>
    <t>ビックねぎ塩とんこつラーメン</t>
  </si>
  <si>
    <t>うま辛麻辣麺大盛</t>
  </si>
  <si>
    <t>濃厚カレーラーメン大盛</t>
  </si>
  <si>
    <t>濃厚黒担々麺</t>
  </si>
  <si>
    <t>大黒軒_醤油ヌードル</t>
  </si>
  <si>
    <t>大黒軒_海鮮ヌードル</t>
  </si>
  <si>
    <t>大黒軒_カレーヌードル</t>
  </si>
  <si>
    <t>ビッグチゲカラらーめん</t>
  </si>
  <si>
    <t>マイフレンドビックちゃんぽん</t>
  </si>
  <si>
    <t>ビック担々麺</t>
  </si>
  <si>
    <t>ビックスタミナらーめん</t>
  </si>
  <si>
    <t>マイフレンドビックねぎ塩とんこつ</t>
  </si>
  <si>
    <t>激辛味噌ラーメン</t>
  </si>
  <si>
    <t>辛どん兵衛特盛きつねうどん</t>
  </si>
  <si>
    <t>ＣｏＣｏ壱番屋野菜カレーうどん</t>
  </si>
  <si>
    <t>SｶｯﾌﾟﾎﾞﾝｶﾚｰG中辛うどん</t>
  </si>
  <si>
    <t>スーパーカップ1.5倍金の牛だしキムチうどん</t>
  </si>
  <si>
    <t>スーパーカップ1.5倍たらこクリーム味うどん</t>
  </si>
  <si>
    <t>スーパーカップ1.5倍ガリチーカレーうどん</t>
  </si>
  <si>
    <t>汁なし豆乳ごま担々うどんでか盛</t>
  </si>
  <si>
    <t>ﾄｳﾖｳｽｻｲﾝ</t>
  </si>
  <si>
    <t>一平大盛焦がし大蒜仕上げカレーう</t>
  </si>
  <si>
    <t>明星庵きつねうどん大盛</t>
  </si>
  <si>
    <t>明星庵きつねうどん大盛ケース</t>
  </si>
  <si>
    <t>明星庵天ぷらそば大盛</t>
  </si>
  <si>
    <t>明星庵天ぷらそば大盛ケース</t>
  </si>
  <si>
    <t>明星庵肉だしうどん大盛</t>
  </si>
  <si>
    <t>背徳のあげ玉肉だしうどん</t>
  </si>
  <si>
    <t>ごつ盛りわかめうどん</t>
  </si>
  <si>
    <t>黄金色のたぬきつうどん</t>
  </si>
  <si>
    <t>一平ちゃん大盛焦がしにんにく仕立げカレーうどん</t>
  </si>
  <si>
    <t>ミニカップ</t>
  </si>
  <si>
    <t>ミニどんぶりバラエティーパック</t>
  </si>
  <si>
    <t>177G</t>
  </si>
  <si>
    <t>ミニどんぶりバラエティ4P</t>
  </si>
  <si>
    <t>みそラーメンミニどんぶり４個パック</t>
  </si>
  <si>
    <t>188G</t>
  </si>
  <si>
    <t>塩らーめんミニどんぶり４個パック</t>
  </si>
  <si>
    <t>164G</t>
  </si>
  <si>
    <t>サッポロ一番ミニどんぶりバラエティー4食</t>
  </si>
  <si>
    <t>まめバラエティパック４Ｐ</t>
  </si>
  <si>
    <t>ミニまるミニ４パック</t>
  </si>
  <si>
    <t>45g×4</t>
  </si>
  <si>
    <t>まめバラエティパック5食</t>
  </si>
  <si>
    <t>まめバラエティパック4P</t>
  </si>
  <si>
    <t>まめバラエティパック５Ｐ</t>
  </si>
  <si>
    <t>マル_まめカラフルパック</t>
  </si>
  <si>
    <t>ミニーズ</t>
  </si>
  <si>
    <t>41g×5P</t>
  </si>
  <si>
    <t>辛ラーメンミニカップ</t>
  </si>
  <si>
    <t>49g×6P</t>
  </si>
  <si>
    <t>スーパーカップミニもやしみみそ</t>
  </si>
  <si>
    <t>ポケモンヌードルシーフード</t>
  </si>
  <si>
    <t>ポケモンヌードルしょうゆ味</t>
  </si>
  <si>
    <t>ポケモンヌードルシーフード味</t>
  </si>
  <si>
    <t>まめとんこつ博多ラーメン</t>
  </si>
  <si>
    <t>ミニまる４パック</t>
  </si>
  <si>
    <t>189ｇ</t>
  </si>
  <si>
    <t>チキンラーメンミニ</t>
  </si>
  <si>
    <t>出前一丁どんぶりミニ</t>
  </si>
  <si>
    <t>ミニニコミソウメン</t>
  </si>
  <si>
    <t>カップヌードルシオミニ</t>
  </si>
  <si>
    <t>カップヌードルミニ</t>
  </si>
  <si>
    <t>カレーヌードルカレーミニ</t>
  </si>
  <si>
    <t>シーフードヌードルミニ</t>
  </si>
  <si>
    <t>ミニわかめラーメンごま・しょうゆ</t>
  </si>
  <si>
    <t>スーパーカップミニもやしみそ</t>
  </si>
  <si>
    <t>だしの旨みで減塩　中華そば</t>
  </si>
  <si>
    <t>CoCo壱番屋監修ミニ野菜盛カレーラーメン</t>
  </si>
  <si>
    <t>ミニワンタンメンタンメン味</t>
  </si>
  <si>
    <t>ミニワンタン　タンメン味</t>
  </si>
  <si>
    <t>スーパーカップ_ミニ野菜ちゃ</t>
  </si>
  <si>
    <t>スーパーカップミニもやしみみそケース</t>
  </si>
  <si>
    <t>51g×12P</t>
  </si>
  <si>
    <t>ミニわかめラーメンごま・しょうゆケース</t>
  </si>
  <si>
    <t>38g×12</t>
  </si>
  <si>
    <t>ちっこいあごだしにゅうめん</t>
  </si>
  <si>
    <t>ちっこいごま豆乳うどん</t>
  </si>
  <si>
    <t>サッポロ１バンミニ_ミソ</t>
  </si>
  <si>
    <t>サッポロ１バンミニ_シオ</t>
  </si>
  <si>
    <t>サッポロ一番ごま味</t>
  </si>
  <si>
    <t>ピチューヌードル</t>
  </si>
  <si>
    <t>ポケモンヌードル醤油</t>
  </si>
  <si>
    <t>ポケモンヌードルワンタンメン</t>
  </si>
  <si>
    <t>サッポロ一番しょうゆミニ</t>
  </si>
  <si>
    <t>サッポロ一番みそラーメンミニ</t>
  </si>
  <si>
    <t>サッポロ一番塩ラーメンミニ</t>
  </si>
  <si>
    <t>ごま味ラーメン_どんぶりミニ</t>
  </si>
  <si>
    <t>とんこつラーメンミニ</t>
  </si>
  <si>
    <t>ミニどんぶりちゃんぽん</t>
  </si>
  <si>
    <t>サッポロ一番しょうゆミニケース</t>
  </si>
  <si>
    <t>44ｇ×12</t>
  </si>
  <si>
    <t>サッポロ一番みそラーメンミニケース</t>
  </si>
  <si>
    <t>47g×12P</t>
  </si>
  <si>
    <t>サッポロ一番塩らーめんミニケース</t>
  </si>
  <si>
    <t>41g×12P</t>
  </si>
  <si>
    <t>ポケモンヌードルしょうゆ味ケース</t>
  </si>
  <si>
    <t>38g×12P</t>
  </si>
  <si>
    <t>ポケモンヌードルシーフード味ケース</t>
  </si>
  <si>
    <t>37g×12P</t>
  </si>
  <si>
    <t>大人のミニカップ中華そば</t>
  </si>
  <si>
    <t>ごま味ミニラーメン</t>
  </si>
  <si>
    <t>ミニどんぶりバラエティ4Pケース</t>
  </si>
  <si>
    <t>178g×6P</t>
  </si>
  <si>
    <t>サッポロ一番しょうゆ味ミニどんぶり</t>
  </si>
  <si>
    <t>サッポロ一番みそラーメンミニどんぶり</t>
  </si>
  <si>
    <t>サッポロ一番塩らーめんミニどんぶり</t>
  </si>
  <si>
    <t>サッポロ一番ごま味ラーメンミニどんぶり</t>
  </si>
  <si>
    <t>ポケモンコーンバターしょうゆ味</t>
  </si>
  <si>
    <t>サッポロ一番ポケモンじゃがバターしお味</t>
  </si>
  <si>
    <t>ポケモンヌードルトマトクリーム風ラーメン</t>
  </si>
  <si>
    <t>ポケモンヌードルオニオンコンソメ風ラーメン</t>
  </si>
  <si>
    <t>まめ激めんワンタンメン</t>
  </si>
  <si>
    <t>ワンタンシーフードスープ味ケース</t>
  </si>
  <si>
    <t>35g×12</t>
  </si>
  <si>
    <t>ミニ和歌山ラーメン</t>
  </si>
  <si>
    <t>まめ激めんワンタンメンケース</t>
  </si>
  <si>
    <t>ミニ和歌山ラーメンケース</t>
  </si>
  <si>
    <t>37g×12</t>
  </si>
  <si>
    <t>ミニまるそうめんケース</t>
  </si>
  <si>
    <t>まめしょうゆ味ラーメン　ケース</t>
  </si>
  <si>
    <t>43ｇ×12</t>
  </si>
  <si>
    <t>ミニまるコク醤油ワンタン麺</t>
  </si>
  <si>
    <t>ミニまるコク醤油ワンタン麺　ケース</t>
  </si>
  <si>
    <t>46g×12</t>
  </si>
  <si>
    <t>ミニまるコクｺｰﾝ味噌ラーメンバター</t>
  </si>
  <si>
    <t>【終売】ミニまる練り胡麻坦々麺</t>
  </si>
  <si>
    <t>ミニまる練り胡麻坦々麺　ケース</t>
  </si>
  <si>
    <t>57ｇｘ12</t>
  </si>
  <si>
    <t>C黄色いまめ博多ラーメン</t>
  </si>
  <si>
    <t>ミニマル</t>
  </si>
  <si>
    <t>まめしょうゆ味ラーメン</t>
  </si>
  <si>
    <t>43ｇ</t>
  </si>
  <si>
    <t>ハム太郎しょうゆラーメン</t>
  </si>
  <si>
    <t>ミニマルシリーズ</t>
  </si>
  <si>
    <t>ミニまる_ミニ４Ｐ</t>
  </si>
  <si>
    <t>仮面ライダー５５５ヌードル醤油</t>
  </si>
  <si>
    <t>仮面ライダー５５６ヌードルトンコツ</t>
  </si>
  <si>
    <t>ミニまるミニ４Ｐ</t>
  </si>
  <si>
    <t>仮面ライダーバラエティ３Ｐ</t>
  </si>
  <si>
    <t>仮面ライダーヌードル醤油</t>
  </si>
  <si>
    <t>ミニまるワンタン麺</t>
  </si>
  <si>
    <t>ミニまる野菜みそラーメン</t>
  </si>
  <si>
    <t>ミニまる_担々麺</t>
  </si>
  <si>
    <t>チキンプチカップ</t>
  </si>
  <si>
    <t>スパイスパクチストカレーフォースープ</t>
  </si>
  <si>
    <t>妖怪ウォッチ_しょうゆらーめん</t>
  </si>
  <si>
    <t>妖怪ウォッチ　しょうゆラーメン</t>
  </si>
  <si>
    <t>チキンラーメンミニケース</t>
  </si>
  <si>
    <t>カップヌードル味噌ミニ</t>
  </si>
  <si>
    <t>カップヌードルミニケース</t>
  </si>
  <si>
    <t>36g×15P</t>
  </si>
  <si>
    <t>カップヌードルカレーミニケース</t>
  </si>
  <si>
    <t>43g×15P</t>
  </si>
  <si>
    <t>シーフードヌードルミニケース</t>
  </si>
  <si>
    <t>35g×15P</t>
  </si>
  <si>
    <t>日清　ザヌードル_TOKYO_AFURI　柚子塩らーめんミニ</t>
  </si>
  <si>
    <t>AFURI柚子塩ミニ</t>
  </si>
  <si>
    <t>チャルメラコ－ンミニ</t>
  </si>
  <si>
    <t>チャルメラタカナラ－メン</t>
  </si>
  <si>
    <t>チャルメラちいかわラーメン醤油味ミニカップ</t>
  </si>
  <si>
    <t>チャルメラちいかわラーメン醤油味ミニカップケース</t>
  </si>
  <si>
    <t>焼そばプチUFOケース</t>
  </si>
  <si>
    <t>焼そばプチUFO</t>
  </si>
  <si>
    <t>まめカラフルパック4P</t>
  </si>
  <si>
    <t>ポケモンヌードルうどん</t>
  </si>
  <si>
    <t>赤いまめきつねうどん西ケース</t>
  </si>
  <si>
    <t>緑のまめたぬき天そば西ケース</t>
  </si>
  <si>
    <t>45g×12P</t>
  </si>
  <si>
    <t>ブタカレーミニケース</t>
  </si>
  <si>
    <t>42g×12P</t>
  </si>
  <si>
    <t>どん兵衛チゲうどんミニ</t>
  </si>
  <si>
    <t>ミニどんぶりバラエティー</t>
  </si>
  <si>
    <t>43g×4</t>
  </si>
  <si>
    <t>ミニバラエティパック４食入り</t>
  </si>
  <si>
    <t>ワンタン醤油4P</t>
  </si>
  <si>
    <t>32gX4P</t>
  </si>
  <si>
    <t>ワンタンバラエティ4P</t>
  </si>
  <si>
    <t>ワンタンバラエティパック4食</t>
  </si>
  <si>
    <t>カップワンタン醤油_12個ｾｯﾄ</t>
  </si>
  <si>
    <t>12個ｾｯﾄ</t>
  </si>
  <si>
    <t>ミニバラエティー</t>
  </si>
  <si>
    <t>ミニドンブリバラエティパック</t>
  </si>
  <si>
    <t>ミニどんぶりバラエティ</t>
  </si>
  <si>
    <t>36g×4</t>
  </si>
  <si>
    <t>わかめスープ_ワンタン</t>
  </si>
  <si>
    <t>たまごスープワンタン</t>
  </si>
  <si>
    <t>ワンタン醤油</t>
  </si>
  <si>
    <t>スープカレーワンタン</t>
  </si>
  <si>
    <t>ワンタンバラエティー</t>
  </si>
  <si>
    <t>ワンタンしょうゆ味ケース</t>
  </si>
  <si>
    <t>32g×12P</t>
  </si>
  <si>
    <t>たまごスープワンタンケース</t>
  </si>
  <si>
    <t>28g×12P</t>
  </si>
  <si>
    <t>わかめスープ_ワンタン　ケース</t>
  </si>
  <si>
    <t>25ｇｘ12</t>
  </si>
  <si>
    <t>スープカレーワンタンケース</t>
  </si>
  <si>
    <t>29g×12P</t>
  </si>
  <si>
    <t>坦々スープワンタン</t>
  </si>
  <si>
    <t>シーフードスープワンタン</t>
  </si>
  <si>
    <t>ワンタンシーフードスープ</t>
  </si>
  <si>
    <t>33g×12P</t>
  </si>
  <si>
    <t>サイドアタックワンタガリ醤油</t>
  </si>
  <si>
    <t>とんこつワンタン　カップ</t>
  </si>
  <si>
    <t>とんこつワンタン　カップ　ケース</t>
  </si>
  <si>
    <t>37ｇｘ12</t>
  </si>
  <si>
    <t>担担スープワンタン</t>
  </si>
  <si>
    <t>ワンタンとんこつケース</t>
  </si>
  <si>
    <t>マイクポップコーンバターしょうゆ　ワンタン</t>
  </si>
  <si>
    <t>マルちゃん　ワンタン　わかめスープ味　３０ｇ</t>
  </si>
  <si>
    <t>ワンタンバラエティ４Ｐ</t>
  </si>
  <si>
    <t>ワンタン坦々スープ</t>
  </si>
  <si>
    <t>ワンタン担担スープケース</t>
  </si>
  <si>
    <t>ワンタン酸辣湯</t>
  </si>
  <si>
    <t>ワンタンシーフードスープ味</t>
  </si>
  <si>
    <t>ワンタンバラエティパック4食ケース</t>
  </si>
  <si>
    <t>127g×6P</t>
  </si>
  <si>
    <t>トレーワンタン旨味しょうゆ味ケース</t>
  </si>
  <si>
    <t>55g×20P</t>
  </si>
  <si>
    <t>ワンタン鶏だし旨味しお味</t>
  </si>
  <si>
    <t>トレーワンタン鶏だし旨味しお味ケース</t>
  </si>
  <si>
    <t>春雨スープワンタンチゲ味４Ｐ</t>
  </si>
  <si>
    <t>27g×4</t>
  </si>
  <si>
    <t>トムヤム海老ワンタンスープ</t>
  </si>
  <si>
    <t>ノンフライワンタンしょうゆスープ</t>
  </si>
  <si>
    <t>ノンフライワンタンわかめスープ</t>
  </si>
  <si>
    <t>ノンフライワンタン　しょうゆ味スープ</t>
  </si>
  <si>
    <t>ノンフライワンタンチゲスープ</t>
  </si>
  <si>
    <t>ノンフライワンタン_とろみしょうゆスープ</t>
  </si>
  <si>
    <t>ノンフライワンタン_ごま香るわかめスープ</t>
  </si>
  <si>
    <t>ﾉﾝﾌﾗｲﾜﾝﾀﾝ　ゆず香るｴﾋﾞﾜﾝﾀﾝ</t>
  </si>
  <si>
    <t>ペヤング_中華スープワンタン</t>
  </si>
  <si>
    <t>ﾍﾟﾔﾝｸﾞ_ｶﾚｰﾜﾝﾀﾝ_53g</t>
  </si>
  <si>
    <t>ﾍﾟﾔﾝｸﾞ_ﾁｹﾞｽｰﾌﾟﾜﾝﾀﾝ_49g</t>
  </si>
  <si>
    <t>たて型ビッグ</t>
  </si>
  <si>
    <t>カップヌードル鶏白湯ビッグケース</t>
  </si>
  <si>
    <t>カップヌードルBIGケース</t>
  </si>
  <si>
    <t>ケース</t>
  </si>
  <si>
    <t>シーフードヌードルBIG12個セット</t>
  </si>
  <si>
    <t>狼煙豚骨魚介醤油ラーメン</t>
  </si>
  <si>
    <t>東京スタイルみそらーめんど・みそ特みそこってり</t>
  </si>
  <si>
    <t>ＭＥＧＡカツオ荒ぶる中華そば</t>
  </si>
  <si>
    <t>元祖カレーラーメン</t>
  </si>
  <si>
    <t>全国ラーメン店Ｍ　旭川編蜂屋　醤油ーメン　９４ｇ</t>
  </si>
  <si>
    <t>一度は名店の味　麺処花田濃厚辛味噌ラーメン　</t>
  </si>
  <si>
    <t>ＭＥＧＡ背脂濃厚醤油ラーメン　</t>
  </si>
  <si>
    <t>博多元気一杯監修　博多クリーミー豚骨ラーメン</t>
  </si>
  <si>
    <t>ど・みそ　こってりビリ辛みそらーめん</t>
  </si>
  <si>
    <t>らーめん空監修　辛味噌ラーメン</t>
  </si>
  <si>
    <t>ＭＥＧＡ辛　濃厚鬼辛麻婆麺</t>
  </si>
  <si>
    <t>全国ラーメン店マップ　奈良編　天理スタミナラーメン</t>
  </si>
  <si>
    <t>一度は食べたい名店の味伊吹監修の一杯中華ソバ</t>
  </si>
  <si>
    <t>じわとろあさりバター味ラーメン</t>
  </si>
  <si>
    <t>タテロングわかめラーメン辛口みそわかめたっぷり</t>
  </si>
  <si>
    <t>MEGAニボど煮干し中華そば</t>
  </si>
  <si>
    <t>リンガーハットの野菜たっぷりちゃんぽん柚子胡椒仕立</t>
  </si>
  <si>
    <t>池袋大勝軒ワンタン中華そば</t>
  </si>
  <si>
    <t>一度は食べたい名店の味ど・みそ特みそこってり</t>
  </si>
  <si>
    <t>MEGA鶏濃厚鶏そば</t>
  </si>
  <si>
    <t>博多クリーミー豚骨ラーメン</t>
  </si>
  <si>
    <t>全国ラーメン店マップすすきの編らーめん空監修</t>
  </si>
  <si>
    <t>MEGAゴマ黒胡麻担担麺</t>
  </si>
  <si>
    <t>EDGEコショウききすぎとろみ塩タンメン</t>
  </si>
  <si>
    <t>EDGEチーズかけすぎチリトマト味ラーメン</t>
  </si>
  <si>
    <t>ベビースターラーメン　カップめん　うましお味</t>
  </si>
  <si>
    <t>タテロング飲み干す一杯特まろ鶏白湯麺</t>
  </si>
  <si>
    <t>名店の味PREMIUM狼煙豚骨魚介醤油ラーメンケース</t>
  </si>
  <si>
    <t>タテロング飲み干す一杯特まろ鶏白湯麺ケース</t>
  </si>
  <si>
    <t>８７Ｇ</t>
  </si>
  <si>
    <t>ﾘﾝｶﾞｰﾊｯﾄの味噌ちゃんぽん</t>
  </si>
  <si>
    <t>渾身の逸品特製中華そば大盛り</t>
  </si>
  <si>
    <t>CoCo壱番屋カレー専門店のラーメン</t>
  </si>
  <si>
    <t>魁龍_タテビッグ</t>
  </si>
  <si>
    <t>KINGCUP_担々麺</t>
  </si>
  <si>
    <t>KINGCUP_中華そば</t>
  </si>
  <si>
    <t>ＫＩＮＧ_ちゃんぽん</t>
  </si>
  <si>
    <t>サッポロ一番　ピリ辛塩ラーメン　タテビッグ</t>
  </si>
  <si>
    <t>ＫＩＮＧ　ＣＵＰ　とろみが決め手広東麺</t>
  </si>
  <si>
    <t>ＫＩＮＧ　ＣＵＰ　シビレと辛さが決め手担々麺</t>
  </si>
  <si>
    <t>サッポロ一番　チーズみそラーメン　タテビッグ</t>
  </si>
  <si>
    <t>サッポロ一番　バター香味塩らーめん　タテビッグ</t>
  </si>
  <si>
    <t>ＫＩＮＧ　ＣＵＰ　濃厚辛味噌</t>
  </si>
  <si>
    <t>ＫＩＮＧ　ＣＵＰ　紅辛ちゃんぽん</t>
  </si>
  <si>
    <t>ＫＩＮＧ　ＣＵＰレッドチリヌードル</t>
  </si>
  <si>
    <t>ＫＩＮＧＣＵＰ香味塩そば</t>
  </si>
  <si>
    <t>ＫＩＮＧＣＵＰ酸辣湯麺</t>
  </si>
  <si>
    <t>薫る焦がしガーリックビック</t>
  </si>
  <si>
    <t>ポテマニア</t>
  </si>
  <si>
    <t>くじら軒塩ラーメン</t>
  </si>
  <si>
    <t>塩拉麺Bﾚｼﾋﾟ帆立ﾊﾞﾀ縦B</t>
  </si>
  <si>
    <t>塩らーめんじゃがいもチーズ</t>
  </si>
  <si>
    <t>札幌炎神監修　剛火炙り風味味噌ラーメン</t>
  </si>
  <si>
    <t>らーめん改監修極貝だし塩らーめん</t>
  </si>
  <si>
    <t>鬼紅濃厚激辛味噌</t>
  </si>
  <si>
    <t>麺屋翔監修香彩鶏だし塩らーめん</t>
  </si>
  <si>
    <t>麺屋翔監修香彩鶏だし塩らーめんケース</t>
  </si>
  <si>
    <t>92g×12個入</t>
  </si>
  <si>
    <t>元祖ニュータンタンメン本舗メチャ辛</t>
  </si>
  <si>
    <t>マメさん監修函館塩ラーメン</t>
  </si>
  <si>
    <t>元祖ニュータンタンメン本舗監修タンタンメン</t>
  </si>
  <si>
    <t>みそラーメン旨辛激辛チゲ風縦</t>
  </si>
  <si>
    <t>麺屋さくら井監修地鶏醤油味らぁ麺GOLD</t>
  </si>
  <si>
    <t>スパイシーブラック醤油タテビッグ</t>
  </si>
  <si>
    <t>博多純情らーめんShinShin炊き出し豚骨らーめんタテビッグ</t>
  </si>
  <si>
    <t>日高屋監修チゲ味噌ラーメンタテビッグ</t>
  </si>
  <si>
    <t>カップスタースンドゥブチゲビッグ</t>
  </si>
  <si>
    <t>元祖ニュータンタンメン本舗監修鬼辛</t>
  </si>
  <si>
    <t>坂内食堂喜多方本店監修中華そば</t>
  </si>
  <si>
    <t>元祖ニュータンタンメン本舗タンタンメンタテビッグ</t>
  </si>
  <si>
    <t>思案橋ラーメン監修バクダンちゃんぽん風</t>
  </si>
  <si>
    <t>サッポロ一番地獄の担担麺天竜本店監修濃厚激辛担担麺</t>
  </si>
  <si>
    <t>本気盛　ブラック黒醤油</t>
  </si>
  <si>
    <t>本気盛　がっつり豚骨醤油</t>
  </si>
  <si>
    <t>ハリガネ　長浜風とんこつ</t>
  </si>
  <si>
    <t>縦型ビッグ麺家うえだ焦がし風</t>
  </si>
  <si>
    <t>ﾄｳﾖｳｽｲｱﾝ</t>
  </si>
  <si>
    <t>ハリガネ辛ダレネギとんこつ味</t>
  </si>
  <si>
    <t>本気盛　辛コクねぎ味噌</t>
  </si>
  <si>
    <t>縦型ビッグ　ラーメン凪　すごい煮干ラーメン</t>
  </si>
  <si>
    <t>本気盛　海鮮チゲ味</t>
  </si>
  <si>
    <t>本気盛　味噌バター味コーン</t>
  </si>
  <si>
    <t>本気盛　合わせ味噌ど豚骨</t>
  </si>
  <si>
    <t>ハリガネ高菜明太味とんこつ</t>
  </si>
  <si>
    <t>ﾄｳﾖｳｽｻﾝ</t>
  </si>
  <si>
    <t>縦ビック麺屋極鶏　鶏だく</t>
  </si>
  <si>
    <t>本気盛　背脂醤油チャーシュー麺</t>
  </si>
  <si>
    <t>本気盛　煮干香る生姜醤油</t>
  </si>
  <si>
    <t>ＢＩＧ　やみつき屋豚骨醤油</t>
  </si>
  <si>
    <t>本気盛　キムチ豚骨</t>
  </si>
  <si>
    <t>飯田商店醤油ラーメン　縦ビッグ</t>
  </si>
  <si>
    <t>沖縄そばタテＢＩＧ</t>
  </si>
  <si>
    <t>1pk</t>
  </si>
  <si>
    <t>ハリガネ　ネギトン</t>
  </si>
  <si>
    <t>本気盛　背脂みそ</t>
  </si>
  <si>
    <t>本気盛海鮮チゲ味</t>
  </si>
  <si>
    <t>ハリガネスパイシー豚骨</t>
  </si>
  <si>
    <t>田中商店旨辛濃厚豚骨</t>
  </si>
  <si>
    <t>本気盛濃厚豚骨魚介</t>
  </si>
  <si>
    <t>本気盛_豚味噌ｶﾚｰ</t>
  </si>
  <si>
    <t>本気盛　辛コク醤油</t>
  </si>
  <si>
    <t>飯田商店　醤油ラーメン</t>
  </si>
  <si>
    <t>やみつき屋　辛味噌キムチ</t>
  </si>
  <si>
    <t>89G</t>
  </si>
  <si>
    <t>中華そばしば田煮干しそば</t>
  </si>
  <si>
    <t>マルちゃん　煮干ラーメン　凪　すごい煮干ラーメン</t>
  </si>
  <si>
    <t>マルちゃん_謹製山椒香る塩そば_89g</t>
  </si>
  <si>
    <t>麺屋福一鶏白湯塩ラーメン</t>
  </si>
  <si>
    <t>海鳴魚介とんこつ</t>
  </si>
  <si>
    <t>うまいヨゆうちゃんラーメンどっ豚骨ラーメン</t>
  </si>
  <si>
    <t>ハリガネ　ねぎだく豚骨</t>
  </si>
  <si>
    <t>本気盛貝ダシ醤油味</t>
  </si>
  <si>
    <t>本気盛濃ニボ</t>
  </si>
  <si>
    <t>マルちゃん　謹製　白湯あえそば　１２０ｇ</t>
  </si>
  <si>
    <t>本気盛背脂とんこつｶｯﾌﾟ</t>
  </si>
  <si>
    <t>大島×三ん寅汁なし味噌ラーメン</t>
  </si>
  <si>
    <t>きら星×ゆうちゃん鬼旨スタミナ豚骨</t>
  </si>
  <si>
    <t>マルちゃんバター風チキンカレーうどん</t>
  </si>
  <si>
    <t>縦型ビッグ沼るニンニク熊本風とんこつラーメン</t>
  </si>
  <si>
    <t>沼るニンニク熊本風とんこつラーメンケース</t>
  </si>
  <si>
    <t>縦型ビッグ沼るニボシ青森風煮干し醤油ラーメン</t>
  </si>
  <si>
    <t>沼るニボシ青森風煮干し醤油ラーメンケース</t>
  </si>
  <si>
    <t>でかまる濃厚えび味噌味ラーメン</t>
  </si>
  <si>
    <t>MAIKAGURA監修鶏白湯ラーメン</t>
  </si>
  <si>
    <t>マジ盛クレイジー豚骨</t>
  </si>
  <si>
    <t>カップヌードルBIG</t>
  </si>
  <si>
    <t>カレーヌードルBIG</t>
  </si>
  <si>
    <t>シーフードヌードルBIG</t>
  </si>
  <si>
    <t>カップヌードルＢＩＧ豚カルビ</t>
  </si>
  <si>
    <t>カップヌードルイタリアンビック</t>
  </si>
  <si>
    <t>カップヌードルチゲビック</t>
  </si>
  <si>
    <t>カップヌードルチリトマトビッグ</t>
  </si>
  <si>
    <t>カップヌ－ドル沖縄風ビッグ</t>
  </si>
  <si>
    <t>カップヌードルフレンチシーフードビッグ</t>
  </si>
  <si>
    <t>カップヌードル_シーフードキング</t>
  </si>
  <si>
    <t>カップヌードルカルビスト_ビッグ</t>
  </si>
  <si>
    <t>カップヌードル_キング</t>
  </si>
  <si>
    <t>カップヌードルガーリックカルビビッグ</t>
  </si>
  <si>
    <t>カップヌードル鶏しおオニオンヌードル　ビッグ</t>
  </si>
  <si>
    <t>カップシーフードクラムチャウダーＢＩＧ</t>
  </si>
  <si>
    <t>ＭＩＬＫチキンラーメンビッグカップ</t>
  </si>
  <si>
    <t>日清　出前ビッグ肉大盛りごまラー油　９８ｇ</t>
  </si>
  <si>
    <t>イカ墨ブラックシーフードビッグ</t>
  </si>
  <si>
    <t>日清カップヌードルチリトマトヌードルビッグ</t>
  </si>
  <si>
    <t>チキンビッグから揚げ</t>
  </si>
  <si>
    <t>カップヌードルエッグカレービッグ</t>
  </si>
  <si>
    <t>カップヌードル　キムたま　ビッグ</t>
  </si>
  <si>
    <t>カップヌードルBIG　三代目謎肉祭</t>
  </si>
  <si>
    <t>ＢＩＧメープルスモークベーコン味　</t>
  </si>
  <si>
    <t>カップヌードルラザニア風チーズミートＢＩＧ</t>
  </si>
  <si>
    <t>カップヌードル　激辛味噌　ビッグ</t>
  </si>
  <si>
    <t>１０８g</t>
  </si>
  <si>
    <t>チキンラーメンビッグカップ　薫たまベーコンエッグ</t>
  </si>
  <si>
    <t>カップヌードル_メキシカンタコス_ビッグ</t>
  </si>
  <si>
    <t>カップヌードル　トムヤムシーフード味　ビッグ</t>
  </si>
  <si>
    <t>日清カップヌードルビッグ謎肉祭</t>
  </si>
  <si>
    <t>日清カップヌードル濃厚カニクリーム味ビッグ</t>
  </si>
  <si>
    <t>カップヌードルマッサマンカレービッグ</t>
  </si>
  <si>
    <t>カップヌードル激辛味噌ビッグ</t>
  </si>
  <si>
    <t>アフリ激辛柚子塩</t>
  </si>
  <si>
    <t>カップヌードル海苔うまシーフードBIG</t>
  </si>
  <si>
    <t>カップヌードル濃厚豚骨ビッグ</t>
  </si>
  <si>
    <t>カップヌードルスタミナ醤油BIG</t>
  </si>
  <si>
    <t>カップヌードル魚介仕立てのペペロンチーノケース</t>
  </si>
  <si>
    <t>松屋シュクメルリヌードル</t>
  </si>
  <si>
    <t>カップヌードルシビれる花椒の火鍋ヌードル</t>
  </si>
  <si>
    <t>カップヌードルカラアゲレモンビッグ</t>
  </si>
  <si>
    <t>アフリ激辛柚子辛紅</t>
  </si>
  <si>
    <t>カップヌードルガーリックチーズフォンデュ</t>
  </si>
  <si>
    <t>カップヌードル氷見カレービッグ</t>
  </si>
  <si>
    <t>カップヌードル海鮮キムチゲビッグ</t>
  </si>
  <si>
    <t>CN牛骨コムタンビッグ</t>
  </si>
  <si>
    <t>カップヌードルチリチリチリトマト</t>
  </si>
  <si>
    <t>カップヌードルチーズバターカレー</t>
  </si>
  <si>
    <t>カップヌードルビビンバ</t>
  </si>
  <si>
    <t>カップヌードル生姜焼きビッグ</t>
  </si>
  <si>
    <t>カップヌードルBBQスペアリブビッグ</t>
  </si>
  <si>
    <t>カップヌードル餃子ビッグ</t>
  </si>
  <si>
    <t>カップヌードルクリーミー豚骨シーフードビッグ</t>
  </si>
  <si>
    <t>カップヌードル豚カルビカレービッグ</t>
  </si>
  <si>
    <t>CNユッケジャンBIG</t>
  </si>
  <si>
    <t>カップヌードルバターコーンシーフードビッグ</t>
  </si>
  <si>
    <t>カップヌードル熱帯シーフードビッグ</t>
  </si>
  <si>
    <t>カップヌードル担担ビッグ</t>
  </si>
  <si>
    <t>カップヌードル味噌キムチビッグ</t>
  </si>
  <si>
    <t>カップヌードル明太クリーミーシーフードビッグ</t>
  </si>
  <si>
    <t>日清チキンラーメンビッグカップごま油香るねぎ塩チキン味</t>
  </si>
  <si>
    <t>カップヌードル明太クリーミーシーフードビッグケース</t>
  </si>
  <si>
    <t>カップヌードル酸辣湯ビッグ</t>
  </si>
  <si>
    <t>カップヌードル酸辣湯ビッグケース</t>
  </si>
  <si>
    <t>カップヌードル担担ビッグケース</t>
  </si>
  <si>
    <t>カップヌードルたまごまみれビッグケース</t>
  </si>
  <si>
    <t>1236g</t>
  </si>
  <si>
    <t>カップヌードルパクチー香るトムヤムクンビッグケース</t>
  </si>
  <si>
    <t>カップヌードルパクチー香るトムヤムクンビッグ</t>
  </si>
  <si>
    <t>縦ビックよしもとカレーラーメン</t>
  </si>
  <si>
    <t>長浜ラーメン力監修豚骨ラーメン</t>
  </si>
  <si>
    <t>濃厚貝だし醤油とんこつ</t>
  </si>
  <si>
    <t>明星ふじ屋NOODLE味噌ﾗｰﾒﾝ</t>
  </si>
  <si>
    <t>ぶぶかﾆﾝﾆｸ豚骨しょうゆ拉麺</t>
  </si>
  <si>
    <t>中華三昧_赤坂栄林酸辣湯麺　タテ型Ｂ_99g</t>
  </si>
  <si>
    <t>ラーメンぴあ　釈迦監修スパイスらぁめん天空</t>
  </si>
  <si>
    <t>狼スープ　濃厚味噌らーめん</t>
  </si>
  <si>
    <t>極のチャルメラ　博多バリカタ　ピリ辛高菜とんこつ</t>
  </si>
  <si>
    <t>中華三昧赤坂酸辣湯麺</t>
  </si>
  <si>
    <t>札幌ラーメン信玄コクみそ味</t>
  </si>
  <si>
    <t>麺神濃香塩豚骨</t>
  </si>
  <si>
    <t>博多バリカタ高菜豚骨まぜそば</t>
  </si>
  <si>
    <t>麺神極旨塩豚骨</t>
  </si>
  <si>
    <t>中華三昧スーツァンレストラン陳よだれ鶏麺</t>
  </si>
  <si>
    <t>中華三昧スーツァンレストラン陳よだれ鶏麺ケース</t>
  </si>
  <si>
    <t>札幌らーめん信玄コクみそ味</t>
  </si>
  <si>
    <t>麺神カップ宮崎辛麺濃香激辛醤油</t>
  </si>
  <si>
    <t>麺神カップ濃香豚骨</t>
  </si>
  <si>
    <t>辛麺屋輪監修トマト宮崎辛麺</t>
  </si>
  <si>
    <t>大砲ラーメン呼び戻し風とんこつ味</t>
  </si>
  <si>
    <t>濃いぜ一平ちゃんBIGからあげ醤油ラーメンケース</t>
  </si>
  <si>
    <t>濃いぜ一平ちゃんBIG肉野菜みそラーメンケース</t>
  </si>
  <si>
    <t>麺神濃香鶏白湯カップ</t>
  </si>
  <si>
    <t>麺神濃香宮崎辛麺カップ</t>
  </si>
  <si>
    <t>麺神濃香カレーうどん</t>
  </si>
  <si>
    <t>おうち千里眼にんにく豚骨醤油ラーメン</t>
  </si>
  <si>
    <t>辛ラーメンビックカップ</t>
  </si>
  <si>
    <t>ｲﾜｼﾝ</t>
  </si>
  <si>
    <t>参鶏湯ラーメンBIG</t>
  </si>
  <si>
    <t>クアトロチーズブルダック炒め麺BIGCUP</t>
  </si>
  <si>
    <t>一度は食べたい名店の味ミニぜんやホタテだし塩ラーメン</t>
  </si>
  <si>
    <t>一度は食べたい名店の味麺尊RAGE軍鶏だし中華そば</t>
  </si>
  <si>
    <t>タテロングわかめラーメン辛口みそ</t>
  </si>
  <si>
    <t>ぶっとメン濃辛タンメン大盛り</t>
  </si>
  <si>
    <t>ぶっとメン濃辛タンメン大盛りケース</t>
  </si>
  <si>
    <t>奥芝商店監修海老だしスープカレー味ラーメン</t>
  </si>
  <si>
    <t>中国菜老四川飄香監修四川風麻婆麺</t>
  </si>
  <si>
    <t>野郎ラーメンニンニクマシマシ野郎</t>
  </si>
  <si>
    <t>麺家獅子丸監修魚介鶏白湯らぁめん</t>
  </si>
  <si>
    <t>みそラーメン菰田欣也監修四川火鍋風タテビッグ</t>
  </si>
  <si>
    <t>大和イチロウおすすめマヨラーメンとんこつマヨネーズ味</t>
  </si>
  <si>
    <t>ご当地熱愛麺坂内食堂喜多方本店監修中華そばタテビッグ</t>
  </si>
  <si>
    <t>縦型ビッグ塩ラーメン</t>
  </si>
  <si>
    <t>マジ盛_帆立香る_鶏塩らぁ麺103g</t>
  </si>
  <si>
    <t>日清GｏｏＴａ　厚切角煮麺</t>
  </si>
  <si>
    <t>チキンビッグやきとり</t>
  </si>
  <si>
    <t>超無敵クラスロゼクリームヌードル</t>
  </si>
  <si>
    <t>日清チキンラーメンビッグカップレモンペッパーチキン味</t>
  </si>
  <si>
    <t>中華三昧栄林トマト酸辣湯</t>
  </si>
  <si>
    <t>大砲ラーメン醤油とんこつ</t>
  </si>
  <si>
    <t>札幌らーめん信玄監修コクみそ味</t>
  </si>
  <si>
    <t>濃いぜ一平ちゃんBIGからあげ醤油ラーメン</t>
  </si>
  <si>
    <t>濃いぜ一平ちゃんBIG肉野菜みそラーメン</t>
  </si>
  <si>
    <t>魚介だしと野菜海老味噌ラーメン</t>
  </si>
  <si>
    <t>鶏油と葱が香る鴨だし中華そば</t>
  </si>
  <si>
    <t>汁なしベビースターラーメン　チキン味</t>
  </si>
  <si>
    <t>四つ葉　地鶏だし醤油ラーメン</t>
  </si>
  <si>
    <t>EDGE×わかめごまごまごま・しょうゆごま4倍</t>
  </si>
  <si>
    <t>EDGE×わかめごまごまごま・しおごま4倍</t>
  </si>
  <si>
    <t>ストライク軒</t>
  </si>
  <si>
    <t>八雲監修の一杯　ワンタン麺白醤油味</t>
  </si>
  <si>
    <t>タテロングわかめラーメンあさりだし・しお</t>
  </si>
  <si>
    <t>ベビースターラーメンチキン味</t>
  </si>
  <si>
    <t>ベビースターラーメンピリ辛チキン味</t>
  </si>
  <si>
    <t>ラーメン暖暮辛ダレ豚骨濃口</t>
  </si>
  <si>
    <t>リンガーハットのピリカラちゃんぽん　辛さ２倍</t>
  </si>
  <si>
    <t>麺屋翔監修　香彩鶏だし塩ラーメン</t>
  </si>
  <si>
    <t>THE町中華一寸亭監修もやしそば</t>
  </si>
  <si>
    <t>しょうゆ味スパイス3倍ウルトラマン</t>
  </si>
  <si>
    <t>本気盛_ニラ坦々麺</t>
  </si>
  <si>
    <t>ハリガネ　濃いめとんこつ味</t>
  </si>
  <si>
    <t>本気盛　辛赤ねぎ豚骨</t>
  </si>
  <si>
    <t>四季物語　春　喜多方系醤油らーめん</t>
  </si>
  <si>
    <t>四季物語　春　博多系豚骨らーめん</t>
  </si>
  <si>
    <t>大島　味噌ラーメン</t>
  </si>
  <si>
    <t>ゴーゴーカレーカレーヌードル辛口</t>
  </si>
  <si>
    <t>彩未×田中商店濃厚辛味噌豚骨</t>
  </si>
  <si>
    <t>マジ盛_ど豚骨醤油</t>
  </si>
  <si>
    <t>やみつき屋旨辛スタミナ中華</t>
  </si>
  <si>
    <t>マジ盛黒マー油旨豚みそ</t>
  </si>
  <si>
    <t>マジ盛ど豚骨味噌</t>
  </si>
  <si>
    <t>ハリガネやみつき旨辛ガーリック豚骨</t>
  </si>
  <si>
    <t>らーめん五丈原旨辛塩とんこつ</t>
  </si>
  <si>
    <t>チキンラーメンビッグカップ　かに玉風</t>
  </si>
  <si>
    <t>チキンビッグチキフェス</t>
  </si>
  <si>
    <t>冬限定柚子塩らーめん　まろ味</t>
  </si>
  <si>
    <t>篝　鶏白湯トリュフ</t>
  </si>
  <si>
    <t>明星食品　御殿山監修　琉球古来そば　80ｇ</t>
  </si>
  <si>
    <t>中華三昧栄林トマト酸辣湯麺</t>
  </si>
  <si>
    <t>辛ラーメンキムチ　ビック</t>
  </si>
  <si>
    <t>プデチゲラーメンビッグカップ</t>
  </si>
  <si>
    <t>辛ラーメン　激辛ビッグカップ</t>
  </si>
  <si>
    <t>ﾌｼﾞｯｺ純とろとろろ昆布うどん</t>
  </si>
  <si>
    <t>カレー専門店が挑む一杯SPICYCURRY魯珈</t>
  </si>
  <si>
    <t>あばれ節うどん</t>
  </si>
  <si>
    <t>キムチうどん</t>
  </si>
  <si>
    <t>マルちゃん　縦型ビック　あつあつ豚汁うどん</t>
  </si>
  <si>
    <t>たらこバタークリームうどん</t>
  </si>
  <si>
    <t>縦型ビッグ濃厚煮干しうどん</t>
  </si>
  <si>
    <t>縦型ビッグ伊吹いりこだし讃岐風うどん</t>
  </si>
  <si>
    <t>どん兵衛豚ニンニク醤油</t>
  </si>
  <si>
    <t>濃いぜ一平ちゃんBIG豚たまごうどんケース</t>
  </si>
  <si>
    <t>麺神カップ　濃香味噌煮込みうどん</t>
  </si>
  <si>
    <t>千とせ肉うどん</t>
  </si>
  <si>
    <t>濃いぜ一平ちゃんBIG豚たまごうどん</t>
  </si>
  <si>
    <t>濃いぜ一平ちゃんBIG豚肉うどん</t>
  </si>
  <si>
    <t>道頓堀今井監修　きつねうどん</t>
  </si>
  <si>
    <t>ﾌｼﾞｯｺ純とろとろろ昆布そば</t>
  </si>
  <si>
    <t>ＴＨＥ和すだちを利かせたおろしそば</t>
  </si>
  <si>
    <t>ＴＨＥ和　とろとろあんかけ玉子とじそば</t>
  </si>
  <si>
    <t>タテロング厚切太麺濃いつゆラー油肉そば</t>
  </si>
  <si>
    <t>ソバヂカラ濃いつゆラー油肉そば</t>
  </si>
  <si>
    <t>タテロングTHE和山椒香るカレー肉そば</t>
  </si>
  <si>
    <t>タテロングTHE和山椒香るカレー肉そばケース</t>
  </si>
  <si>
    <t>馳走麺_狸穴監修_ラー油肉蕎麦</t>
  </si>
  <si>
    <t>濃いぜ一平ちゃんBIG豚ねぎそばケース</t>
  </si>
  <si>
    <t>虎ノ門港屋ラー油蕎麦</t>
  </si>
  <si>
    <t>濃いぜ一平ちゃんBIG豚ねぎそば</t>
  </si>
  <si>
    <t>濃いぜ一平ちゃんBIG小海老天そば</t>
  </si>
  <si>
    <t>タテロング　ＴＨＥ和　柚子七味香る　鴨だし南蛮そば</t>
  </si>
  <si>
    <t>THE和　わさびを利かせたおろし風そば</t>
  </si>
  <si>
    <t>タテロング　厚切太麺　濃いつゆラー油肉そば</t>
  </si>
  <si>
    <t>おだしを利かせたなめこおろし風そば</t>
  </si>
  <si>
    <t>神田まつや　鶏南ばんそば</t>
  </si>
  <si>
    <t>馳走麺　狸穴監修　シビ辛ラー油肉蕎麦</t>
  </si>
  <si>
    <t>和風大盛</t>
  </si>
  <si>
    <t>赤いきつねうどんでか盛東</t>
  </si>
  <si>
    <t>バリうまごぼ天うどんでか盛</t>
  </si>
  <si>
    <t>赤いきつねうどんでか盛</t>
  </si>
  <si>
    <t>あじわい豚汁うどんでか盛り</t>
  </si>
  <si>
    <t>赤いきつねうどんでか盛り</t>
  </si>
  <si>
    <t>どん兵衛特盛きつねうどん</t>
  </si>
  <si>
    <t>日清どん兵衛特盛かき揚げ天ぷらうどん</t>
  </si>
  <si>
    <t>どん兵衛特盛ラーメンスープきつねうどん</t>
  </si>
  <si>
    <t>日清のどん兵衛特盛重ね貝だし鶏塩うどん</t>
  </si>
  <si>
    <t>幸楽苑ペタマックス味噌野菜うどん</t>
  </si>
  <si>
    <t>凄麺肉汁うどんの逸品</t>
  </si>
  <si>
    <t>ビックたぬきうどん</t>
  </si>
  <si>
    <t>ビックカレーうどん</t>
  </si>
  <si>
    <t>冬のスーパーちゃんこ風うどん</t>
  </si>
  <si>
    <t>スーパーカップ１．５倍　担担うどん</t>
  </si>
  <si>
    <t>エース冬ＳＣカレー南蛮うどん</t>
  </si>
  <si>
    <t>冬のスーパーＣとん汁うどん</t>
  </si>
  <si>
    <t>冬のスーパーカップ_豚バラとん汁うどん</t>
  </si>
  <si>
    <t>スーパーカップカレー南蛮うど</t>
  </si>
  <si>
    <t>冬のスーパーカップ_鶏炊うどん</t>
  </si>
  <si>
    <t>スーパーカップ１．５倍　冬盛り　牛すき焼き風うどん</t>
  </si>
  <si>
    <t>スーパーカップ1丸鶏だしうどん</t>
  </si>
  <si>
    <t>ＣｏＣｏ壱番屋監修　甘口派に捧げる　とろ甘カレーうどん</t>
  </si>
  <si>
    <t>渾身の逸品特製肉だしうどん大盛り</t>
  </si>
  <si>
    <t>バリうまごぼ天肉うどんでか盛</t>
  </si>
  <si>
    <t>赤いきつねうどん45周年記念商品東</t>
  </si>
  <si>
    <t>赤いきつねうどん45周年記念商品西</t>
  </si>
  <si>
    <t>142g×12P</t>
  </si>
  <si>
    <t>131g×12P</t>
  </si>
  <si>
    <t>デカうまきつねうどん</t>
  </si>
  <si>
    <t>蕎麦打製麺所　大盛　揚玉そば　ケース</t>
  </si>
  <si>
    <t>旨だし屋きつねうどん大盛東</t>
  </si>
  <si>
    <t>旨だし屋きつねうどん大盛東ケース</t>
  </si>
  <si>
    <t>旨だし屋きつねうどん大盛西</t>
  </si>
  <si>
    <t>旨だし屋きつねうどん大盛西ケース</t>
  </si>
  <si>
    <t>旨だし屋天ぷらそば大盛東向け</t>
  </si>
  <si>
    <t>旨だし屋天ぷらそば大盛東ケース</t>
  </si>
  <si>
    <t>ペタマックスきつねうどん</t>
  </si>
  <si>
    <t>578g</t>
  </si>
  <si>
    <t>ペヤングペタマックスきつねうどんケース</t>
  </si>
  <si>
    <t>578g×4</t>
  </si>
  <si>
    <t>ニュータッチ　大盛　大阪かすうどん　１２８ｇ</t>
  </si>
  <si>
    <t>大盛大阪かすうどん</t>
  </si>
  <si>
    <t>冬季限定スーパーカップカレーうどん</t>
  </si>
  <si>
    <t>京のおいしいもん　カレーうどん大盛り</t>
  </si>
  <si>
    <t>ごつ盛り　合わせ味噌うどん</t>
  </si>
  <si>
    <t>あつあつ豚汁うどんでか盛</t>
  </si>
  <si>
    <t>讃岐風天ぷらうどんでか盛</t>
  </si>
  <si>
    <t>ごつ盛りきつねうどん</t>
  </si>
  <si>
    <t>ごつ盛りきつねうどんケース</t>
  </si>
  <si>
    <t>デカうま　きつねうどん</t>
  </si>
  <si>
    <t>日清デカうまきつねうどん</t>
  </si>
  <si>
    <t>大盛うま辛チゲうどん</t>
  </si>
  <si>
    <t>蕎麦打製麺所大盛揚げ玉そば</t>
  </si>
  <si>
    <t>大盛揚玉そば</t>
  </si>
  <si>
    <t>旨だし屋　きつねうどん　大盛（東向け）</t>
  </si>
  <si>
    <t>旨だし屋きつねうどん　大盛り（西向け）</t>
  </si>
  <si>
    <t>旨だし屋　天ぷらそば　大盛（東向け）</t>
  </si>
  <si>
    <t>旨だし屋天ぷらそば　大盛り（西向け）</t>
  </si>
  <si>
    <t>旨だし屋汁なしうどん七味仕立て大盛</t>
  </si>
  <si>
    <t>ビッグたぬきうどん</t>
  </si>
  <si>
    <t>ビッグカレーうどん</t>
  </si>
  <si>
    <t>緑のたぬき天そばでか盛東</t>
  </si>
  <si>
    <t>緑のたぬき天そばでか盛</t>
  </si>
  <si>
    <t>緑のたぬき天そばでか盛り</t>
  </si>
  <si>
    <t>どん兵衛特盛天ぷらそば</t>
  </si>
  <si>
    <t>凄麺鴨だしそばの逸品</t>
  </si>
  <si>
    <t>どん兵衛特盛ラーメンスープ天ぷらそば</t>
  </si>
  <si>
    <t>ごつ盛り天ぷらそば</t>
  </si>
  <si>
    <t>ごつ盛り天ぷらそばケース</t>
  </si>
  <si>
    <t>和風ミニカップ</t>
  </si>
  <si>
    <t>お椀で食べるどん兵衛</t>
  </si>
  <si>
    <t>かるしお減塩鶏かき玉うどん</t>
  </si>
  <si>
    <t>かるしお認定減塩鶏南蛮そば</t>
  </si>
  <si>
    <t>寿がきや小さなおうどん梅じそ</t>
  </si>
  <si>
    <t>赤いまめきつねうどん</t>
  </si>
  <si>
    <t>赤いまめきつねうどんケース</t>
  </si>
  <si>
    <t>どん兵衛きつねうどんミニケース</t>
  </si>
  <si>
    <t>どん兵衛きつねうどんミニ</t>
  </si>
  <si>
    <t>どん兵衛肉うどんミニ</t>
  </si>
  <si>
    <t>山樹氷</t>
  </si>
  <si>
    <t>だしの旨みで減塩　鶏炊きうどん</t>
  </si>
  <si>
    <t>だしの旨みで減塩　小海老天そば</t>
  </si>
  <si>
    <t>だしの旨みで減塩_小海老天そば</t>
  </si>
  <si>
    <t>だしの旨みで減塩_鶏炊きうどん</t>
  </si>
  <si>
    <t>寿がきや小さなうどんお吸い物</t>
  </si>
  <si>
    <t>寿がきや小さなおうどんわかめ</t>
  </si>
  <si>
    <t>小さなおうどんわかめ</t>
  </si>
  <si>
    <t>小さなおうどんお吸い物</t>
  </si>
  <si>
    <t>ちいさなおうどん　お吸い物</t>
  </si>
  <si>
    <t>ちいさなおうどん　とろろ昆布</t>
  </si>
  <si>
    <t>五木食品　ちっこいカレーうどん　１１７ｇ</t>
  </si>
  <si>
    <t>１１７g</t>
  </si>
  <si>
    <t>大人のミニカップ　国産ぶなしめじが入った　きのこうどん</t>
  </si>
  <si>
    <t>大人のミニカップ鶏南ばんそば</t>
  </si>
  <si>
    <t>ブタカレーミニ</t>
  </si>
  <si>
    <t>まめごぼ天うどん</t>
  </si>
  <si>
    <t>まめごぼ天うどんケース</t>
  </si>
  <si>
    <t>40g×12P</t>
  </si>
  <si>
    <t>おそば屋さんのまめ鴨だしそば</t>
  </si>
  <si>
    <t>おそば屋さんのまめ鴨だしそば　ケース</t>
  </si>
  <si>
    <t>48g×12</t>
  </si>
  <si>
    <t>ハム太郎ヌードル_うどん</t>
  </si>
  <si>
    <t>仮面ライダーヌードルうどん</t>
  </si>
  <si>
    <t>あつあつまめ豚汁うどん</t>
  </si>
  <si>
    <t>どん兵衛鴨だしそばミニ</t>
  </si>
  <si>
    <t>どん兵衛鴨だしそばミニケース</t>
  </si>
  <si>
    <t>47g×12</t>
  </si>
  <si>
    <t>どん兵衛天そばミニケース</t>
  </si>
  <si>
    <t>どん兵衛肉うどんミニケース</t>
  </si>
  <si>
    <t>手緒里庵山菜きのこそば</t>
  </si>
  <si>
    <t>緑のまめたぬきそば</t>
  </si>
  <si>
    <t>緑のまめたぬき天そばケース</t>
  </si>
  <si>
    <t>どん兵衛天そばミニ</t>
  </si>
  <si>
    <t>どんべい_ちいさいズ</t>
  </si>
  <si>
    <t>手緒里庵あっさり仕立のそうめん</t>
  </si>
  <si>
    <t>手緒里庵梅しそそうめん</t>
  </si>
  <si>
    <t>ミニまるそうめん</t>
  </si>
  <si>
    <t>どん兵衛温つゆおそうめんケース</t>
  </si>
  <si>
    <t>36g×12P</t>
  </si>
  <si>
    <t>手緒里庵あっさりそうめん</t>
  </si>
  <si>
    <t>ヤマダイ_手緒里庵_松茸そうめん</t>
  </si>
  <si>
    <t>手織里庵とろろ昆布のそうめん</t>
  </si>
  <si>
    <t>生めんタイプ</t>
  </si>
  <si>
    <t>マグヌードル4食入</t>
  </si>
  <si>
    <t>24g×4P</t>
  </si>
  <si>
    <t>カップヌードルリフィル</t>
  </si>
  <si>
    <t>シーフードヌードルリフィル</t>
  </si>
  <si>
    <t>贅沢鍋焼焼あごだしうどん</t>
  </si>
  <si>
    <t>贅沢鍋焼ごま豆乳担担うどん</t>
  </si>
  <si>
    <t>ごんぶと　特濃カレーうどん</t>
  </si>
  <si>
    <t>ごんぶと　贅沢肉うどん</t>
  </si>
  <si>
    <t>ちっこいうどん松茸風味</t>
  </si>
  <si>
    <t>ごんぶと牛肉うどん</t>
  </si>
  <si>
    <t>ごんぶと_きつねうどん</t>
  </si>
  <si>
    <t>ごんぶと_カレーうどん</t>
  </si>
  <si>
    <t>日清のごんぶと肉うどん</t>
  </si>
  <si>
    <t>ごんぶと_天ぷらうどん</t>
  </si>
  <si>
    <t>ごんぶと_肉うどん</t>
  </si>
  <si>
    <t>ごんぶと　天ぷらうどん</t>
  </si>
  <si>
    <t>日清のごんぶと　肉うどん</t>
  </si>
  <si>
    <t>ごんぶと　きつねうどん</t>
  </si>
  <si>
    <t>だし名人関西風うどん</t>
  </si>
  <si>
    <t>だし名人わかめうどん</t>
  </si>
  <si>
    <t>だし名人_カレーうどん</t>
  </si>
  <si>
    <t>寿がきや福を呼ぶキャンペーン天ぷらうどんカップ</t>
  </si>
  <si>
    <t>だし名人博多風あごだしうどん</t>
  </si>
  <si>
    <t>赤から監修カップ赤からきしめん_ケース</t>
  </si>
  <si>
    <t>191gx12</t>
  </si>
  <si>
    <t>だし名人博多風あごだしうどん（ケース）</t>
  </si>
  <si>
    <t>131gx12</t>
  </si>
  <si>
    <t>鍋焼味噌煮込み</t>
  </si>
  <si>
    <t>生カップきつねうどん</t>
  </si>
  <si>
    <t>生カップ海老天うどん</t>
  </si>
  <si>
    <t>生カップカレーうどん</t>
  </si>
  <si>
    <t>鶏そぼろうどん</t>
  </si>
  <si>
    <t>わかめごまうどん</t>
  </si>
  <si>
    <t>とろろ昆布うどん</t>
  </si>
  <si>
    <t>カップ_えび天うどん</t>
  </si>
  <si>
    <t>カップ_きつねうどん</t>
  </si>
  <si>
    <t>カップ鶏そぼろうどん</t>
  </si>
  <si>
    <t>カップ鶏わかめごまうどん</t>
  </si>
  <si>
    <t>カップとろろ昆布うどん</t>
  </si>
  <si>
    <t>ちっこいうどん　梅じそ風味</t>
  </si>
  <si>
    <t>ちっこいうどん柚子</t>
  </si>
  <si>
    <t>カップぶっかけうどんゆずごま</t>
  </si>
  <si>
    <t>博多うどん</t>
  </si>
  <si>
    <t>ゴンブト_シラダキトリウドン</t>
  </si>
  <si>
    <t>ごんぶともちうどん</t>
  </si>
  <si>
    <t>レンジ_どん兵衛_味噌うどん</t>
  </si>
  <si>
    <t>日清のごんぶと　カレーうどん</t>
  </si>
  <si>
    <t>日清のごんぶと　年明けうどん</t>
  </si>
  <si>
    <t>ごんぶと　カレーうどん</t>
  </si>
  <si>
    <t>でかぶと庵　天ぷらうどん</t>
  </si>
  <si>
    <t>金ちゃんきつねうどんカップ</t>
  </si>
  <si>
    <t>金ちゃん生麺きざみ揚げうどん</t>
  </si>
  <si>
    <t>金ちゃん生麺あげ玉うどん</t>
  </si>
  <si>
    <t>ぶっかけうどんおろしつゆ</t>
  </si>
  <si>
    <t>ぶっかけうどんカレー</t>
  </si>
  <si>
    <t>ぶっかけうどん坦々麺風</t>
  </si>
  <si>
    <t>マグうどん４食</t>
  </si>
  <si>
    <t>24g×4</t>
  </si>
  <si>
    <t>お椀で食べるどん兵衛鯛だしゆず仕立ておそうめん</t>
  </si>
  <si>
    <t>ちっこいにゅうめん醤油仕立て</t>
  </si>
  <si>
    <t>ヤキスパゲティ２ショク</t>
  </si>
  <si>
    <t>ヤキソバ２</t>
  </si>
  <si>
    <t>焼スパゲティー２</t>
  </si>
  <si>
    <t>鉄板焼きそば２Ｐ</t>
  </si>
  <si>
    <t>焼うどんしょうゆ２</t>
  </si>
  <si>
    <t>焼うどんソース２</t>
  </si>
  <si>
    <t>シコシコヤキソバ_３Ｐ</t>
  </si>
  <si>
    <t>ピーヤング　春雨</t>
  </si>
  <si>
    <t>冷し中華醤油だれ</t>
  </si>
  <si>
    <t>金ちゃん鍋焼きつねうどん</t>
  </si>
  <si>
    <t>金ちゃん鍋焼天ぷらうどん</t>
  </si>
  <si>
    <t>金ちゃん鍋焼味噌煮うどん</t>
  </si>
  <si>
    <t>金ちゃん鍋焼肉うどん</t>
  </si>
  <si>
    <t>パスタ</t>
  </si>
  <si>
    <t>パスタソース</t>
  </si>
  <si>
    <t>あえるパスタたらこ</t>
  </si>
  <si>
    <t>オーマイパスタソース3個セット</t>
  </si>
  <si>
    <t>ミートソース3食パック</t>
  </si>
  <si>
    <t>ナポリタン3食パック</t>
  </si>
  <si>
    <t>カルボナーラ3食パック</t>
  </si>
  <si>
    <t>シャンゴベスビオパスタソース</t>
  </si>
  <si>
    <t>にしき食品</t>
  </si>
  <si>
    <t>ﾊﾝﾌﾟﾃｨﾀﾞﾝﾌ</t>
  </si>
  <si>
    <t>ヴィーガンミートソース</t>
  </si>
  <si>
    <t>ナポリタン【２人前】</t>
  </si>
  <si>
    <t>ﾒﾀﾙ</t>
  </si>
  <si>
    <t>ミートソース［２人前］</t>
  </si>
  <si>
    <t>デミグラス&lt;２人前&gt;</t>
  </si>
  <si>
    <t>ミートソース</t>
  </si>
  <si>
    <t>ナポリタン</t>
  </si>
  <si>
    <t>和風きのこ</t>
  </si>
  <si>
    <t>カルボナーラ</t>
  </si>
  <si>
    <t>パスタソースチキンクリーム</t>
  </si>
  <si>
    <t>和えるだけたらこソース</t>
  </si>
  <si>
    <t>瀬戸内パスタレモンカルボナーラ</t>
  </si>
  <si>
    <t>瀬戸内パスタ海老と帆立のクリームパスタ</t>
  </si>
  <si>
    <t>Ｐａｓｔａ　Ｄｏ　なすのトマトソース用</t>
  </si>
  <si>
    <t>Ｐａｓｔａ　Ｄｏ　カルボナーラ用</t>
  </si>
  <si>
    <t>Ｐａｓｔａ　Ｄｏ　アラビアータ用</t>
  </si>
  <si>
    <t>なっとくのミートソーストマト仕立て</t>
  </si>
  <si>
    <t>なっとくのナポリタン</t>
  </si>
  <si>
    <t>1日分の緑黄色野菜のミートソース3個パック</t>
  </si>
  <si>
    <t>１日分の緑黄色野菜のナポリタン　３個パック</t>
  </si>
  <si>
    <t>３６０ｇ</t>
  </si>
  <si>
    <t>超辛スコーピオンアラビアータ</t>
  </si>
  <si>
    <t>麺日和あかもく＆めかぶ</t>
  </si>
  <si>
    <t>麺日和青じそジェノベーゼ</t>
  </si>
  <si>
    <t>燻辛チポートレイナポリタン</t>
  </si>
  <si>
    <t>超辛スコーピオンスパイシーミート</t>
  </si>
  <si>
    <t>ニンニクのトリコペロンチーノ</t>
  </si>
  <si>
    <t>ニンニクのトリコアラビアータ</t>
  </si>
  <si>
    <t>純喫茶のスパゲッティソース名物ナポリタン</t>
  </si>
  <si>
    <t>純喫茶のスパゲッティソース幻のミートソース</t>
  </si>
  <si>
    <t>まぜスパご当地の味瀬戸内レモン＆オリーブ</t>
  </si>
  <si>
    <t>まぜスパご当地の味信州野沢菜漬＆きのこ</t>
  </si>
  <si>
    <t>まぜスパご当地の味北海道たらこマヨネーズ仕立て</t>
  </si>
  <si>
    <t>49.6g</t>
  </si>
  <si>
    <t>まぜスパご当地の味有明海苔あごだし仕立て</t>
  </si>
  <si>
    <t>おいしいミートソース</t>
  </si>
  <si>
    <t>おいしいナポリタン</t>
  </si>
  <si>
    <t>おいしいイタリアン</t>
  </si>
  <si>
    <t>おいしい鮭きのこクリーム</t>
  </si>
  <si>
    <t>おいしいツナクリーム</t>
  </si>
  <si>
    <t>おいしいなすミート</t>
  </si>
  <si>
    <t>おいしいチキンクリーム</t>
  </si>
  <si>
    <t>おいしいカルボナーラクリーム</t>
  </si>
  <si>
    <t>おいしい明太子クリーム</t>
  </si>
  <si>
    <t>国産野菜で作ったミートソース</t>
  </si>
  <si>
    <t>パスタソースナポレターナ</t>
  </si>
  <si>
    <t>ﾍﾟｽﾞﾛ</t>
  </si>
  <si>
    <t>あんかけパスタソース</t>
  </si>
  <si>
    <t>辛口あんかけパスタソース</t>
  </si>
  <si>
    <t>コーミあんかけパスタソース増量</t>
  </si>
  <si>
    <t>あんかけパスタソース2袋セット</t>
  </si>
  <si>
    <t>280g×2</t>
  </si>
  <si>
    <t>パスタ倶楽部ミートソース</t>
  </si>
  <si>
    <t>パスタ倶楽部　ナポリタン</t>
  </si>
  <si>
    <t>パスタ倶楽部ツナクリーム</t>
  </si>
  <si>
    <t>カルボナーラソース</t>
  </si>
  <si>
    <t>スモークサーモンときのこクリーム</t>
  </si>
  <si>
    <t>あえるパスタソース和風とりそぼろ</t>
  </si>
  <si>
    <t>カルボナーラなめらかチーズ</t>
  </si>
  <si>
    <t>あえるパスタソースアラビアータ</t>
  </si>
  <si>
    <t>カレークリームソース</t>
  </si>
  <si>
    <t>薫るﾊﾟｽﾀｿｰｽ8種の野菜のﾎﾟﾓﾄﾞｰﾛ</t>
  </si>
  <si>
    <t>SSKｾｰﾙｽ</t>
  </si>
  <si>
    <t>おいしいパスタナポリタン</t>
  </si>
  <si>
    <t>おいしいパスタペペロン</t>
  </si>
  <si>
    <t>おいしいパスタたらこ</t>
  </si>
  <si>
    <t>きのことクリームチーズ</t>
  </si>
  <si>
    <t>ママートマトの果肉たっぷりのガーリックトマト</t>
  </si>
  <si>
    <t>日清フーズ　マ・マー　ミルクたっぷりの明太子クリーム　２４０ｇ</t>
  </si>
  <si>
    <t>ママー韓国風パスタソース旨辛コチュジャン</t>
  </si>
  <si>
    <t>ママー韓国風パスタソース濃厚ロゼクリーム</t>
  </si>
  <si>
    <t>パスタテーブルカルボナーラ</t>
  </si>
  <si>
    <t>ﾏﾏ-</t>
  </si>
  <si>
    <t>トマトの果肉たっぷりのアラビアータ</t>
  </si>
  <si>
    <t>ﾏﾏｰ</t>
  </si>
  <si>
    <t>ミルクたっぷりクラムチャウダー</t>
  </si>
  <si>
    <t>果肉たっぷりミート　３個パック</t>
  </si>
  <si>
    <t>果肉たっぷりナポリタン3個パック</t>
  </si>
  <si>
    <t>トマトの果肉たっぷりミートソース1人前</t>
  </si>
  <si>
    <t>トマトタップリMソースマッシュルーム入1人前</t>
  </si>
  <si>
    <t>トマトの果肉たっぷりナポリタン1人前</t>
  </si>
  <si>
    <t>ママーミルクたっぷりのカルボナーラ</t>
  </si>
  <si>
    <t>260g×3</t>
  </si>
  <si>
    <t>トマトの果肉たっぷりのミートソース2個パック</t>
  </si>
  <si>
    <t>260g×2</t>
  </si>
  <si>
    <t>マ･マーPROTASTEボロネーゼ3袋入り</t>
  </si>
  <si>
    <t>果肉たっぷりのミートソース</t>
  </si>
  <si>
    <t>果肉たっぷりのミートソースマッシュルーム入り</t>
  </si>
  <si>
    <t>果肉たっぷりのナポリタン</t>
  </si>
  <si>
    <t>トマトの果肉たっぷりのガーリックトマト</t>
  </si>
  <si>
    <t>トマトの果肉たっぷりのトマトバジル</t>
  </si>
  <si>
    <t>ミルクたっぷりのカルボナーラ</t>
  </si>
  <si>
    <t>ミルクたっぷりのクラムチャウダーソース</t>
  </si>
  <si>
    <t>香味野菜たっぷりのあさりコンソメ</t>
  </si>
  <si>
    <t>だしのうまみたっぷりの和風きのこ</t>
  </si>
  <si>
    <t>お肉ごろごろのミートソース1人前</t>
  </si>
  <si>
    <t>ごろごろベーコンのポルチーニクリーム1人前</t>
  </si>
  <si>
    <t>140.4g</t>
  </si>
  <si>
    <t>ごろごろあさりの旨辛ボンゴレ1人前</t>
  </si>
  <si>
    <t>140.6g</t>
  </si>
  <si>
    <t>トマトの果肉たっぷりのミートソース</t>
  </si>
  <si>
    <t>トマトの果肉たっぷりのミートソースマッシュルーム入り</t>
  </si>
  <si>
    <t>トマトの果肉たっぷりのナポリタン</t>
  </si>
  <si>
    <t>いつもと違うミートソース</t>
  </si>
  <si>
    <t>いつもとちがうきのこクリーム</t>
  </si>
  <si>
    <t>パスタキッチンミートソース</t>
  </si>
  <si>
    <t>パスタキッチンナポリタン</t>
  </si>
  <si>
    <t>果肉たっぷりミートマッシュ</t>
  </si>
  <si>
    <t>パスタキッチン和風きのこ</t>
  </si>
  <si>
    <t>リッチセレクト_香ばしソーセージのナポリタン</t>
  </si>
  <si>
    <t>果肉たっぷりナポリタン</t>
  </si>
  <si>
    <t>パスタキッチンカルボナーラ</t>
  </si>
  <si>
    <t>リッチセレクト　たっぷりベーコンのカルボナーラ</t>
  </si>
  <si>
    <t>パスタソース　サンサイシイタケ</t>
  </si>
  <si>
    <t>ミートソーススマイルサイズ</t>
  </si>
  <si>
    <t>ナポリタンスマイルサイズ</t>
  </si>
  <si>
    <t>なすトマトスマイルサイズ</t>
  </si>
  <si>
    <t>いつもとちがうミートソース</t>
  </si>
  <si>
    <t>いつもとちがうカルボナーラ</t>
  </si>
  <si>
    <t>果肉たっぷりミートポーク</t>
  </si>
  <si>
    <t>果肉たっぷりなすトマト</t>
  </si>
  <si>
    <t>ミルクたっぷりチキンクリー</t>
  </si>
  <si>
    <t>ミルクたぷりきのこ鮭クリ</t>
  </si>
  <si>
    <t>果実と野菜のうまみ豊かなナポリタン</t>
  </si>
  <si>
    <t>330ｇ</t>
  </si>
  <si>
    <t>青の洞窟ペペロンチーニ</t>
  </si>
  <si>
    <t>青の洞窟ジェノベーゼ</t>
  </si>
  <si>
    <t>日清マ・マーミートソースマッシュ</t>
  </si>
  <si>
    <t>果実と野菜のミートソース</t>
  </si>
  <si>
    <t>具っと贅沢　ミート</t>
  </si>
  <si>
    <t>具っと贅沢　ナポリタン</t>
  </si>
  <si>
    <t>具っと贅沢　３種の旨だしｷﾉｺ</t>
  </si>
  <si>
    <t>いつもとちがうミネストローネ</t>
  </si>
  <si>
    <t>果肉たっぷりミートソース</t>
  </si>
  <si>
    <t>ﾐﾙｸたっぷりたらこｸﾘｰﾑ</t>
  </si>
  <si>
    <t>果肉たっぷりのトマトバジル</t>
  </si>
  <si>
    <t>いつもと違うポモドーロ</t>
  </si>
  <si>
    <t>いつもと違うカルボナーラ</t>
  </si>
  <si>
    <t>わたしのこだわりミートソース</t>
  </si>
  <si>
    <t>わたしのこだわりナポリタンソース</t>
  </si>
  <si>
    <t>わたしのこだわりあさりときのこ</t>
  </si>
  <si>
    <t>わたしのこだわりカルボナーラソース</t>
  </si>
  <si>
    <t>ｲﾀﾘｱ産ﾄﾏﾄ使用ﾐｰﾄｿｰｽ</t>
  </si>
  <si>
    <t>和風きのこ醤油</t>
  </si>
  <si>
    <t>伝統の味　ナポリタンソース</t>
  </si>
  <si>
    <t>ガーリックトマト</t>
  </si>
  <si>
    <t>ボンゴレビアンコ</t>
  </si>
  <si>
    <t>明太子カルボナーラ</t>
  </si>
  <si>
    <t>蟹トマトクリーム</t>
  </si>
  <si>
    <t>超にんにくペペロンチーノ</t>
  </si>
  <si>
    <t>50.5g</t>
  </si>
  <si>
    <t>まぜて絶品魅惑レッドホットカルボ</t>
  </si>
  <si>
    <t>ガツ盛りペペロンチーノ</t>
  </si>
  <si>
    <t>82.9g</t>
  </si>
  <si>
    <t>ガツ盛りにんにく醤油</t>
  </si>
  <si>
    <t>80.8g</t>
  </si>
  <si>
    <t>まぜて絶品旨辛アラビアータ55.4g</t>
  </si>
  <si>
    <t>55.4g</t>
  </si>
  <si>
    <t>まぜて絶品香り華やかバジル</t>
  </si>
  <si>
    <t>濃いクリーミーボロネーゼ</t>
  </si>
  <si>
    <t>アンパンマンミニパックミートソース</t>
  </si>
  <si>
    <t>アンパンマンミニパックミートソースポーク</t>
  </si>
  <si>
    <t>スープスパゲッティコーンクリーム</t>
  </si>
  <si>
    <t>パスタ屋_ミートソース</t>
  </si>
  <si>
    <t>パスタ屋_カルボナーラ</t>
  </si>
  <si>
    <t>パスタ屋ナポリタン</t>
  </si>
  <si>
    <t>パスタ屋_アラビアータ</t>
  </si>
  <si>
    <t>ぱすた屋カルボナーラ</t>
  </si>
  <si>
    <t>ぱすた屋ナポリタン</t>
  </si>
  <si>
    <t>ぱすた屋ミートソース</t>
  </si>
  <si>
    <t>ぱすた屋たらこクリーム</t>
  </si>
  <si>
    <t>完熟トマトのミートソースきざみマッシュルーム</t>
  </si>
  <si>
    <t>しあわせの激辛辛ボナーラ</t>
  </si>
  <si>
    <t>プロクオリティパスタソース3袋濃厚ボロネーゼ</t>
  </si>
  <si>
    <t>プロオリティパスタソース3袋海老の香り濃</t>
  </si>
  <si>
    <t>パスタソースコンソメトマト</t>
  </si>
  <si>
    <t>燻製パンチェッタのアラビアータ</t>
  </si>
  <si>
    <t>クラフトチーズパスタソースボロネーゼカマンベール</t>
  </si>
  <si>
    <t>クラフトチーズパスタソースチェダーチーズクリームと燻製ベーコン</t>
  </si>
  <si>
    <t>クラフトチーズパスタソースパルメザンのクリーミーカルボナーラ</t>
  </si>
  <si>
    <t>大人むけのパスタオマール海老のトマトソース</t>
  </si>
  <si>
    <t>まぜりゃんせベーコンビッツナポリタン</t>
  </si>
  <si>
    <t>まぜりゃんせ　香ばし小エビのエビトマト</t>
  </si>
  <si>
    <t>まぜりゃんせ　ガーリック香るアンチョビ</t>
  </si>
  <si>
    <t>まぜりゃんせ　ほんのりクリーミーレモン</t>
  </si>
  <si>
    <t>おさかなでＰＡＳＴＡかつおのアラビアータ</t>
  </si>
  <si>
    <t>おさかなでＰＡＳＴＡさけのガーリックバター</t>
  </si>
  <si>
    <t>たっぷりナポリタン</t>
  </si>
  <si>
    <t>たっぷりミートソース</t>
  </si>
  <si>
    <t>３種カルボナーラ</t>
  </si>
  <si>
    <t>ﾊﾁ_ﾎﾟﾙﾁｰﾆとﾄﾏﾄのﾐｰﾄｿｰｽ_140G</t>
  </si>
  <si>
    <t>赤パプリカと完熟トマトのナポリタンソース</t>
  </si>
  <si>
    <t>生クリーム仕立てのたらこクリームソース</t>
  </si>
  <si>
    <t>ほぐし蟹と完熟トマトのカニクリームソース</t>
  </si>
  <si>
    <t>３種のチーズのカルボナーラソース</t>
  </si>
  <si>
    <t>ﾊﾁ_たっぷりきのこのｸﾘｰﾑｿｰｽ_150G</t>
  </si>
  <si>
    <t>うにトリュフクリームソース</t>
  </si>
  <si>
    <t>たっぷりなすミート</t>
  </si>
  <si>
    <t>たっぷりチキンクリーム</t>
  </si>
  <si>
    <t>たっぷりツナクリーム</t>
  </si>
  <si>
    <t>たっぷりカルボナーラ</t>
  </si>
  <si>
    <t>和風キノコソース</t>
  </si>
  <si>
    <t>明太子クリームソース</t>
  </si>
  <si>
    <t>たっぷりきのこチーズクリーム</t>
  </si>
  <si>
    <t>たっぷり彩り野菜のトマトソース</t>
  </si>
  <si>
    <t>たっぷり和風きのこ</t>
  </si>
  <si>
    <t>たっぷり明太子クリーム</t>
  </si>
  <si>
    <t>たっぷりバジルトマト</t>
  </si>
  <si>
    <t>たっぷりアラビアータ</t>
  </si>
  <si>
    <t>自慢のパスタ　鹿児島県産黒豚と発酵バターのボロネーゼ</t>
  </si>
  <si>
    <t>自慢のパスタ　甲州産ワイン仕立てのボンゴレビアンコ</t>
  </si>
  <si>
    <t>自慢のパスタ　瀬戸内産レモンと桜島どりのクリームソース</t>
  </si>
  <si>
    <t>自慢のパスタ　ウニと北海道産生クリーム仕立てのクリームソース</t>
  </si>
  <si>
    <t>ＰａｓｔａＤｅｌｕｘｅダブルミートソース　１３０ｇ</t>
  </si>
  <si>
    <t>パスタデラックスクワトロチーズ</t>
  </si>
  <si>
    <t>たっぷりツナマヨクリーム</t>
  </si>
  <si>
    <t>たっぷりあさりコンソメ</t>
  </si>
  <si>
    <t>たっぷりペペロンチーノ</t>
  </si>
  <si>
    <t>チーズボロネーゼ</t>
  </si>
  <si>
    <t>柚子胡椒きのこだし醤油仕立て</t>
  </si>
  <si>
    <t>クイックパスタ明太子袋</t>
  </si>
  <si>
    <t>クイックパスタたらこ</t>
  </si>
  <si>
    <t>ハコネーゼ濃厚イカスミソース</t>
  </si>
  <si>
    <t>スパゲッ亭チャオソース</t>
  </si>
  <si>
    <t>ﾆﾎﾝｾｲﾏ</t>
  </si>
  <si>
    <t>スパゲティハウス　チャオのソース</t>
  </si>
  <si>
    <t>スパゲッティハウスヨコイのソース</t>
  </si>
  <si>
    <t>要調理</t>
  </si>
  <si>
    <t>カゴメ　アンナマンマトマト＆チーズ</t>
  </si>
  <si>
    <t>アンナマンマトマトと4種のチーズ</t>
  </si>
  <si>
    <t>カゴメ　アンナマンマ冷製パスタソース</t>
  </si>
  <si>
    <t>アンナマンマポモドーロ</t>
  </si>
  <si>
    <t>アンナマンマトマト＆オリーブ</t>
  </si>
  <si>
    <t>アンナマンマトマト＆香味野菜</t>
  </si>
  <si>
    <t>アンチョビーソース</t>
  </si>
  <si>
    <t>オイルソース醤油＆ペパー</t>
  </si>
  <si>
    <t>ノンオイルガーリック＆赤唐辛子</t>
  </si>
  <si>
    <t>ファイブチーズ瓶</t>
  </si>
  <si>
    <t>ﾍﾞﾙﾄﾘｰ</t>
  </si>
  <si>
    <t>トマト＆バジル680g</t>
  </si>
  <si>
    <t>オリーブオイル＆ガーリック680g</t>
  </si>
  <si>
    <t>パスタソーストマト＆バジル</t>
  </si>
  <si>
    <t>パスタソーストマト＆ガーリック</t>
  </si>
  <si>
    <t>カリフォルニアギフト　パスタソース　トマト＆バジル</t>
  </si>
  <si>
    <t>カリフォルニアギフト　パスタソース　トマト＆ガーリック</t>
  </si>
  <si>
    <t>６８０ｇ</t>
  </si>
  <si>
    <t>ミートソースマッシュルーム入り</t>
  </si>
  <si>
    <t>ミートソースビーフ</t>
  </si>
  <si>
    <t>トマト＆バジル</t>
  </si>
  <si>
    <t>トマト＆ガーリック</t>
  </si>
  <si>
    <t>アラビアータ</t>
  </si>
  <si>
    <t>トマト＆チーズ</t>
  </si>
  <si>
    <t>パスタソース　トマト＆バジル</t>
  </si>
  <si>
    <t>パスタソース　トマト＆ガーリック</t>
  </si>
  <si>
    <t>パスタオイルガーリック＆チリ</t>
  </si>
  <si>
    <t>パスタオイルしょうゆ＆ペッパ</t>
  </si>
  <si>
    <t>パスタオイル（バジル）</t>
  </si>
  <si>
    <t>パストデコ　パスタソース</t>
  </si>
  <si>
    <t>パストデコ　パスタソース(アラビアータ)</t>
  </si>
  <si>
    <t>パストデコ　パスタソース(トマト＆バジル)</t>
  </si>
  <si>
    <t>ルーミックミートソース</t>
  </si>
  <si>
    <t>ルーミックホワイトソース</t>
  </si>
  <si>
    <t>パスタキューブ香ばし和風醤油4個</t>
  </si>
  <si>
    <t>パスタキューブうま辛ペペロンチーノ4個</t>
  </si>
  <si>
    <t>完熟トマト＆炒めた玉ねぎ</t>
  </si>
  <si>
    <t>国産野菜で作ったナポリタン</t>
  </si>
  <si>
    <t>大豆のお肉のミートソース</t>
  </si>
  <si>
    <t>完熟トマトのミートソース</t>
  </si>
  <si>
    <t>完熟トマトのナポリタン</t>
  </si>
  <si>
    <t>明太子クリームソ＾ス</t>
  </si>
  <si>
    <t>パスタのためのオイルソース醤油</t>
  </si>
  <si>
    <t>パスタオイルソースガーリック</t>
  </si>
  <si>
    <t>パスタオイルソースマヨ＆ガーリック</t>
  </si>
  <si>
    <t>パスタのためのオイルソース　シーフード風味</t>
  </si>
  <si>
    <t>パスタを手作りオイルソースシーフードうま塩</t>
  </si>
  <si>
    <t>ミートソース　フォンドヴォー仕立て</t>
  </si>
  <si>
    <t>カルボナーラ　缶</t>
  </si>
  <si>
    <t>フライパン1つでクリームパスタの素</t>
  </si>
  <si>
    <t>フライパン1つでトマトパスタの素</t>
  </si>
  <si>
    <t>フライパン1つで和風パスタの素</t>
  </si>
  <si>
    <t>あえるパスタウニクリーム70g×2</t>
  </si>
  <si>
    <t>パスタコウボウメンタイコ</t>
  </si>
  <si>
    <t>レシピひろがるドミグラストマト</t>
  </si>
  <si>
    <t>レシピひろがるトマトクリーム</t>
  </si>
  <si>
    <t>あえるパスタきのこバター醤油</t>
  </si>
  <si>
    <t>パスタを手作りオイルソースしょうゆ＆ペパー</t>
  </si>
  <si>
    <t>パスタを手作りオイルソースガーリック＆赤とうがらし</t>
  </si>
  <si>
    <t>ミートソース_フォンドボー仕立て</t>
  </si>
  <si>
    <t>明太子といかのクリームソース</t>
  </si>
  <si>
    <t>明太子ソースチューブ</t>
  </si>
  <si>
    <t>具入りデミッピーボロネーゼ</t>
  </si>
  <si>
    <t>日清具たっぷり　きのこ２缶Ｐ</t>
  </si>
  <si>
    <t>日清具たっぷり　ミート２缶Ｐ</t>
  </si>
  <si>
    <t>具たっぷりミートソース</t>
  </si>
  <si>
    <t>ナポリタンソース</t>
  </si>
  <si>
    <t>ママミーオクリームパスタ</t>
  </si>
  <si>
    <t>パスタミオミートソース</t>
  </si>
  <si>
    <t>ＰＡＳＵＴＡ　ＭＩＯ　トマトパスタメニュー用</t>
  </si>
  <si>
    <t>ﾃﾞﾙﾓﾝﾃ_完熟ﾄﾏﾄ＆香るﾊﾞｼﾞﾙ</t>
  </si>
  <si>
    <t>388g</t>
  </si>
  <si>
    <t>ﾃﾞﾙﾓﾝﾃ_完熟ﾄﾏﾄ＆香ばしｶﾞｰﾘｯｸ</t>
  </si>
  <si>
    <t>ﾃﾞﾙﾓﾝﾃ_完熟ﾄﾏﾄ＆3種のﾁｰｽﾞ</t>
  </si>
  <si>
    <t>デルモンテ　リストランテロッソお試し企画</t>
  </si>
  <si>
    <t>2+1P</t>
  </si>
  <si>
    <t>パスタソースぺペロンチーノ</t>
  </si>
  <si>
    <t>パスタソース醤油ガーリック</t>
  </si>
  <si>
    <t>ミートソースミルポア入り</t>
  </si>
  <si>
    <t>7#</t>
  </si>
  <si>
    <t>トロトロ牛すじ入ミートソース</t>
  </si>
  <si>
    <t>しっかり１６野菜ミートソース</t>
  </si>
  <si>
    <t>あらびきミートソース</t>
  </si>
  <si>
    <t>あさりと野菜ソーストマト仕立</t>
  </si>
  <si>
    <t>あさりと野菜ソースコンソメ風</t>
  </si>
  <si>
    <t>国産きのこソースバター醤油</t>
  </si>
  <si>
    <t>あさりと野菜のソース</t>
  </si>
  <si>
    <t>トマトソース　バジル</t>
  </si>
  <si>
    <t>360ｇ</t>
  </si>
  <si>
    <t>トマトソース　ベジタブル</t>
  </si>
  <si>
    <t>トマトソース　アラビアータ</t>
  </si>
  <si>
    <t>成城石井__化学調味料無添加　アラビアータソース</t>
  </si>
  <si>
    <t>成城石井　化学調味料無添加　ウニクリームソース</t>
  </si>
  <si>
    <t>成城石井　化学調味料無添加　ジェノベーゼソース</t>
  </si>
  <si>
    <t>成城石井　化学調味料無添加　ボッタルガソース</t>
  </si>
  <si>
    <t>成城石井化学調味料無添加４種のチーズのクリームソース</t>
  </si>
  <si>
    <t>成城石井__化学調味料無添加ペペロンチーノ</t>
  </si>
  <si>
    <t>成城石井__化学調味料無添加つぶつぶたらこ</t>
  </si>
  <si>
    <t>パスタソース絶望スパゲティ</t>
  </si>
  <si>
    <t>ピエトロ　なすとひき肉の辛味スパゲティ　１２０ｇ</t>
  </si>
  <si>
    <t>パスタソース博多明太子カルボナーラ</t>
  </si>
  <si>
    <t>ピエトロ　鹿児島産黒豚のチーズクリーム　１１０ｇ</t>
  </si>
  <si>
    <t>スパドレごま醤油ガーリック</t>
  </si>
  <si>
    <t>スパドレペペロンチーノ</t>
  </si>
  <si>
    <t>スパドレたらこマヨネーズ</t>
  </si>
  <si>
    <t>スパドレきのこクリーム</t>
  </si>
  <si>
    <t>スパドレアンチョビガーリック</t>
  </si>
  <si>
    <t>アンチヨビソース</t>
  </si>
  <si>
    <t>ﾜﾄｷﾝｽ</t>
  </si>
  <si>
    <t>たっぷりガーリックのポモドーロ</t>
  </si>
  <si>
    <t>薫りたかいトマトソースのナポリタン</t>
  </si>
  <si>
    <t>濃厚4種のチーズと黒胡椒カルボナーラ</t>
  </si>
  <si>
    <t>牛ひき肉と野菜の旨味ボロネーゼ</t>
  </si>
  <si>
    <t>たっぷりトマトとガーリック香るアラビアータ</t>
  </si>
  <si>
    <t>炒め玉ねぎのコクと生クリームのまろやかさあさりクリーム</t>
  </si>
  <si>
    <t>あえるだけたらこ</t>
  </si>
  <si>
    <t>あえるだけペペロンチーノ</t>
  </si>
  <si>
    <t>ボロネーゼ</t>
  </si>
  <si>
    <t>あえるだけ山椒</t>
  </si>
  <si>
    <t>2ﾌｸﾛ</t>
  </si>
  <si>
    <t>あえるだけあごだし</t>
  </si>
  <si>
    <t>ヨコイのソース</t>
  </si>
  <si>
    <t>日欧商事ソルレオーネペペロンチーノテトラ</t>
  </si>
  <si>
    <t>日欧商事ソルレオーネバジル＆トマトテトラ</t>
  </si>
  <si>
    <t>コッポラパスタソースナポレターナ</t>
  </si>
  <si>
    <t>ﾒﾓｽ</t>
  </si>
  <si>
    <t>コッポラパスタソースモンタナーラ</t>
  </si>
  <si>
    <t>コッポラパスタソースクラッシコ</t>
  </si>
  <si>
    <t>マリナーラ</t>
  </si>
  <si>
    <t>ボッティチェッリソイ＆ボロネーゼソース</t>
  </si>
  <si>
    <t>ﾎﾞｯﾃｨﾁｪｯﾘ</t>
  </si>
  <si>
    <t>パスタソースパルミジャーノレッジャーノ＆トマト</t>
  </si>
  <si>
    <t>パスタソースバジル＆トマト</t>
  </si>
  <si>
    <t>ヴァルボナ　ペストジェノベーゼ</t>
  </si>
  <si>
    <t>ｳﾞｧﾙﾎﾞﾅ</t>
  </si>
  <si>
    <t>ヴァルボナ　ペストロッソ</t>
  </si>
  <si>
    <t>アンチョビペースト　チューブ</t>
  </si>
  <si>
    <t>ロコロアラビアータ</t>
  </si>
  <si>
    <t>ロコロバジリコ</t>
  </si>
  <si>
    <t>バリラアラビアータ</t>
  </si>
  <si>
    <t>バリラジャパン</t>
  </si>
  <si>
    <t>ﾊﾞﾘﾗ</t>
  </si>
  <si>
    <t>バリラバジルのトマトソース</t>
  </si>
  <si>
    <t>アンチョビソース</t>
  </si>
  <si>
    <t>予約でいっぱいの店のパスタソース</t>
  </si>
  <si>
    <t>シャンゴ秘伝パスタソース</t>
  </si>
  <si>
    <t>シャンゴ復刻カレーパスタソース</t>
  </si>
  <si>
    <t>ソイミートソース</t>
  </si>
  <si>
    <t>ＣＨＡＹＡマクロビフーズ</t>
  </si>
  <si>
    <t>CHAYAﾏｸﾛﾋﾞ</t>
  </si>
  <si>
    <t>豆乳カルボナーラ</t>
  </si>
  <si>
    <t>予約でいっぱいボロネーゼ</t>
  </si>
  <si>
    <t>予約でいっぱいポモドーロ</t>
  </si>
  <si>
    <t>155.5g</t>
  </si>
  <si>
    <t>予約でいっぱいカルボナーラ</t>
  </si>
  <si>
    <t>156.5g</t>
  </si>
  <si>
    <t>予約でいっぱい店アラビアータ</t>
  </si>
  <si>
    <t>150.1g</t>
  </si>
  <si>
    <t>予約でいっぱい貝柱のロブスタ</t>
  </si>
  <si>
    <t>175.5g</t>
  </si>
  <si>
    <t>予約でいっぱい店の４種チーズ</t>
  </si>
  <si>
    <t>ｴｽﾋﾞｰ_予約生ｸﾘｰﾑﾎﾞﾛﾈｰｾﾞﾒﾃﾞｨﾁ_145.5g</t>
  </si>
  <si>
    <t>予約でいっぱいカボナータ</t>
  </si>
  <si>
    <t>予約でいっぱいの店カルボナーラ</t>
  </si>
  <si>
    <t>SB_予約で一杯の店のｲｶｽﾐｿｰｽ_120G</t>
  </si>
  <si>
    <t>予約でいっぱいの店国産バジルのジェノベーゼ</t>
  </si>
  <si>
    <t>予約でいっぱいの店のボロネーゼ</t>
  </si>
  <si>
    <t>予約でいっぱいの店のポモドーロ</t>
  </si>
  <si>
    <t>予約でいっぱいボンゴレ</t>
  </si>
  <si>
    <t>予約でいっぱいの店のカルボナーラ</t>
  </si>
  <si>
    <t>予約でいっぱいの店のアラビアータ</t>
  </si>
  <si>
    <t>予約でいっぱい４種チーズクリーム</t>
  </si>
  <si>
    <t>エスビー予約でいっぱいの店の生クリームボロネーゼメディチ家風</t>
  </si>
  <si>
    <t>予約でいっぱいのいかすみソース</t>
  </si>
  <si>
    <t>予約でいっぱいの店の蟹のペペロンチーノ</t>
  </si>
  <si>
    <t>予約で一杯海老バジルクリーム</t>
  </si>
  <si>
    <t>予約でいっぱいの店の極上ずわい蟹のトマトソース</t>
  </si>
  <si>
    <t>予約のほたてのオマール海老ソース</t>
  </si>
  <si>
    <t>予約でいっぱいの店のトリュフクリームソース</t>
  </si>
  <si>
    <t>予約でいっぱいの店のラベットラ流ナポリタン</t>
  </si>
  <si>
    <t>予約でいっぱいの店のﾍﾟﾍﾟﾛﾝﾁｰﾉ</t>
  </si>
  <si>
    <t>75.7g</t>
  </si>
  <si>
    <t>予約でいっぱいの店の海老のアメリケーヌソース</t>
  </si>
  <si>
    <t>超辛アラビアータ</t>
  </si>
  <si>
    <t>132.6g</t>
  </si>
  <si>
    <t>超辛ペペロンチーノ</t>
  </si>
  <si>
    <t>62.6g</t>
  </si>
  <si>
    <t>サヴァ缶とオリーブオイルのパスタソース</t>
  </si>
  <si>
    <t>79.3g</t>
  </si>
  <si>
    <t>サヴァ缶とレモンバジルのパスタソース</t>
  </si>
  <si>
    <t>81.5g</t>
  </si>
  <si>
    <t>超辛麻辣ボロネーゼ</t>
  </si>
  <si>
    <t>128.5g</t>
  </si>
  <si>
    <t>65.5g</t>
  </si>
  <si>
    <t>139.5g</t>
  </si>
  <si>
    <t>予約の生クリームボロネーゼ</t>
  </si>
  <si>
    <t>予約でいっぱいの店ののボロネーゼ</t>
  </si>
  <si>
    <t>予約でいっぱいの店の生クリームボロネーゼメディチ家風</t>
  </si>
  <si>
    <t>148.5g</t>
  </si>
  <si>
    <t>予約でいっぱいの店THEPREMIUMボロネーゼ</t>
  </si>
  <si>
    <t>予約でいっぱいの店THEPREMIUMトマトのアラビアータ</t>
  </si>
  <si>
    <t>カニのトマトクリームソース</t>
  </si>
  <si>
    <t>ほたて貝のクリームソース</t>
  </si>
  <si>
    <t>ボロニア風ミートソース</t>
  </si>
  <si>
    <t>いかすみのソース</t>
  </si>
  <si>
    <t>ゴンゾーラのチーズソース</t>
  </si>
  <si>
    <t>ボンゴレビアンコソース</t>
  </si>
  <si>
    <t>きのこの和風ソース</t>
  </si>
  <si>
    <t>兵庫県産バジルのジェノベーゼソース</t>
  </si>
  <si>
    <t>アラビアータソース</t>
  </si>
  <si>
    <t>明太子とバターのソース</t>
  </si>
  <si>
    <t>コーミ若鯱家カレーあんかけパスタソース240g</t>
  </si>
  <si>
    <t>あえる燻製ベーコンペペロンチーノ</t>
  </si>
  <si>
    <t>21春青の洞窟チーズクリーム</t>
  </si>
  <si>
    <t>２０秋　青の洞窟　リガトーニ　８０ｇ</t>
  </si>
  <si>
    <t>ｱｵﾉﾄﾞｳｸﾂ</t>
  </si>
  <si>
    <t>青の洞窟ペンネのオーブン焼き</t>
  </si>
  <si>
    <t>青の洞窟クリーミーボロネーゼ</t>
  </si>
  <si>
    <t>青の洞窟ズワイ蟹のトマトクリーム</t>
  </si>
  <si>
    <t>青の洞窟3種チーズのボロネーゼ</t>
  </si>
  <si>
    <t>青洞ポルチーニ香るきのこクリーム</t>
  </si>
  <si>
    <t>青の洞窟マスカルポーネのポモドーロ</t>
  </si>
  <si>
    <t>青洞あさりと帆立のラグー</t>
  </si>
  <si>
    <t>青の洞窟イカスミのソース</t>
  </si>
  <si>
    <t>青の洞窟スモークチーズのカルボナーラ</t>
  </si>
  <si>
    <t>青の洞窟ポルチーニ香るきのこクリーム</t>
  </si>
  <si>
    <t>青の洞窟あさりと帆立のラグー</t>
  </si>
  <si>
    <t>青の洞窟海老のトマトクリーム</t>
  </si>
  <si>
    <t>いつもとちがうミートコンソメ</t>
  </si>
  <si>
    <t>リッチセレクト_お肉ごろごろのミートソース</t>
  </si>
  <si>
    <t>リッチセレクトお肉ごろごろミートソース</t>
  </si>
  <si>
    <t>青の洞窟　きのこのクリームソース　ポルチーニ仕立て</t>
  </si>
  <si>
    <t>和風きのこスマイルサイズ</t>
  </si>
  <si>
    <t>青の洞窟スパゲティー</t>
  </si>
  <si>
    <t>青の洞窟　レモンとバターのソース　４８ｇ</t>
  </si>
  <si>
    <t>青の洞窟ペンネリガーテ</t>
  </si>
  <si>
    <t>青の洞窟フィジリ</t>
  </si>
  <si>
    <t>青の洞窟コンキリエリガーテ</t>
  </si>
  <si>
    <t>青の洞窟海老と帆立のトマトクリーム</t>
  </si>
  <si>
    <t>いつもとちがうポモドーロ</t>
  </si>
  <si>
    <t>ﾘｯﾁｾﾚｸﾄ_ｿｰｾｰｼﾞのﾅﾎﾟﾘﾀﾝ</t>
  </si>
  <si>
    <t>リッチセレクトクリーミーミートソース</t>
  </si>
  <si>
    <t>ﾘｯﾁｾﾚｸﾄ_ﾍﾞｰｺﾝのｶﾙﾎﾞﾅｰﾗ</t>
  </si>
  <si>
    <t>青の洞窟ボンゴレビアンコ</t>
  </si>
  <si>
    <t>ごろごろ野菜のズッキーニのトマトソース</t>
  </si>
  <si>
    <t>ごろごろ野菜のれんこんの白だし仕立て</t>
  </si>
  <si>
    <t>青の洞窟ポモドーロ</t>
  </si>
  <si>
    <t>コラーゲンたっぷり野菜ミートソース</t>
  </si>
  <si>
    <t>青の洞窟ｸｱﾄﾛﾌｧﾙﾏｯｼﾞ_140G</t>
  </si>
  <si>
    <t>青の洞窟　ボンゴレビアンコ</t>
  </si>
  <si>
    <t>ママ香味野菜たっぷりクリーミーミートソース</t>
  </si>
  <si>
    <t>青の洞窟ラザニアセット</t>
  </si>
  <si>
    <t>564g</t>
  </si>
  <si>
    <t>青の洞窟GRAZIAモッツァレラチーズのポモドーロ</t>
  </si>
  <si>
    <t>ぺコリーノチーズのアマトリチャーナ</t>
  </si>
  <si>
    <t>青の洞窟アラビアータ</t>
  </si>
  <si>
    <t>蟹のトマトクリーム</t>
  </si>
  <si>
    <t>青の洞窟カルボナーラ</t>
  </si>
  <si>
    <t>青の洞窟ボロネーゼ</t>
  </si>
  <si>
    <t>青の洞窟ボンゴレロッソ</t>
  </si>
  <si>
    <t>20春リッチセレクトカニトマトクリーム</t>
  </si>
  <si>
    <t>青の洞窟きのことベーコンのポルチーニクリーム</t>
  </si>
  <si>
    <t>19春青の洞窟GRAZIAウニのトマトクリーム</t>
  </si>
  <si>
    <t>和パスタ好きのための粗挽き肉と蓮根のボロネーゼ</t>
  </si>
  <si>
    <t>和ﾊﾟｽﾀ好きのための_豆乳仕立てのｶﾙﾎﾞﾅｰﾗ</t>
  </si>
  <si>
    <t>和ﾊﾟｽﾀ好きのための_あさりと筍のﾎﾞﾝｺﾞﾚ</t>
  </si>
  <si>
    <t>和ﾊﾟｽﾀ好きのための_鶏そぼろとごぼうの生姜醤油</t>
  </si>
  <si>
    <t>和パスタ好きのための筍とたらこのクリームソース</t>
  </si>
  <si>
    <t>120.6g</t>
  </si>
  <si>
    <t>和パスタ好きのための和風ジェノベーゼ</t>
  </si>
  <si>
    <t>オーマイＰＬＵＳアマニ油入粗挽き肉の贅沢ボロネーゼ</t>
  </si>
  <si>
    <t>オーマイＰＬＵＳアマニ油入厚切ベーコン贅沢カルボナーラ</t>
  </si>
  <si>
    <t>オーマイＰＬＵＳアマニ油入やわらか若鶏贅沢ポモドーロ</t>
  </si>
  <si>
    <t>秘蔵のレシピ　カルーソーソース</t>
  </si>
  <si>
    <t>秘蔵のレシピ　ニューバーグソース</t>
  </si>
  <si>
    <t>レガーロボロネーゼの真実</t>
  </si>
  <si>
    <t>レガーロカルボナーラの原点</t>
  </si>
  <si>
    <t>レガーロポモドーロの絶賛</t>
  </si>
  <si>
    <t>レガーロトマトクリームの魅惑</t>
  </si>
  <si>
    <t>レガーロペペロンチーノの希望</t>
  </si>
  <si>
    <t>濃いボロネーゼ</t>
  </si>
  <si>
    <t>濃いカルボナーラ</t>
  </si>
  <si>
    <t>濃いナポリタン</t>
  </si>
  <si>
    <t>日本製粉レガーロ濃厚ラグーソース</t>
  </si>
  <si>
    <t>日本製粉レガーロ濃辛アラビアータ</t>
  </si>
  <si>
    <t>100.3g</t>
  </si>
  <si>
    <t>濃い海老トマトクリーム</t>
  </si>
  <si>
    <t>濃いうにクリーム</t>
  </si>
  <si>
    <t>レガーロポモドーロの恩恵</t>
  </si>
  <si>
    <t>レガーロ濃香アラビアータ</t>
  </si>
  <si>
    <t>レガーロ蟹トマトクリームの魅惑</t>
  </si>
  <si>
    <t>濃い蟹クリーム</t>
  </si>
  <si>
    <t>濃いチーズクリーム</t>
  </si>
  <si>
    <t>レガーロボロネーゼ</t>
  </si>
  <si>
    <t>レガーロカルボナーラ</t>
  </si>
  <si>
    <t>140.5g</t>
  </si>
  <si>
    <t>レガーロ蟹トマトクリーム140g</t>
  </si>
  <si>
    <t>レガーロペペロンチーノ</t>
  </si>
  <si>
    <t>スープスパゲッティあさり</t>
  </si>
  <si>
    <t>伊勢えびのトマトクリーム</t>
  </si>
  <si>
    <t>きのこチーズクリームポルチーニ</t>
  </si>
  <si>
    <t>黒毛和牛と赤ワインのボロネーゼ</t>
  </si>
  <si>
    <t>アンチョビと黒オリーブトマトソース</t>
  </si>
  <si>
    <t>大人パスタ　紅ずわい蟹のトマトクリーム</t>
  </si>
  <si>
    <t>オマール海老のトマトソース</t>
  </si>
  <si>
    <t>大人パスタ　仔牛ときのこのボロネーゼ</t>
  </si>
  <si>
    <t>大人パスタきのこのチーズクリーム</t>
  </si>
  <si>
    <t>大人パスタ　イセエビのトマトクリーム</t>
  </si>
  <si>
    <t>４種のチーズクリーム</t>
  </si>
  <si>
    <t>大人パスタ　イベリコ豚の完熟トマトソース</t>
  </si>
  <si>
    <t>大人パスタ　熟成ベーコンのナポリタン</t>
  </si>
  <si>
    <t>粒たらこの生クリーム仕立て</t>
  </si>
  <si>
    <t>紅ずわい蟹のトマトクリームスープ</t>
  </si>
  <si>
    <t>大人パスタオマール海老トマトソース</t>
  </si>
  <si>
    <t>大人ﾊﾟｽﾀ厚切ﾍﾞｰｺﾝﾅﾎﾟﾘﾀﾝ</t>
  </si>
  <si>
    <t>牛肉とイベリコ豚の粗挽きボロネーゼ</t>
  </si>
  <si>
    <t>大人むけのパスタ紅ずわい蟹のトマトクリーム</t>
  </si>
  <si>
    <t>大人むけのパスタ粒たらこの十勝産生クリーム</t>
  </si>
  <si>
    <t>大人むけのパスタイセエビのトマトクリーム</t>
  </si>
  <si>
    <t>大人むけのパスタ黒トリュフ香るカルボナーラ</t>
  </si>
  <si>
    <t>大人むけのパスタ牛肉とイベリコ豚の粗挽きボロネーゼ</t>
  </si>
  <si>
    <t>大人むけのパスタ粒たらこの十勝産生クリーム仕立て</t>
  </si>
  <si>
    <t>紅ずわい蟹のトマトクリーム</t>
  </si>
  <si>
    <t>粒たらこの十勝産生クリーム仕立て</t>
  </si>
  <si>
    <t>まぜりゃんせ香ばしごま入わさび</t>
  </si>
  <si>
    <t>プレミアムタイムうにカルボナラーラ</t>
  </si>
  <si>
    <t>タツヤ・カワゴエミートソースごぼう＆パルミジャーノ</t>
  </si>
  <si>
    <t>ﾀﾂﾔｶﾜｺﾞｴ</t>
  </si>
  <si>
    <t>パスタＰたらチャウダー</t>
  </si>
  <si>
    <t>富良野パスタボロネーゼ</t>
  </si>
  <si>
    <t>JAﾌﾗﾉ</t>
  </si>
  <si>
    <t>富良野パスタ_カルボナーラ</t>
  </si>
  <si>
    <t>ｄｅｓｉｃａトマトと和風だしが決め手特製ボロネーゼ１３０ｇ</t>
  </si>
  <si>
    <t>ｄｅｓｉｃａ生クリーム仕立ての贅沢濃厚ウニソース１１０ｇ</t>
  </si>
  <si>
    <t>ｄｅｓｉｃａ生クリームを使用海老の贅沢ビスクソース１１０ｇ</t>
  </si>
  <si>
    <t>ｄｅｓｉｃａゴルゴンゾーラ薫る濃厚クアトロフォルマッジ110g</t>
  </si>
  <si>
    <t>パスタソース本格ボロネーゼ</t>
  </si>
  <si>
    <t>洋麺屋パスタソース魚介アラビアータ</t>
  </si>
  <si>
    <t>お肉好きのためのボロネーゼ</t>
  </si>
  <si>
    <t>パスタソースボロネーゼ</t>
  </si>
  <si>
    <t>パスタソースなすと挽肉</t>
  </si>
  <si>
    <t>パスタソースたらこクリーム</t>
  </si>
  <si>
    <t>ゴーダチーズと香味野菜の濃厚ボロネーゼ</t>
  </si>
  <si>
    <t>生クリームとゴーダチーズの濃厚カルボナーラ</t>
  </si>
  <si>
    <t>長崎ナポリタン</t>
  </si>
  <si>
    <t>サンフリード</t>
  </si>
  <si>
    <t>ｻﾝﾌﾘｰﾄﾞ</t>
  </si>
  <si>
    <t>長崎ミートソース</t>
  </si>
  <si>
    <t>マルコカルボナーラ</t>
  </si>
  <si>
    <t>ベル食品工業</t>
  </si>
  <si>
    <t>マルコきのこのクリームソース</t>
  </si>
  <si>
    <t>マルコ茄子のミートソース</t>
  </si>
  <si>
    <t>マルコナポリタンソース</t>
  </si>
  <si>
    <t>あゝ懐かしの喫茶店風有機ナポリタンソース</t>
  </si>
  <si>
    <t>プロスペリティ</t>
  </si>
  <si>
    <t>ﾌﾟﾛｽﾍﾟﾘﾃｨ</t>
  </si>
  <si>
    <t>バリラポモドーロ</t>
  </si>
  <si>
    <t>アンナマンマトマト＆バジル</t>
  </si>
  <si>
    <t>アンナマンマトマトガーリック</t>
  </si>
  <si>
    <t>Italianteガーリックソース</t>
  </si>
  <si>
    <t>Italiante4種のチーズソース</t>
  </si>
  <si>
    <t>喫茶店のナポリタンソース</t>
  </si>
  <si>
    <t>大洋産業</t>
  </si>
  <si>
    <t>喫茶店のミートスパゲティ用ソース</t>
  </si>
  <si>
    <t>モンテパスタソースアラビアータ</t>
  </si>
  <si>
    <t>モンテパスタソーストマト＆バジル</t>
  </si>
  <si>
    <t>コーミ北のほたるファクトリー</t>
  </si>
  <si>
    <t>ｺｰﾐｷﾀﾉﾎﾀﾙ</t>
  </si>
  <si>
    <t>パスタソースアラビアータ</t>
  </si>
  <si>
    <t>パスタソースアンチョビ＆オリーブ</t>
  </si>
  <si>
    <t>ボッティチェッリアラビアータ</t>
  </si>
  <si>
    <t>トマト＆オリーブ</t>
  </si>
  <si>
    <t>トマト＆彩り野菜</t>
  </si>
  <si>
    <t>ラ･プレッツィオーザパスタソースプッタネスカ</t>
  </si>
  <si>
    <t>ラ･プレッツィオーザパスタソースバジル</t>
  </si>
  <si>
    <t>バリラナポレターナ</t>
  </si>
  <si>
    <t>簡便</t>
  </si>
  <si>
    <t>和える</t>
  </si>
  <si>
    <t>あえるパスタソース</t>
  </si>
  <si>
    <t>生風味ツナしょうゆ</t>
  </si>
  <si>
    <t>81.4g</t>
  </si>
  <si>
    <t>ナマフウミニンニクショウユ</t>
  </si>
  <si>
    <t>生風味スパうに</t>
  </si>
  <si>
    <t>パスタソースペペロンチ</t>
  </si>
  <si>
    <t>パスタソースバジルソー</t>
  </si>
  <si>
    <t>生風味スパソースかにマヨネー</t>
  </si>
  <si>
    <t>61.4g</t>
  </si>
  <si>
    <t>生風味スパいくら</t>
  </si>
  <si>
    <t>130.4g</t>
  </si>
  <si>
    <t>生風味柚子こしょうペペロンチ</t>
  </si>
  <si>
    <t>完熟トマトソース</t>
  </si>
  <si>
    <t>パスタミートソース</t>
  </si>
  <si>
    <t>海老トマトクリーム</t>
  </si>
  <si>
    <t>生風味スパゲティ　ラー油高菜</t>
  </si>
  <si>
    <t>まぜるだけのスパゲッティソースペペロンチーノ</t>
  </si>
  <si>
    <t>まぜるだけバジル</t>
  </si>
  <si>
    <t>まぜるだけスパゲティ海老トマト</t>
  </si>
  <si>
    <t>まぜるだけスパゲティアボガド</t>
  </si>
  <si>
    <t>まぜるだけスパゲティＳトマト</t>
  </si>
  <si>
    <t>まぜスパ生風味たらこバター</t>
  </si>
  <si>
    <t>生風味明太わさび</t>
  </si>
  <si>
    <t>まぜるだけスパゲ　アボカド</t>
  </si>
  <si>
    <t>まぜるだけのスパゲティソース生風味明太子ペペロンチーノ</t>
  </si>
  <si>
    <t>まぜるだけのスパゲッティソースじゃこと梅</t>
  </si>
  <si>
    <t>５５．２ｇ</t>
  </si>
  <si>
    <t>まぜるだけのスパゲッティソース小えびと柚子こしょう</t>
  </si>
  <si>
    <t>４４．８ｇ</t>
  </si>
  <si>
    <t>SBまぜスパからすみ帆立</t>
  </si>
  <si>
    <t>61.4ｇ</t>
  </si>
  <si>
    <t>SBまぜスパ紅ずわい蟹アラビアータ</t>
  </si>
  <si>
    <t>SBまぜスパオマール海老トマトクリーム</t>
  </si>
  <si>
    <t>生風味スパゲッティたらこ</t>
  </si>
  <si>
    <t>生風味スパゲッティ明太子</t>
  </si>
  <si>
    <t>パスタからめーてペペロンチーノ</t>
  </si>
  <si>
    <t>14g×2</t>
  </si>
  <si>
    <t>パスタからめてしゃけ</t>
  </si>
  <si>
    <t>パスタからめーてＮＶカルボ</t>
  </si>
  <si>
    <t>パスタからめてＮＶにんにく醤油</t>
  </si>
  <si>
    <t>にんにくやにんにく洋麺</t>
  </si>
  <si>
    <t>65.8g</t>
  </si>
  <si>
    <t>パスタスパイスふりかけ彩り野菜のハーブソルト＆ペッパー</t>
  </si>
  <si>
    <t>粉末パスタソース　ぺペロンチ-ノ</t>
  </si>
  <si>
    <t>粉末パスタソース　たらこ</t>
  </si>
  <si>
    <t>粉末パスタソース　明太子</t>
  </si>
  <si>
    <t>あえるパスタミートフォンドボ</t>
  </si>
  <si>
    <t>あえるパスタソースきのこ醤油</t>
  </si>
  <si>
    <t>55g×2</t>
  </si>
  <si>
    <t>あえるパスタからし明太</t>
  </si>
  <si>
    <t>あえるパスタソースめんたいマヨ</t>
  </si>
  <si>
    <t>あえるパスタソースツナマヨ</t>
  </si>
  <si>
    <t>あえるパスタペペロンチーノ</t>
  </si>
  <si>
    <t>あえるパスタソース納豆</t>
  </si>
  <si>
    <t>29g×2</t>
  </si>
  <si>
    <t>あえるパスタソースバジル</t>
  </si>
  <si>
    <t>23g×2</t>
  </si>
  <si>
    <t>あえるパスタソースガーリックマヨ</t>
  </si>
  <si>
    <t>あえるパスタめんたいマヨ</t>
  </si>
  <si>
    <t>あえるﾊﾟｽﾀ　ｶﾙﾎﾞﾅｰﾗ</t>
  </si>
  <si>
    <t>あえるパスタＳミート</t>
  </si>
  <si>
    <t>あえるパスタソースうに</t>
  </si>
  <si>
    <t>パスタカフェごろごろミートパスタ</t>
  </si>
  <si>
    <t>パスタカフェ豚ひき肉とエリンギ</t>
  </si>
  <si>
    <t>88.2g</t>
  </si>
  <si>
    <t>パスタカフェ鶏肉とねぎの塩パスタ</t>
  </si>
  <si>
    <t>パスタカフェペペロンチーノ</t>
  </si>
  <si>
    <t>71.5g</t>
  </si>
  <si>
    <t>パスタカフェ濃厚チーズクリーム</t>
  </si>
  <si>
    <t>パスタカフェほうれん草ソーセージ和パスタ</t>
  </si>
  <si>
    <t>あえるパスタソース　香ばしえび塩</t>
  </si>
  <si>
    <t>54.8ｇ</t>
  </si>
  <si>
    <t>あえるパスタソース　こんがりチーズ＆ガーリック</t>
  </si>
  <si>
    <t>61.6g</t>
  </si>
  <si>
    <t>あえるパスタソース　香るあおさ＆じゃこ</t>
  </si>
  <si>
    <t>あえるパスタソースミートソースフォン･ド･ヴォー仕立て</t>
  </si>
  <si>
    <t>あえるパスタソースカルボナーラ濃厚チーズ仕立て</t>
  </si>
  <si>
    <t>あえるパスタソースカニのトマトクリーム</t>
  </si>
  <si>
    <t>あえる和風きのこバター醤油</t>
  </si>
  <si>
    <t>あえるパスタソースボンゴレビアンコ</t>
  </si>
  <si>
    <t>キユーピー　あえるパスタ焦がしねぎ塩２７．８ｇ×２</t>
  </si>
  <si>
    <t>27.8GX2</t>
  </si>
  <si>
    <t>あえるパスタソース燻製ベーコンのペペロンチーノ</t>
  </si>
  <si>
    <t>２５．５×２</t>
  </si>
  <si>
    <t>あえるパスタソースだし香る納豆</t>
  </si>
  <si>
    <t>30.3×2P</t>
  </si>
  <si>
    <t>あえるパスタソース炙りたらこ</t>
  </si>
  <si>
    <t>24.4g×2P</t>
  </si>
  <si>
    <t>あえるだし香る和風カルボナーラ</t>
  </si>
  <si>
    <t>あえるミートソース完熟トマト仕立て</t>
  </si>
  <si>
    <t>キユーピー　あえるパスタＳ焦がしねぎ塩　５５．２ｇ</t>
  </si>
  <si>
    <t>55.2G</t>
  </si>
  <si>
    <t>あえる柑橘香るだし醤油</t>
  </si>
  <si>
    <t>あえるパスタソース香ばしバター醤油</t>
  </si>
  <si>
    <t>あえるパスタソース明太マヨ</t>
  </si>
  <si>
    <t>パスタソースたらこパキッテ</t>
  </si>
  <si>
    <t>ﾎｼｴﾇ</t>
  </si>
  <si>
    <t>パスタソースバジルパキッテ</t>
  </si>
  <si>
    <t>パスタソースカルボナーラパキッテ</t>
  </si>
  <si>
    <t>あえる香ばし海老のペペロン</t>
  </si>
  <si>
    <t>27.7g×2P</t>
  </si>
  <si>
    <t>あえるパスタだし香る釜玉風</t>
  </si>
  <si>
    <t>25.9g×2P</t>
  </si>
  <si>
    <t>あえるパスタソースからし明太子</t>
  </si>
  <si>
    <t>あえるパスタソースたらこ</t>
  </si>
  <si>
    <t>あえるパスタソースツナ＆マ</t>
  </si>
  <si>
    <t>あえるパスタソース_ミートソース</t>
  </si>
  <si>
    <t>あえるパスタソースカルボナー</t>
  </si>
  <si>
    <t>あえるパスタソース明太子</t>
  </si>
  <si>
    <t>あえるパスタソースたらこクリーム</t>
  </si>
  <si>
    <t>グルテンフリー和風パスタソース梅</t>
  </si>
  <si>
    <t>グルテンフリー和風パスタソース納豆</t>
  </si>
  <si>
    <t>生タイプＳｐａ王ペペロンチーノ</t>
  </si>
  <si>
    <t>あえるだけパスタソースたらこ生風味</t>
  </si>
  <si>
    <t>ﾊﾟｽﾀｿｰｽｶﾗｼ明太子生風味</t>
  </si>
  <si>
    <t>あえるだけパスタソースたらこクリーム</t>
  </si>
  <si>
    <t>きのこと野沢菜にんにく醤油</t>
  </si>
  <si>
    <t>パスタソースペペロンチ-ノ</t>
  </si>
  <si>
    <t>ママー　あえるだけハ゜スタソースハ゛シ゛ル</t>
  </si>
  <si>
    <t>ママ-こんがり醤油たらこ</t>
  </si>
  <si>
    <t>ママ-パスタソース　ガーリックチキン</t>
  </si>
  <si>
    <t>あえるだけぺペロンチーニ</t>
  </si>
  <si>
    <t>17春あえるだけナポリタン</t>
  </si>
  <si>
    <t>18秋マ・マーあえる海老トマトクリーム</t>
  </si>
  <si>
    <t>あえるだけパスタソースたらこ生風味２人前</t>
  </si>
  <si>
    <t>あえるだけ　たらこクリーム</t>
  </si>
  <si>
    <t>パスタソースキノコと野沢菜ニンニクしょうゆ</t>
  </si>
  <si>
    <t>あえるパスタソース　ぺペロンチ-ノ</t>
  </si>
  <si>
    <t>あえるパスタソース　バジル</t>
  </si>
  <si>
    <t>パスタソース鶏ひき肉と柚子こしょう</t>
  </si>
  <si>
    <t>あえるだけからし明太子</t>
  </si>
  <si>
    <t>あえるパスタたらこクリーム</t>
  </si>
  <si>
    <t>パスタソース大盛りたらこ</t>
  </si>
  <si>
    <t>パスタソース大盛りからし明太子</t>
  </si>
  <si>
    <t>パスタソース大盛りぺペロンチーノ</t>
  </si>
  <si>
    <t>あえるだけパスタソースソーストマト</t>
  </si>
  <si>
    <t>あえるだけパスタソースミートソース</t>
  </si>
  <si>
    <t>あえるだけパスタソースアラビアータ</t>
  </si>
  <si>
    <t>あえるだけパスタソースチーズクリーム</t>
  </si>
  <si>
    <t>あえるだけパスタソースカルボナーラ</t>
  </si>
  <si>
    <t>和風パスタソースたらこ生風味</t>
  </si>
  <si>
    <t>からし明太子生風味</t>
  </si>
  <si>
    <t>和風パスタソースたらこクリーム</t>
  </si>
  <si>
    <t>和風パスタきのこと野沢菜</t>
  </si>
  <si>
    <t>和風パスタソースからし明太子</t>
  </si>
  <si>
    <t>生風味チーズクリームソース</t>
  </si>
  <si>
    <t>35.5g×2</t>
  </si>
  <si>
    <t>生風味ペペロンチーノソース</t>
  </si>
  <si>
    <t>生風味ガーリックトマトソース</t>
  </si>
  <si>
    <t>83.4g</t>
  </si>
  <si>
    <t>生風味イカスミソース</t>
  </si>
  <si>
    <t>39g×2</t>
  </si>
  <si>
    <t>生風味カルボナーラソース</t>
  </si>
  <si>
    <t>生風味アラビアータソース</t>
  </si>
  <si>
    <t>生風味デラックス貝柱と明太子</t>
  </si>
  <si>
    <t>生風味バジルソース</t>
  </si>
  <si>
    <t>生風味和風からし明太子ソース</t>
  </si>
  <si>
    <t>27g×2</t>
  </si>
  <si>
    <t>生風味和風たらこソース</t>
  </si>
  <si>
    <t>生風味たらこソース</t>
  </si>
  <si>
    <t>和パスタ好きのためのたらこ</t>
  </si>
  <si>
    <t>24.6g×2P</t>
  </si>
  <si>
    <t>和パスタ好きのためのからし明太子</t>
  </si>
  <si>
    <t>和パスタ好きのための高菜</t>
  </si>
  <si>
    <t>24.2g×2P</t>
  </si>
  <si>
    <t>和パスタ好きのための　肉味噌</t>
  </si>
  <si>
    <t>31.4g×2</t>
  </si>
  <si>
    <t>濃厚カルボナーラ</t>
  </si>
  <si>
    <t>コク旨ガーリックトマト</t>
  </si>
  <si>
    <t>41.6g×2P</t>
  </si>
  <si>
    <t>ピリ辛ぺペロンチーノ</t>
  </si>
  <si>
    <t>50.6g</t>
  </si>
  <si>
    <t>芳醇チーズクリーム</t>
  </si>
  <si>
    <t>極辛アラビアータ</t>
  </si>
  <si>
    <t>和パスタ好きのためのゆず醤油</t>
  </si>
  <si>
    <t>49.4g</t>
  </si>
  <si>
    <t>和パスタ好きのための明太子かるぼなーら</t>
  </si>
  <si>
    <t>33.4g×2P</t>
  </si>
  <si>
    <t>和パスタ好きの香るわさび</t>
  </si>
  <si>
    <t>26.2×2P</t>
  </si>
  <si>
    <t>オーマイ和パスタ好きのためのガリバタ醤油</t>
  </si>
  <si>
    <t>52.6g</t>
  </si>
  <si>
    <t>濃いあえるパスタソースカルボナーラ</t>
  </si>
  <si>
    <t>濃いあえるパスタソースガーリックトマト</t>
  </si>
  <si>
    <t>濃いあえるパスタソースチーズクリーム</t>
  </si>
  <si>
    <t>濃いあえるパスタソースアラビアータ</t>
  </si>
  <si>
    <t>濃いあえるパスタソースペペロンチーノ</t>
  </si>
  <si>
    <t>ブランチパスタ_カルボナーラ</t>
  </si>
  <si>
    <t>ブランチパスタペペロンチーノ</t>
  </si>
  <si>
    <t>まぜりゃんせ　たらこ</t>
  </si>
  <si>
    <t>マゼリャンセ　シャケ</t>
  </si>
  <si>
    <t>まぜりゃんせ　明太子</t>
  </si>
  <si>
    <t>まぜりゃんせ　梅しそ</t>
  </si>
  <si>
    <t>まぜりゃんせさけ</t>
  </si>
  <si>
    <t>まぜりゃんせたらこ</t>
  </si>
  <si>
    <t>まぜりゃんせ明太子</t>
  </si>
  <si>
    <t>まぜりゃんせ梅じそ</t>
  </si>
  <si>
    <t>まぜりゃんせペペロンチーノ</t>
  </si>
  <si>
    <t>はごろも　おさかなでＰＡＳＴＡさんまのペペロンチーノ</t>
  </si>
  <si>
    <t>はごろも　おさかなでＰＡＳＴＡさばの塩レモンソース</t>
  </si>
  <si>
    <t>はごろも　おさかなでＰＡＳＴＡまぐろガーリック醤油</t>
  </si>
  <si>
    <t>和風しょうゆガーリック</t>
  </si>
  <si>
    <t>和風ペペロンチーノ</t>
  </si>
  <si>
    <t>ピエトロスパドレイタリアン</t>
  </si>
  <si>
    <t>ピエトロスパドレピリカラ</t>
  </si>
  <si>
    <t>和えるパスタソースたらこ5食</t>
  </si>
  <si>
    <t>12.4g×5P</t>
  </si>
  <si>
    <t>和えるパスタソースペペロンチーノ5食</t>
  </si>
  <si>
    <t>14.7g×5P</t>
  </si>
  <si>
    <t>和えるパスタソース明太子5食</t>
  </si>
  <si>
    <t>11.9g×5P</t>
  </si>
  <si>
    <t>レモンパスタソース</t>
  </si>
  <si>
    <t>センナリ</t>
  </si>
  <si>
    <t>ｾﾝﾅﾘ</t>
  </si>
  <si>
    <t>あえるハコネーゼアンチョビとチーズ仕立ての絶品ジェノベーゼ</t>
  </si>
  <si>
    <t>和えるパスタたらこ</t>
  </si>
  <si>
    <t>23.2g×2P</t>
  </si>
  <si>
    <t>タイヘイ</t>
  </si>
  <si>
    <t>ﾀｲﾍｲ</t>
  </si>
  <si>
    <t>和えるパスタ明太子</t>
  </si>
  <si>
    <t>和えるパスタ和風</t>
  </si>
  <si>
    <t>28.2g×2P</t>
  </si>
  <si>
    <t>和えるパスタペペロンチーノ</t>
  </si>
  <si>
    <t>かける</t>
  </si>
  <si>
    <t>アンナマンマ　アラビアータ</t>
  </si>
  <si>
    <t>ｱﾝﾅﾏﾝﾏ</t>
  </si>
  <si>
    <t>トマトと3種のチーズ</t>
  </si>
  <si>
    <t>オイルソースオリーブアンチョビー</t>
  </si>
  <si>
    <t>アンナマンマ　ナポリ風ピッツアソース</t>
  </si>
  <si>
    <t>クリーミーガーリック</t>
  </si>
  <si>
    <t>４２５ｇ</t>
  </si>
  <si>
    <t>ﾆﾎﾝｺ-ﾋ-</t>
  </si>
  <si>
    <t>クリーミアルフレッド</t>
  </si>
  <si>
    <t>ライジングミートソース</t>
  </si>
  <si>
    <t>おうちdeパスタ</t>
  </si>
  <si>
    <t>スパイスミックスバジリコ</t>
  </si>
  <si>
    <t>スパイスミックスペペロンチ</t>
  </si>
  <si>
    <t>和風風味スパ生風味梅しそ</t>
  </si>
  <si>
    <t>なっとくのポークハヤシ</t>
  </si>
  <si>
    <t>サンバードハヤシ</t>
  </si>
  <si>
    <t>生風味ほたてバター風味</t>
  </si>
  <si>
    <t>おいしさパック和風バター醤油</t>
  </si>
  <si>
    <t>おいしさパックペペロンチーノ</t>
  </si>
  <si>
    <t>160.2g</t>
  </si>
  <si>
    <t>たらこクリーム</t>
  </si>
  <si>
    <t>110.2g</t>
  </si>
  <si>
    <t>スパイシーミートソース</t>
  </si>
  <si>
    <t>炒めてミーナトマト＆バジル</t>
  </si>
  <si>
    <t>生風味スパゲッティソース梅しそ</t>
  </si>
  <si>
    <t>51.6g</t>
  </si>
  <si>
    <t>スーパーＬＥＥ辛さ５倍</t>
  </si>
  <si>
    <t>１７種類Ｂ３３種スパイス辛口</t>
  </si>
  <si>
    <t>パスタからめて梅じそ</t>
  </si>
  <si>
    <t>パスタからめてたらこ</t>
  </si>
  <si>
    <t>王道の味ナポリタン</t>
  </si>
  <si>
    <t>完熟トマトとアスパラのリゾット</t>
  </si>
  <si>
    <t>完熟トマト　チキンライス</t>
  </si>
  <si>
    <t>完熟トマト鶏肉リゾット</t>
  </si>
  <si>
    <t>完熟トマトと魚貝のリゾット</t>
  </si>
  <si>
    <t>完熟トマトと魚介のパエリア</t>
  </si>
  <si>
    <t>完熟トマトと挽肉のタコス風ライス</t>
  </si>
  <si>
    <t>完熟トマトと鶏肉のパエリア</t>
  </si>
  <si>
    <t>完熟トマトペンネアラビアータ</t>
  </si>
  <si>
    <t>完熟トマトのペンネボロネーゼ</t>
  </si>
  <si>
    <t>完熟トマトと野菜のチキンライス</t>
  </si>
  <si>
    <t>完熟トマトのアラビアータ</t>
  </si>
  <si>
    <t>完熟トマトのボロネーゼ</t>
  </si>
  <si>
    <t>完熟トマトとベーコンのトマトスパ</t>
  </si>
  <si>
    <t>完熟トマトのポモドーロ</t>
  </si>
  <si>
    <t>イタリアンテ　バジルソース</t>
  </si>
  <si>
    <t>3分オイルソース醤油＆ペパソース</t>
  </si>
  <si>
    <t>パスタを手作りオイルソースガーリック＆トマト</t>
  </si>
  <si>
    <t>鮭ときのこのクリームソース</t>
  </si>
  <si>
    <t>パスタクラブミートソース</t>
  </si>
  <si>
    <t>コーンクリームソース</t>
  </si>
  <si>
    <t>パスタクラブツナクリーム</t>
  </si>
  <si>
    <t>ホワイトソース</t>
  </si>
  <si>
    <t>アサリクリームソース</t>
  </si>
  <si>
    <t>鮭クリームソース</t>
  </si>
  <si>
    <t>パスタクラブコーンクリームスープ</t>
  </si>
  <si>
    <t>鮭＆マヨネーズ</t>
  </si>
  <si>
    <t>パスタクラブ鶏肉野菜</t>
  </si>
  <si>
    <t>カルボーラソース</t>
  </si>
  <si>
    <t>サケクリームソース</t>
  </si>
  <si>
    <t>メンタイコクリームソース</t>
  </si>
  <si>
    <t>ボンボーノ　カルボナーラソース</t>
  </si>
  <si>
    <t>バジル</t>
  </si>
  <si>
    <t>カルボナーラチューブ</t>
  </si>
  <si>
    <t>高菜ソース</t>
  </si>
  <si>
    <t>パスタ_トマトソース</t>
  </si>
  <si>
    <t>パスタ_ホワイトソース</t>
  </si>
  <si>
    <t>Smoothie_PASTA_ほうれん草＆ブロッコリー</t>
  </si>
  <si>
    <t>Smoothie_PASTA_コーン＆オニオン</t>
  </si>
  <si>
    <t>ツナきのこ</t>
  </si>
  <si>
    <t>ファルファーレ　マカロニ</t>
  </si>
  <si>
    <t>ママーミートソース</t>
  </si>
  <si>
    <t>ママーナポリタン</t>
  </si>
  <si>
    <t>きのこと鮭のクリーム</t>
  </si>
  <si>
    <t>ママーなすトマト</t>
  </si>
  <si>
    <t>ママー和風きのこ</t>
  </si>
  <si>
    <t>具たっぷりあさりコンソメ</t>
  </si>
  <si>
    <t>具たっぷりあさりしめじトマト</t>
  </si>
  <si>
    <t>野菜サラダマカロニ</t>
  </si>
  <si>
    <t>だしたっぷり和風きのこ</t>
  </si>
  <si>
    <t>ボンゴレロッソ</t>
  </si>
  <si>
    <t>具たっぷりのきのこソース</t>
  </si>
  <si>
    <t>グタップリノキノコクリーム</t>
  </si>
  <si>
    <t>グタップリノサーモンクリーム</t>
  </si>
  <si>
    <t>サーモンクリーム</t>
  </si>
  <si>
    <t>ママー野菜と果実のうまみ豊かなナポリタン</t>
  </si>
  <si>
    <t>ママーあえる辛子明太子生</t>
  </si>
  <si>
    <t>具入りケチャッピーナポリタン</t>
  </si>
  <si>
    <t>スープ用ヌーヴォラ</t>
  </si>
  <si>
    <t>スープ用フィオ-レ</t>
  </si>
  <si>
    <t>パスタたらこ</t>
  </si>
  <si>
    <t>パスタ明太子</t>
  </si>
  <si>
    <t>パスタソースきのこと紅鮭</t>
  </si>
  <si>
    <t>具入ナポリタン</t>
  </si>
  <si>
    <t>ママー８０キロカロリーカルボ</t>
  </si>
  <si>
    <t>ママー８０キロカロリーアラビ</t>
  </si>
  <si>
    <t>ママー８０キロカロリーミート</t>
  </si>
  <si>
    <t>アサリ・シメジスープタイプ</t>
  </si>
  <si>
    <t>ミートソース　ビーフ　７＃</t>
  </si>
  <si>
    <t>マッシュ入りミートソース</t>
  </si>
  <si>
    <t>シェリー酒入りミートソース</t>
  </si>
  <si>
    <t>香味野菜たっぷりあさり</t>
  </si>
  <si>
    <t>ピュアメイドカルボナーラ</t>
  </si>
  <si>
    <t>ピュアメイドサーモンクリーム</t>
  </si>
  <si>
    <t>具たっぷりボンゴレロッソ</t>
  </si>
  <si>
    <t>和風パスタソース明太子クリーム</t>
  </si>
  <si>
    <t>レンジで５分スペゲッティ</t>
  </si>
  <si>
    <t>マ・マーPROTASTEボロネーゼ3袋入り</t>
  </si>
  <si>
    <t>140g×3P</t>
  </si>
  <si>
    <t>アルデンティーノナスノアラビアータ</t>
  </si>
  <si>
    <t>アルデンティーノキノコトノザワナ</t>
  </si>
  <si>
    <t>アルデンティーノ明太子クリーム</t>
  </si>
  <si>
    <t>無添加ミートソース</t>
  </si>
  <si>
    <t>無添加ミートソースマッシュ</t>
  </si>
  <si>
    <t>無添加ナポリタンソース</t>
  </si>
  <si>
    <t>オーマイミートソースマッシュルーム</t>
  </si>
  <si>
    <t>オーマイナポリタンソース</t>
  </si>
  <si>
    <t>金のパスタほうれん草フェット</t>
  </si>
  <si>
    <t>ふりかけパスタ　明太子</t>
  </si>
  <si>
    <t>ブランチパスタ　トマトバジル</t>
  </si>
  <si>
    <t>デカレンジャーヤサイコーンアマクチ</t>
  </si>
  <si>
    <t>ポテトグラタンホワイトソース</t>
  </si>
  <si>
    <t>カリー工房　中辛</t>
  </si>
  <si>
    <t>カリ-コウボウ・カラクチ</t>
  </si>
  <si>
    <t>パスタココボロニア風ミート</t>
  </si>
  <si>
    <t>トロケルウマサノビ-フカレ-カラクチ</t>
  </si>
  <si>
    <t>ビーフの為のシチューです</t>
  </si>
  <si>
    <t>ギュウニュウデツクルグラタンソース</t>
  </si>
  <si>
    <t>カリーライトビーフ　中辛</t>
  </si>
  <si>
    <t>カリーライトチキン　中辛</t>
  </si>
  <si>
    <t>カリーライトシーフード　中辛</t>
  </si>
  <si>
    <t>パスタココトマト＆バジル</t>
  </si>
  <si>
    <t>ﾊｳｽ_ぱすた屋和風きのこ_130g</t>
  </si>
  <si>
    <t>スープスパゲッティの素海老クリーム味</t>
  </si>
  <si>
    <t>完熟トマトのミートソース4袋入り</t>
  </si>
  <si>
    <t>ハインツ　なすと挽肉のデミチーズソース</t>
  </si>
  <si>
    <t>大人むけのパスタ　牛肉とイベリコ豚の粗挽きボロネーゼ</t>
  </si>
  <si>
    <t>マゼリャンセ　タラコ</t>
  </si>
  <si>
    <t>まいたけの和風ソース</t>
  </si>
  <si>
    <t>舞たけとエリンギの和風ソース</t>
  </si>
  <si>
    <t>トマトソース　ミルポア入り</t>
  </si>
  <si>
    <t>このまんまレンジミートソース</t>
  </si>
  <si>
    <t>たっぷり大きめお肉のミートソース</t>
  </si>
  <si>
    <t>低糖質ミートソースCarbOFF</t>
  </si>
  <si>
    <t>低糖質カルボナーラCarbOFF</t>
  </si>
  <si>
    <t>低糖質蟹のトマトクリームCarbOFF</t>
  </si>
  <si>
    <t>トマトのミートソース</t>
  </si>
  <si>
    <t>あさりと完熟トマトのボンゴレ</t>
  </si>
  <si>
    <t>キノコクリームパスタソース</t>
  </si>
  <si>
    <t>デリシャス　ミートソース3Ｐ</t>
  </si>
  <si>
    <t>140g×3</t>
  </si>
  <si>
    <t>アーリオ　オーリオ　エ　ペペロンチーノ</t>
  </si>
  <si>
    <t>じゃがいものニョッキ２５０ｇ</t>
  </si>
  <si>
    <t>ピエトロ　おうちパスタ　ナポリタン　１８０ｍｌ</t>
  </si>
  <si>
    <t>180ML</t>
  </si>
  <si>
    <t>おうちパスタごま醤油ガーリック</t>
  </si>
  <si>
    <t>おうちパスタペペロンチーノ</t>
  </si>
  <si>
    <t>おうちパスタたらこマヨネーズ</t>
  </si>
  <si>
    <t>おうちパスタジェノベーゼバジルソース</t>
  </si>
  <si>
    <t>おうちパスタカルボナーラ</t>
  </si>
  <si>
    <t>おうちパスタトマトガーリック</t>
  </si>
  <si>
    <t>おうちパスタバジル</t>
  </si>
  <si>
    <t>カラミソース</t>
  </si>
  <si>
    <t>スパドレ　魚介のサフラン</t>
  </si>
  <si>
    <t>ファリーニ粉ﾁｰｽﾞ</t>
  </si>
  <si>
    <t>ﾌｼﾞﾎﾞｳｴｷ</t>
  </si>
  <si>
    <t>ヴァルボナ__ペストジェノベーゼ__１９０ｇ</t>
  </si>
  <si>
    <t>ヴァルボナ__ペストロッソ__１８５ｇ</t>
  </si>
  <si>
    <t>有機パスタソース　トマト＆バジル</t>
  </si>
  <si>
    <t>有機パスタソース・アラビアータ</t>
  </si>
  <si>
    <t>有機パスタソース・トマト＆香味野菜</t>
  </si>
  <si>
    <t>有機バジル入りカットトマト</t>
  </si>
  <si>
    <t>有機パスタソーストマト＆バジルエクストラバージン</t>
  </si>
  <si>
    <t>バリラペーストジェノベーゼ</t>
  </si>
  <si>
    <t>マッケローニリガーティ</t>
  </si>
  <si>
    <t>レンジ対応</t>
  </si>
  <si>
    <t>元祖ヨコイのあんかけスパ</t>
  </si>
  <si>
    <t>パスタのためのスパイスふりかけ和</t>
  </si>
  <si>
    <t>カルボナーラなめらかチーズ仕立て</t>
  </si>
  <si>
    <t>ミートソースフォン・ド・ヴォー仕立て</t>
  </si>
  <si>
    <t>たらこクリームなめらかクリーム仕立て</t>
  </si>
  <si>
    <t>マ･マーTAPPRINOボロネーゼ</t>
  </si>
  <si>
    <t>マ･マーTAPPRINOカルボナーラ</t>
  </si>
  <si>
    <t>マ･マーTAPPRINO海老のトマトクリーム</t>
  </si>
  <si>
    <t>マ･マーTAPPRINOガーリックトマト</t>
  </si>
  <si>
    <t>オーマイレンジでミートソース</t>
  </si>
  <si>
    <t>オーマイレンジでカルボナーラ</t>
  </si>
  <si>
    <t>オーマイレンジでナポリタン</t>
  </si>
  <si>
    <t>レンジでガーリックトマト</t>
  </si>
  <si>
    <t>パキットボロネーゼ</t>
  </si>
  <si>
    <t>パキットカルボナーラ</t>
  </si>
  <si>
    <t>パキットペペロンチーノ</t>
  </si>
  <si>
    <t>生トマト1個で作るバジルパスタソースの素</t>
  </si>
  <si>
    <t>生トマト1個で作る海老パスタソースの素</t>
  </si>
  <si>
    <t>ﾐｰﾄｿｰｽ</t>
  </si>
  <si>
    <t>発酵バター風味の濃厚たらこクリーム</t>
  </si>
  <si>
    <t>あえるハコネーゼペペロンチーノ</t>
  </si>
  <si>
    <t>昔ながらの喫茶店風ナポリタンソース</t>
  </si>
  <si>
    <t>ハコネーゼ生クリーム仕立ての濃厚ポルチーニソース</t>
  </si>
  <si>
    <t>ハコネーゼ焦がしにんにくの完熟トマトソース</t>
  </si>
  <si>
    <t>ハコネーゼ海老の旨みたっぷり濃厚トマトクリームソース</t>
  </si>
  <si>
    <t>ハコネーゼあさりの旨味たっぷり絶品ボンゴレビアンコ</t>
  </si>
  <si>
    <t>ハコネーゼゴーダチーズと香味野菜の濃厚ボロネーゼ</t>
  </si>
  <si>
    <t>ハコネーゼ生クリームとゴーダチーズの濃厚カルボナーラ</t>
  </si>
  <si>
    <t>パスタ麺</t>
  </si>
  <si>
    <t>ソース向け</t>
  </si>
  <si>
    <t>スパゲッティ</t>
  </si>
  <si>
    <t>スパゲティ</t>
  </si>
  <si>
    <t>マカロニ</t>
  </si>
  <si>
    <t>スパゲッティー</t>
  </si>
  <si>
    <t>ﾍﾞﾙﾗﾏｶﾙﾅ</t>
  </si>
  <si>
    <t>Aldaスパゲッティ1.7mm</t>
  </si>
  <si>
    <t>VERAスパゲッティ1.7mm</t>
  </si>
  <si>
    <t>championスパゲッティ1.7mm</t>
  </si>
  <si>
    <t>Royalスパゲッティ1.7mm</t>
  </si>
  <si>
    <t>イタリア産スパゲッティ</t>
  </si>
  <si>
    <t>丸長</t>
  </si>
  <si>
    <t>ﾏﾙﾁｮｳ</t>
  </si>
  <si>
    <t>イタリア産スパゲッティ1kg</t>
  </si>
  <si>
    <t>ﾘﾌﾟﾚ</t>
  </si>
  <si>
    <t>スパゲッティ1.6mm3個セット</t>
  </si>
  <si>
    <t>ｴﾑｱﾝﾄﾞｴﾑ</t>
  </si>
  <si>
    <t>スパゲッティ1.6mm1kg3個セット</t>
  </si>
  <si>
    <t>ディヴェッラスパゲッティーニ#91kg3個セット</t>
  </si>
  <si>
    <t>1000g×3P</t>
  </si>
  <si>
    <t>ﾃﾞｨｳﾞｪｯﾗ</t>
  </si>
  <si>
    <t>ディヴェッラスパゲティーニ#9YEラベル1kg3個セット</t>
  </si>
  <si>
    <t>ディヴェッラスパゲッティーニ5個セット</t>
  </si>
  <si>
    <t>ファジョリーニマカロニ_3個セット</t>
  </si>
  <si>
    <t>500g*3</t>
  </si>
  <si>
    <t>ディヴェッラスパゲティーニ4個セット</t>
  </si>
  <si>
    <t>1000g×4P</t>
  </si>
  <si>
    <t>ディチェコNo.11スパゲッティーニ×3個セット</t>
  </si>
  <si>
    <t>3ｺｾｯﾄ</t>
  </si>
  <si>
    <t>ライスマカロニペンネ（エルボ）</t>
  </si>
  <si>
    <t>ライスマカロニペンネ</t>
  </si>
  <si>
    <t>ライスマカロニ（フジッリ）</t>
  </si>
  <si>
    <t>ライスマカロニエルボー</t>
  </si>
  <si>
    <t>ライスマカロニフッジリ</t>
  </si>
  <si>
    <t>地中海のパスタスパゲティー</t>
  </si>
  <si>
    <t>地中海スパゲティー1.7ｍｍ</t>
  </si>
  <si>
    <t>地中海のパスタ1.7ｍｍ</t>
  </si>
  <si>
    <t>地中海のスパゲッティー_1.45mm</t>
  </si>
  <si>
    <t>グリーンチョイススパゲティ</t>
  </si>
  <si>
    <t>ﾆﾎﾝｺｰﾋｰ</t>
  </si>
  <si>
    <t>ギリシャスパゲティ</t>
  </si>
  <si>
    <t>M＆M</t>
  </si>
  <si>
    <t>バーハルスパゲティ</t>
  </si>
  <si>
    <t>ﾊﾞｰﾊﾙ</t>
  </si>
  <si>
    <t>スパゲッティ1.6mm</t>
  </si>
  <si>
    <t>スパゲッティ1.6mmケース</t>
  </si>
  <si>
    <t>1kg×12</t>
  </si>
  <si>
    <t>セルバ　結束スパゲティ　1.7ｍｍ</t>
  </si>
  <si>
    <t>もちもち食感スパゲティ　１．６ｍｍ</t>
  </si>
  <si>
    <t>パスタルッソ</t>
  </si>
  <si>
    <t>ﾊﾞﾊｰﾙ</t>
  </si>
  <si>
    <t>アルベールスパゲティ</t>
  </si>
  <si>
    <t>バハール</t>
  </si>
  <si>
    <t>結束スパゲッティ１．６ｍｍ</t>
  </si>
  <si>
    <t>ﾏﾙﾚ</t>
  </si>
  <si>
    <t>ファリソ　スパゲティ</t>
  </si>
  <si>
    <t>ﾌｧﾘｿ</t>
  </si>
  <si>
    <t>スパゲッティ　</t>
  </si>
  <si>
    <t>LEZZELスパゲッティ</t>
  </si>
  <si>
    <t>スパゲッティ500g</t>
  </si>
  <si>
    <t>Ｂａｌｓｎａｃｋ_Ａｓｉａ</t>
  </si>
  <si>
    <t>NEVAスパゲッティ</t>
  </si>
  <si>
    <t>ｽﾊﾟｹﾞﾃｨ_1.4mm</t>
  </si>
  <si>
    <t>スパゲッティ1.7mm</t>
  </si>
  <si>
    <t>ファーレアーラ_スパゲッティ</t>
  </si>
  <si>
    <t>ファーレ・アーラ</t>
  </si>
  <si>
    <t>ﾌｧｰﾚｱｰﾚ</t>
  </si>
  <si>
    <t>イタリア産　結束スパゲティ　5束</t>
  </si>
  <si>
    <t>ディアサ</t>
  </si>
  <si>
    <t>ﾃﾞｨｱｻ</t>
  </si>
  <si>
    <t>イタリア産スパゲッティ結束タイプ</t>
  </si>
  <si>
    <t>イタリア産スパゲッティ500g</t>
  </si>
  <si>
    <t>アネージスパゲティ1.7mm結束500g</t>
  </si>
  <si>
    <t>ﾌﾟﾛｯｼﾓ_ｽﾊﾟｹﾞｯﾃｨ_(NEW)_500G</t>
  </si>
  <si>
    <t>ﾌﾟﾛｯｼﾓ</t>
  </si>
  <si>
    <t>ﾌﾟﾛｯｼﾓ_ｽﾊﾟｹﾞｯﾃｨ</t>
  </si>
  <si>
    <t>ﾌﾟﾛｯｼﾓｽﾊﾟｹﾞｯﾃｨ結束ﾀｲﾌﾟ100G×5束</t>
  </si>
  <si>
    <t>プロッシモシートパスタペンネ</t>
  </si>
  <si>
    <t>プロッシモシートパスタフジリ</t>
  </si>
  <si>
    <t>プロッシモスパゲッティ</t>
  </si>
  <si>
    <t>プロッシモスパゲティ</t>
  </si>
  <si>
    <t>スパゲッティ結束</t>
  </si>
  <si>
    <t>プロッシモシートパスタエルボ</t>
  </si>
  <si>
    <t>スパゲッティ　1.6</t>
  </si>
  <si>
    <t>スパゲッティー1.6mm</t>
  </si>
  <si>
    <t>スパゲッティ1.4mm</t>
  </si>
  <si>
    <t>蒟蒻効果グルコマンナン入りマカロニタイプ</t>
  </si>
  <si>
    <t>ママースパゲティー４５０</t>
  </si>
  <si>
    <t>ママークルル</t>
  </si>
  <si>
    <t>ママースパ１．６ｍｍ</t>
  </si>
  <si>
    <t>スパゲティ１８ＭＭ</t>
  </si>
  <si>
    <t>ママープロント１．７ｍｍ</t>
  </si>
  <si>
    <t>プロントスパゲティミニ１．７ＭＭ</t>
  </si>
  <si>
    <t>パケットパスタシェル</t>
  </si>
  <si>
    <t>パケットパスタツイスト</t>
  </si>
  <si>
    <t>パケットパスタクルル</t>
  </si>
  <si>
    <t>パケットパスタ_ペンネ</t>
  </si>
  <si>
    <t>ペンネマカロニチャック付</t>
  </si>
  <si>
    <t>ママスパ１．７</t>
  </si>
  <si>
    <t>ママープロントスパゲティ１．５</t>
  </si>
  <si>
    <t>プロントミニ</t>
  </si>
  <si>
    <t>スパゲティ１．６</t>
  </si>
  <si>
    <t>ユデスパイタリアン２ショク</t>
  </si>
  <si>
    <t>エルボ９分</t>
  </si>
  <si>
    <t>ツイストマカロニ</t>
  </si>
  <si>
    <t>オーマイ_カールマカロニ</t>
  </si>
  <si>
    <t>サラダスパゲティＳＰ</t>
  </si>
  <si>
    <t>チャックスパゲティ１．７</t>
  </si>
  <si>
    <t>スパゲティチャック１．５</t>
  </si>
  <si>
    <t>キティーマカロニ</t>
  </si>
  <si>
    <t>ﾍﾟﾝﾈﾏｶﾛﾆ</t>
  </si>
  <si>
    <t>結束スパゲッティ　１．３ｍｍ</t>
  </si>
  <si>
    <t>ハローキティマカロニ</t>
  </si>
  <si>
    <t>早ゆでスパ１．４結束タイプ</t>
  </si>
  <si>
    <t>日本製粉レガーロペンネリガーテ</t>
  </si>
  <si>
    <t>スパゲティ１．９ｍｍ</t>
  </si>
  <si>
    <t>ブイトーニスパゲティーニ３Ｐ</t>
  </si>
  <si>
    <t>300g×3</t>
  </si>
  <si>
    <t>リラックマポポロスパ　７分結束</t>
  </si>
  <si>
    <t>リラックマポポロスパ　５分結束</t>
  </si>
  <si>
    <t>ポポロスパ5分結束</t>
  </si>
  <si>
    <t>業務用スパゲッティ７</t>
  </si>
  <si>
    <t>ポポロマカロニ_４分</t>
  </si>
  <si>
    <t>ポポロ_マカロニ_４分</t>
  </si>
  <si>
    <t>サラマカクッキングパック</t>
  </si>
  <si>
    <t>ハチ食品　ツナクリームパスタソース１５０ｇ</t>
  </si>
  <si>
    <t>ハチ食品　きのこのパスタソース</t>
  </si>
  <si>
    <t>パスタパスタ　ゆずこ</t>
  </si>
  <si>
    <t>スパゲッティ1kg</t>
  </si>
  <si>
    <t>ﾈﾊﾞ</t>
  </si>
  <si>
    <t>ラ・モリサーナスパゲッティ</t>
  </si>
  <si>
    <t>ペンネマカロニ</t>
  </si>
  <si>
    <t>Benvenutiｽﾊﾟｹﾞﾃｨ1.7mm</t>
  </si>
  <si>
    <t>パスタ_ベンべヌティー</t>
  </si>
  <si>
    <t>ベンベヌティーペンネ</t>
  </si>
  <si>
    <t>Benvenutiスパゲティ1.7mm</t>
  </si>
  <si>
    <t>結束スパゲティ1.7mm</t>
  </si>
  <si>
    <t>Passeggiataスパゲティ1.4mm</t>
  </si>
  <si>
    <t>Passeggiataスパゲティ1.7mm</t>
  </si>
  <si>
    <t>Passeggiataスパゲティ1.6mm</t>
  </si>
  <si>
    <t>ラテイーノエクスプレス　早ゆでスパゲッティ３００ｇ</t>
  </si>
  <si>
    <t>ﾗﾃｨｰﾉ</t>
  </si>
  <si>
    <t>ラテイーノエクスプレス　早ゆでスパゲッティ_600g</t>
  </si>
  <si>
    <t>国産米粉の発芽玄米マカロニ</t>
  </si>
  <si>
    <t>大潟村あきたこまち生産者協会</t>
  </si>
  <si>
    <t>ｵｵｶﾞﾀﾑﾗｱｷﾀ</t>
  </si>
  <si>
    <t>国産米粉の発芽玄米マカロニ　フジッリタイプ</t>
  </si>
  <si>
    <t>グルテンフリーパスタフジッリ</t>
  </si>
  <si>
    <t>グリテンフリーパスタマカロニ</t>
  </si>
  <si>
    <t>讃岐パスタ</t>
  </si>
  <si>
    <t>ハートインパスタ</t>
  </si>
  <si>
    <t>アルボゴルドエッグパスタアルファベット</t>
  </si>
  <si>
    <t>アルボゴルドキッズパスタラビット</t>
  </si>
  <si>
    <t>アルボゴルドキッズパスタディノザウルス</t>
  </si>
  <si>
    <t>アルボゴルドキッズパスタサファリ</t>
  </si>
  <si>
    <t>三香園商店卸部</t>
  </si>
  <si>
    <t>ディオスパゲッティ1.6</t>
  </si>
  <si>
    <t>レストランマカロニ</t>
  </si>
  <si>
    <t>ミックスマカロニ</t>
  </si>
  <si>
    <t>シェルマカロニ</t>
  </si>
  <si>
    <t>ﾌｧ-ﾚｱ-ﾗ</t>
  </si>
  <si>
    <t>早ゆでサラダマカロニ</t>
  </si>
  <si>
    <t>結束スパゲッティ1.6</t>
  </si>
  <si>
    <t>結束スパゲッティ1.4</t>
  </si>
  <si>
    <t>早ゆで結束スパゲッティ1.6</t>
  </si>
  <si>
    <t>スパゲッティ1.4大容量</t>
  </si>
  <si>
    <t>スパゲッティ1.6大容量</t>
  </si>
  <si>
    <t>マカリアマカロニペンネ</t>
  </si>
  <si>
    <t>マカリアマカロニキフェリ</t>
  </si>
  <si>
    <t>マカリアマカロニフィジリ</t>
  </si>
  <si>
    <t>ｼﾞｪﾅﾝ</t>
  </si>
  <si>
    <t>ジェナンスパゲッティ１７ｍｍ</t>
  </si>
  <si>
    <t>ペンネリガーテ</t>
  </si>
  <si>
    <t>フジッリ</t>
  </si>
  <si>
    <t>ヨコイスパゲティ</t>
  </si>
  <si>
    <t>ボルカノパスタファミリー</t>
  </si>
  <si>
    <t>テッラデルソーレスパ</t>
  </si>
  <si>
    <t>乾燥ボルチーニスタンダード</t>
  </si>
  <si>
    <t>ﾁﾁｭｳｶｲﾌ-ｽﾞ</t>
  </si>
  <si>
    <t>メルジェックスパゲッティ</t>
  </si>
  <si>
    <t>ベストワン</t>
  </si>
  <si>
    <t>エクス神戸ラ・パスタ</t>
  </si>
  <si>
    <t>ファミリアパスタ</t>
  </si>
  <si>
    <t>ランダスパゲティ</t>
  </si>
  <si>
    <t>春日商会</t>
  </si>
  <si>
    <t>ｶｽｶﾞｼｮｳｶｲ</t>
  </si>
  <si>
    <t>ラ・ロゼフランシュパスタ</t>
  </si>
  <si>
    <t>ルッソ　ペンネ</t>
  </si>
  <si>
    <t>ルッソ　フジリ</t>
  </si>
  <si>
    <t>ルッソ　スパゲッティ</t>
  </si>
  <si>
    <t>IGPスパゲッティ1.7mm</t>
  </si>
  <si>
    <t>ｶﾞﾛﾌｧﾛ</t>
  </si>
  <si>
    <t>スパゲッティ　早ゆでタイプ</t>
  </si>
  <si>
    <t>ポテトニョッキ　</t>
  </si>
  <si>
    <t>ﾃﾞｨﾁｪｺ</t>
  </si>
  <si>
    <t>ディ･チェコNO.1ラザーニャ</t>
  </si>
  <si>
    <t>リングイーネNO7</t>
  </si>
  <si>
    <t>カッペリーニNo.9</t>
  </si>
  <si>
    <t>フェデリーニNO､10</t>
  </si>
  <si>
    <t>スパゲッティーニNO.11</t>
  </si>
  <si>
    <t>スパゲッティーニNO､12</t>
  </si>
  <si>
    <t>ミッレリーゲNo.25</t>
  </si>
  <si>
    <t>ﾌｨｼﾞﾘ_No.34</t>
  </si>
  <si>
    <t>ペンネチリガーテNo.41</t>
  </si>
  <si>
    <t>コンキリエリガーテNO､50</t>
  </si>
  <si>
    <t>ｺﾝｷﾘｴﾋﾟｯｺﾚ_No.53</t>
  </si>
  <si>
    <t>ﾘｰｿﾞNo.74</t>
  </si>
  <si>
    <t>ﾌｧﾙﾌｧｰﾚ_No.93</t>
  </si>
  <si>
    <t>イタリア産スパゲッティー1.7ｍｍ</t>
  </si>
  <si>
    <t>ｸｯﾁｰﾅ</t>
  </si>
  <si>
    <t>ペドネスパゲティ</t>
  </si>
  <si>
    <t>サンタニ-ファ</t>
  </si>
  <si>
    <t>ディヴェッラペンノーニリガーテ#29</t>
  </si>
  <si>
    <t>メモス</t>
  </si>
  <si>
    <t>ディヴェッラキッフェリーニ#47</t>
  </si>
  <si>
    <t>ディヴェッラフジレッティ#51</t>
  </si>
  <si>
    <t>ディヴェッラファジョリーニマカロニ#66</t>
  </si>
  <si>
    <t>ディヴェッラスパゲティーニ#9</t>
  </si>
  <si>
    <t>ディヴェッラスパゲッティーニ#9</t>
  </si>
  <si>
    <t>ディヴェッラスパゲッティリストランテ#8</t>
  </si>
  <si>
    <t>ディヴェッラスパゲッティリストランテ#9</t>
  </si>
  <si>
    <t>スパゲティーニ１．６</t>
  </si>
  <si>
    <t>ｵﾍﾟﾗﾌﾟﾘﾏ</t>
  </si>
  <si>
    <t>グランムリスパゲティ</t>
  </si>
  <si>
    <t>ｶﾞｻﾞｰﾚ</t>
  </si>
  <si>
    <t>フォンターナヴェッキア１．６ｍｍ</t>
  </si>
  <si>
    <t>フォンターナヴェッキア１．４</t>
  </si>
  <si>
    <t>フォンタナヴェチアスパゲティ</t>
  </si>
  <si>
    <t>ﾌｫﾝﾀﾅｳﾞｪﾁｱ</t>
  </si>
  <si>
    <t>アルチェネロ有機全粒枌パスタ1.6mm</t>
  </si>
  <si>
    <t>アルチェネロ有機パスタ1.6mm</t>
  </si>
  <si>
    <t>日仏　アルチェネ_有機パスタ　1.4mm</t>
  </si>
  <si>
    <t>日仏　アルチェネ_有機マカロニ</t>
  </si>
  <si>
    <t>日仏　アルチェネ_有機ペンネ</t>
  </si>
  <si>
    <t>日仏　アルチェネ_有機フジッリ</t>
  </si>
  <si>
    <t>日仏　アルチェネ_有機トリコロールフジッリ</t>
  </si>
  <si>
    <t>日仏　アルチェネ_有機全粒枌ペンネ</t>
  </si>
  <si>
    <t>日仏　アルチェネ_有機全粒枌タリアテッレ</t>
  </si>
  <si>
    <t>日仏　アルチェネ_有機全粒枌マカロニ</t>
  </si>
  <si>
    <t>日仏　アルチェネ_有機全粒枌パスタ　1.4mm</t>
  </si>
  <si>
    <t>日仏　アルチェネ_有機全粒枌フジッリ</t>
  </si>
  <si>
    <t>日仏　アルチェネ_有機パスタ　2.2mm</t>
  </si>
  <si>
    <t>日仏　アルチェネ_有機トリコロールファルファーレ</t>
  </si>
  <si>
    <t>日仏　アルチェネ_有機エルボ</t>
  </si>
  <si>
    <t>フィアンマヴェスビアーナパスタ１．６ｍｍ</t>
  </si>
  <si>
    <t>ﾌｨｱﾏ</t>
  </si>
  <si>
    <t>フィアマ　＃３　スパゲッティー１．６ｍｍ</t>
  </si>
  <si>
    <t>ペンネ　リガーテ</t>
  </si>
  <si>
    <t>ﾌｲｱﾏ</t>
  </si>
  <si>
    <t>スパゲッティーニ（1.4ｍｍ）</t>
  </si>
  <si>
    <t>ﾓﾝｽｰﾛ</t>
  </si>
  <si>
    <t>カッペリーニ　Ｎｏ．３０　１．３ｍｍ</t>
  </si>
  <si>
    <t>ジュゼッぺコッコ</t>
  </si>
  <si>
    <t>スパゲッティ　Ｎｏ３３　１．７ｍｍ</t>
  </si>
  <si>
    <t>バリラカッペリーニＮｏ．１（１．１５ｍｍ）</t>
  </si>
  <si>
    <t>バリラ_ペンネッテリガーネ</t>
  </si>
  <si>
    <t>フジリ</t>
  </si>
  <si>
    <t>バリラ_ファルファレ</t>
  </si>
  <si>
    <t>バリラ　クスクス</t>
  </si>
  <si>
    <t>アンカラスパゲティー</t>
  </si>
  <si>
    <t>富士貿易</t>
  </si>
  <si>
    <t>ｱﾝｶﾗ</t>
  </si>
  <si>
    <t>ﾊﾟｽﾀﾋﾞﾗ</t>
  </si>
  <si>
    <t>セルバ　スパゲッティ</t>
  </si>
  <si>
    <t>Selvaパスタ</t>
  </si>
  <si>
    <t>セルバスパゲティ1.7mm</t>
  </si>
  <si>
    <t>パスタノヴァスパゲッティ</t>
  </si>
  <si>
    <t>ｴｽｴﾙｼﾞｬﾊﾟﾝ</t>
  </si>
  <si>
    <t>ﾘｱﾅ</t>
  </si>
  <si>
    <t>ワールドリンクス</t>
  </si>
  <si>
    <t>結束パスタ1.7mm</t>
  </si>
  <si>
    <t>GOLDA</t>
  </si>
  <si>
    <t>ショートパスタエルボ</t>
  </si>
  <si>
    <t>ﾚｳﾞ</t>
  </si>
  <si>
    <t>ショートパスタペンネ</t>
  </si>
  <si>
    <t>ﾗ･ﾌｫﾝﾃ</t>
  </si>
  <si>
    <t>マカロニペンネ</t>
  </si>
  <si>
    <t>マカロニフィジリ</t>
  </si>
  <si>
    <t>レギュラーブランド</t>
  </si>
  <si>
    <t>スパゲティー１．６ｍｍ</t>
  </si>
  <si>
    <t>ポポロスパゲティ</t>
  </si>
  <si>
    <t>バリラスパゲッティNO.4450g3個セット</t>
  </si>
  <si>
    <t>ﾊﾟﾘﾗｼﾞｬﾊﾟﾝ</t>
  </si>
  <si>
    <t>フラテッリ　バッタリオーニニョッキ</t>
  </si>
  <si>
    <t>スパゲッティー１．６ｍｍ</t>
  </si>
  <si>
    <t>トマト＆チーズソースのフジッリ</t>
  </si>
  <si>
    <t>トリュフソースのペンネ</t>
  </si>
  <si>
    <t>バリラNo4スパオリジナルキャップ付</t>
  </si>
  <si>
    <t>ﾊﾞﾘﾗｼﾞｬﾊﾟﾝ</t>
  </si>
  <si>
    <t>ﾌﾟﾛｯｼﾓ_ｽﾊﾟｹﾞｯﾃｨ_300G(NEW)</t>
  </si>
  <si>
    <t>昭和スパゲッティ1.6mm</t>
  </si>
  <si>
    <t>スパゲッティ１．８ミリ</t>
  </si>
  <si>
    <t>グラタンマカロニ</t>
  </si>
  <si>
    <t>太麺スパゲッティ2.2mm</t>
  </si>
  <si>
    <t>昭和産業　食感を楽しむスパゲティ　１．６ｍｍ　袋３００ｇ</t>
  </si>
  <si>
    <t>ナポリスパゲティ１．６ｍｍ</t>
  </si>
  <si>
    <t>スパゲッティ１．８ｍｍ</t>
  </si>
  <si>
    <t>早ゆで3分スパ高たんぱく1.6mm</t>
  </si>
  <si>
    <t>早ゆでスパゲティファインファスト1.6mm</t>
  </si>
  <si>
    <t>マ･マー生パスタリングイーネ</t>
  </si>
  <si>
    <t>マ･マー生パスタフェットチーネ</t>
  </si>
  <si>
    <t>スパゲティ1.4mm</t>
  </si>
  <si>
    <t>スパゲティ1.6mm</t>
  </si>
  <si>
    <t>スパゲティ1.8mm</t>
  </si>
  <si>
    <t>チャック付結束スパゲティ1.4mm</t>
  </si>
  <si>
    <t>チャック付結束スパゲティ1.6mm</t>
  </si>
  <si>
    <t>ママープロント１．５ｍｍ</t>
  </si>
  <si>
    <t>プロントスパゲティ１７ＭＭ</t>
  </si>
  <si>
    <t>早ゆで2分ｽﾊﾟｹﾞﾃｨ_1.4mm</t>
  </si>
  <si>
    <t>チャック付結束スパゲティ1.8mm</t>
  </si>
  <si>
    <t>スパゲッティ１．６ｍｍ</t>
  </si>
  <si>
    <t>スパゲティ１．４</t>
  </si>
  <si>
    <t>マ・マー早ゆで３分スパゲティ１．６ｍｍ</t>
  </si>
  <si>
    <t>スーパープロント早ゆでミニスパ</t>
  </si>
  <si>
    <t>日清フーズ　マ・マー　早ゆでスパ２／３Ｓ１．８ｍｍ　４００ｇ</t>
  </si>
  <si>
    <t>スパゲティー1.9mm</t>
  </si>
  <si>
    <t>スパゲティ　1.7mm</t>
  </si>
  <si>
    <t>スパゲティー1.7mm</t>
  </si>
  <si>
    <t>スパゲティー1.5mm</t>
  </si>
  <si>
    <t>ミニスパゲッティ1.5mm</t>
  </si>
  <si>
    <t>スパゲティ1.7mmチャック付き</t>
  </si>
  <si>
    <t>結束スパゲティー1.7mm</t>
  </si>
  <si>
    <t>結束スパゲティー1.5mm</t>
  </si>
  <si>
    <t>スパゲティ1.5mmチャック付き</t>
  </si>
  <si>
    <t>ｵｰﾏｲ早ゆでﾌｪｯﾄﾁｰﾈ240G</t>
  </si>
  <si>
    <t>スパゲティチャック付1.7mm</t>
  </si>
  <si>
    <t>スパゲティチャック付1.5mm</t>
  </si>
  <si>
    <t>スパゲティー1.3mm</t>
  </si>
  <si>
    <t>ナポリエッテ</t>
  </si>
  <si>
    <t>早ゆでスパゲッティ　１．６ｍｍ</t>
  </si>
  <si>
    <t>カープスパゲティ結束</t>
  </si>
  <si>
    <t>生パスタフェットチーネ</t>
  </si>
  <si>
    <t>生パスタリングイネ</t>
  </si>
  <si>
    <t>レガーロクラシックスパゲッティ1.5mm結束</t>
  </si>
  <si>
    <t>焼きナポリタンセット</t>
  </si>
  <si>
    <t>スープ用マカロニ</t>
  </si>
  <si>
    <t>早ゆでスパゲッティ1.6mm結束</t>
  </si>
  <si>
    <t>早ゆでスパゲッティ1.8mm結束</t>
  </si>
  <si>
    <t>オーマイプレミアムもちっと結束スパゲッティ1.5mm</t>
  </si>
  <si>
    <t>オーマイプレミアムもちっと結束スパゲッティ1.8mm</t>
  </si>
  <si>
    <t>スパゲッティ1.7</t>
  </si>
  <si>
    <t>スパゲッティ1.5</t>
  </si>
  <si>
    <t>極上アルデンテがおいしいスパゲッティ</t>
  </si>
  <si>
    <t>結束スパゲッティ1.7mm</t>
  </si>
  <si>
    <t>結束スパゲッティ1.5mm</t>
  </si>
  <si>
    <t>ポポロスパ　５分</t>
  </si>
  <si>
    <t>ポポロスパ７分結束</t>
  </si>
  <si>
    <t>はごろも　ポポロスパ５分　５束　５００ｇ</t>
  </si>
  <si>
    <t>スパゲッティデリカ1.7mm</t>
  </si>
  <si>
    <t>ポポロスパ7分</t>
  </si>
  <si>
    <t>ＮＥＶＡスパゲティ１．７ＭＭ</t>
  </si>
  <si>
    <t>冷凍スパゲッティー1.6mm</t>
  </si>
  <si>
    <t>食物繊維たっぷりスパゲッティー</t>
  </si>
  <si>
    <t>レストランスパゲティ１．５ｍｍ</t>
  </si>
  <si>
    <t>グルテンフリーヌードルフェットチーネ玄米</t>
  </si>
  <si>
    <t>小林生麺</t>
  </si>
  <si>
    <t>ｺﾊﾞﾔｼﾅﾏﾒﾝ</t>
  </si>
  <si>
    <t>グルテンフリーヌードルスパゲッティ白米</t>
  </si>
  <si>
    <t>スパゲティ１．８ｍｍ</t>
  </si>
  <si>
    <t>ディ・チェコNO11スパゲッティニ増量</t>
  </si>
  <si>
    <t>ディヴェッラパスタ#10ヴェルミチェッリーニ</t>
  </si>
  <si>
    <t>ディヴェッラパスタ#11カペッリーニ</t>
  </si>
  <si>
    <t>ディヴェッラパスタ#14リングイネ</t>
  </si>
  <si>
    <t>ディヴェッラパスタ#8ブロンズダイス</t>
  </si>
  <si>
    <t>ショートパスタ　フィジリ</t>
  </si>
  <si>
    <t>ｸﾞﾗﾉｰﾛ</t>
  </si>
  <si>
    <t>ショートパスタ　ペンネ</t>
  </si>
  <si>
    <t>スパゲッティーニ</t>
  </si>
  <si>
    <t>RUMMO</t>
  </si>
  <si>
    <t>アルチェネロ　有機タリアテッレ</t>
  </si>
  <si>
    <t>ﾛｰﾘｰ</t>
  </si>
  <si>
    <t>LORI#3スパゲッティー1.6mm</t>
  </si>
  <si>
    <t>バリラスパゲッティNo.31.4mm</t>
  </si>
  <si>
    <t>バリラ　スパゲッティNo.5</t>
  </si>
  <si>
    <t>バリラ　スパゲティーNo.3</t>
  </si>
  <si>
    <t>バリラスパゲッティNO.4</t>
  </si>
  <si>
    <t>プレミアムブランド</t>
  </si>
  <si>
    <t>バリラスパゲッティNO.31.4mm450g3個セット</t>
  </si>
  <si>
    <t>バリラスパゲッティNO.5450g3個セット</t>
  </si>
  <si>
    <t>バリラスパゲティお買い得セット　NO.５　限定品</t>
  </si>
  <si>
    <t>青の洞窟スパ1.6mmチャック結束</t>
  </si>
  <si>
    <t>金のパスタフェットチーネ</t>
  </si>
  <si>
    <t>金のパスタリングイネ</t>
  </si>
  <si>
    <t>レガーロスパゲッティ1.7mm結束</t>
  </si>
  <si>
    <t>レガーロクラシコスパゲッティ1.7mm結束</t>
  </si>
  <si>
    <t>レガーロフジリ</t>
  </si>
  <si>
    <t>レガーロファルファッレ</t>
  </si>
  <si>
    <t>レガーロクラシックスパゲッティ1.7mm結束</t>
  </si>
  <si>
    <t>日本製粉レガーロカサレッチェ</t>
  </si>
  <si>
    <t>日本製粉レガーロリガトーニ</t>
  </si>
  <si>
    <t>レガーロクラシック結束1.7mm</t>
  </si>
  <si>
    <t>レガーロ生パスタリングイネ</t>
  </si>
  <si>
    <t>麦の匠スパゲッティ　１．６ｍｍ</t>
  </si>
  <si>
    <t>ボルカノチェント1.6mm</t>
  </si>
  <si>
    <t>フィシリ</t>
  </si>
  <si>
    <t>ガロファロ　ＩＧＰ　フェットチーネ</t>
  </si>
  <si>
    <t>スパゲッティNO.3</t>
  </si>
  <si>
    <t>ブイトーニ　Ｎｏ．７１スパゲティーニ</t>
  </si>
  <si>
    <t>ﾌﾞｲﾄｰﾆ</t>
  </si>
  <si>
    <t>ディ・チェコNO.9カッペリーニ</t>
  </si>
  <si>
    <t>ディ・チェコNO.10フェデリーニ</t>
  </si>
  <si>
    <t>ディ・チェコNO.11スパゲッティーニ</t>
  </si>
  <si>
    <t>ディ・チェコNO.12スパゲッティ</t>
  </si>
  <si>
    <t>ディ・チェコNO.7リングイーネ</t>
  </si>
  <si>
    <t>ディ・チェコNO.34フスィリ</t>
  </si>
  <si>
    <t>ディ・チェコNO.41ペンネリガーテ</t>
  </si>
  <si>
    <t>ディ・チェコNO.50コンキリエリガーテ</t>
  </si>
  <si>
    <t>ディ・チェコNO.93ファルファーレ</t>
  </si>
  <si>
    <t>リグォーリスパゲッティーニ1.4mmIGP</t>
  </si>
  <si>
    <t>リグォーリスパゲッティ1.8mmIGP</t>
  </si>
  <si>
    <t>リグォーリスパゲッティクアドラーティIGP</t>
  </si>
  <si>
    <t>リグォーリリングイネIGP</t>
  </si>
  <si>
    <t>リグォーリフェットゥッチェIGP</t>
  </si>
  <si>
    <t>リグォーリフジッリIGP</t>
  </si>
  <si>
    <t>リグォーリペンネリガーテIGP</t>
  </si>
  <si>
    <t>スパゲティ1.7mm</t>
  </si>
  <si>
    <t>バリラスパゲッティＮｏ．５　１Ｋｇ</t>
  </si>
  <si>
    <t>バリラ　スパゲティ　No.5　１．７mm</t>
  </si>
  <si>
    <t>バリラスパゲティNo.31.4mm</t>
  </si>
  <si>
    <t>ファルファレ</t>
  </si>
  <si>
    <t>ペンネッテリガーテ</t>
  </si>
  <si>
    <t>スパゲッティNO.51.6</t>
  </si>
  <si>
    <t>バリラスパゲッティ1.4mm</t>
  </si>
  <si>
    <t>バリラスパゲッティ1.6mm</t>
  </si>
  <si>
    <t>バリラスパゲッティ1.8mm</t>
  </si>
  <si>
    <t>早ゆでスパゲティ結束1.6mm</t>
  </si>
  <si>
    <t>ライスパスタスパゲッティー</t>
  </si>
  <si>
    <t>蒟蒻効果グルコマンナン入りパスタ</t>
  </si>
  <si>
    <t>早ゆで３分スパゲティ　1.6mm　結束タイプ</t>
  </si>
  <si>
    <t>早ゆで4分スパゲティ1.8mmチャック付結束</t>
  </si>
  <si>
    <t>フェットチーネ</t>
  </si>
  <si>
    <t>ミニスパゲッティ１．６ｍｍ</t>
  </si>
  <si>
    <t>早ゆでスパゲティプロント</t>
  </si>
  <si>
    <t>早ゆで3分スパゲティ1.6mmチャック付結束</t>
  </si>
  <si>
    <t>早ゆで2分スパゲティ1.4mmチャック付結束</t>
  </si>
  <si>
    <t>早ゆでスパゲティ2/3サイズ1.6mm</t>
  </si>
  <si>
    <t>ミニスパゲティ１．６ｍｍ</t>
  </si>
  <si>
    <t>フィットチーネプレーン</t>
  </si>
  <si>
    <t>フィットチーネほうれん草入り</t>
  </si>
  <si>
    <t>ミニスパゲッティ1.7mm</t>
  </si>
  <si>
    <t>早ゆで結束スパゲティ1.6mm</t>
  </si>
  <si>
    <t>早ゆで結束スパゲティ1.8mm</t>
  </si>
  <si>
    <t>早ゆでパスタ1.6</t>
  </si>
  <si>
    <t>揖保乃糸龍の夢PASTA</t>
  </si>
  <si>
    <t>スパゲティハウスヨコイのソース</t>
  </si>
  <si>
    <t>パスタファミリー1.8</t>
  </si>
  <si>
    <t>リングイネ　２食　</t>
  </si>
  <si>
    <t>フィットチーネ　２食　</t>
  </si>
  <si>
    <t>リングイーネ　Ｎｏ３４</t>
  </si>
  <si>
    <t>健康</t>
  </si>
  <si>
    <t>グルテンフリー発芽玄米パスタ</t>
  </si>
  <si>
    <t>6食入り</t>
  </si>
  <si>
    <t>ﾎﾞﾝﾎﾞﾝｾｲｶ</t>
  </si>
  <si>
    <t>ZENBSPAGHETTI</t>
  </si>
  <si>
    <t>ＺＥＮＢ_ＪＡＰＡＮ</t>
  </si>
  <si>
    <t>ライスパスタ</t>
  </si>
  <si>
    <t>オーマイプラス糖質50%オフパスタ</t>
  </si>
  <si>
    <t>オーマイ　全粒粉入りスパ１．７ｍｍ結束　500g</t>
  </si>
  <si>
    <t>Carboffロングパスタ</t>
  </si>
  <si>
    <t>ポポロスパCarbOFF1.4mm</t>
  </si>
  <si>
    <t>ポポロスパCarbOFF</t>
  </si>
  <si>
    <t>1／3日分の食物繊維が摂れるスパゲティ</t>
  </si>
  <si>
    <t>全粒粉スパゲッティ</t>
  </si>
  <si>
    <t>ラ・モリサーナ</t>
  </si>
  <si>
    <t>ﾗﾓﾘｻｰﾅ</t>
  </si>
  <si>
    <t>全粒粉ペンネリガーテ</t>
  </si>
  <si>
    <t>サラダ向け</t>
  </si>
  <si>
    <t>早ゆでパスタ　トルコ産</t>
  </si>
  <si>
    <t>アルべラ　スパゲッティ</t>
  </si>
  <si>
    <t>プロシモマカロニペンネ早ゆで</t>
  </si>
  <si>
    <t>プロシモマカロニフジリ早ゆで</t>
  </si>
  <si>
    <t>グラタンマカロニチャック付</t>
  </si>
  <si>
    <t>ラティーノエクスプレス　マカロニ　120g</t>
  </si>
  <si>
    <t>アルボゴルドアルファベットパスタ</t>
  </si>
  <si>
    <t>フォッサノスパゲッティー</t>
  </si>
  <si>
    <t>ぷりっとおいしいフジッリマカロニ</t>
  </si>
  <si>
    <t>ぷりっとおいしいペンネマカロニ</t>
  </si>
  <si>
    <t>ABCマカロニ</t>
  </si>
  <si>
    <t>ディズニーパスタミッキーと仲間</t>
  </si>
  <si>
    <t>ｎａｋａｔｏ</t>
  </si>
  <si>
    <t>nakato</t>
  </si>
  <si>
    <t>ディズニ-パスタプリンセス</t>
  </si>
  <si>
    <t>早ゆでインスタントマカロニ3個セット</t>
  </si>
  <si>
    <t>早ゆでサラダマカロニ200g5個セット</t>
  </si>
  <si>
    <t>はごろもサラスパ3個セット</t>
  </si>
  <si>
    <t>サラダマカロニ</t>
  </si>
  <si>
    <t>昭和産業　早ゆでマカロニ　袋２５０ｇ</t>
  </si>
  <si>
    <t>サラダスパゲッティショート</t>
  </si>
  <si>
    <t>早ゆで１分３０秒クルル</t>
  </si>
  <si>
    <t>ﾏ･ﾏ-</t>
  </si>
  <si>
    <t>サラダスパゲティショート</t>
  </si>
  <si>
    <t>パケットパスタ早茹でネジーレ</t>
  </si>
  <si>
    <t>パケットＰ野菜サラダマカロニ</t>
  </si>
  <si>
    <t>早ゆで3分ストレートマカロニ</t>
  </si>
  <si>
    <t>早ゆでサラダスパゲティ</t>
  </si>
  <si>
    <t>日清フーズ　マ・マー　野菜入りサラダマカロニ　１５０ｇ</t>
  </si>
  <si>
    <t>プロント１／２_サラダスパ２００Ｇ</t>
  </si>
  <si>
    <t>早ゆでサラダネジ-レ</t>
  </si>
  <si>
    <t>クイックマカロニ</t>
  </si>
  <si>
    <t>ママ-早ゆで1分30秒クルル</t>
  </si>
  <si>
    <t>早ゆで3分ペンネ</t>
  </si>
  <si>
    <t>早ゆで3分サラダマカロニ</t>
  </si>
  <si>
    <t>ママ-早ゆで４分クイック</t>
  </si>
  <si>
    <t>早ゆでサラダクルル</t>
  </si>
  <si>
    <t>プロントサラダスパゲティ１／２</t>
  </si>
  <si>
    <t>サラダスパゲティ_１／２</t>
  </si>
  <si>
    <t>うれしい早ゆでクルル</t>
  </si>
  <si>
    <t>早ゆでサラダネジーレ</t>
  </si>
  <si>
    <t>ママ早ゆで３分サラダペンネ</t>
  </si>
  <si>
    <t>150g+50g</t>
  </si>
  <si>
    <t>緑黄色野菜サラダマカロニ</t>
  </si>
  <si>
    <t>ママーサラダマカロニ</t>
  </si>
  <si>
    <t>早ゆでペンネ</t>
  </si>
  <si>
    <t>マ・マーPaletteフェットチーネ全粒粉</t>
  </si>
  <si>
    <t>早ゆでインスタントマカロニ</t>
  </si>
  <si>
    <t>インスタントマカロニ</t>
  </si>
  <si>
    <t>ショートサラダスパゲティー</t>
  </si>
  <si>
    <t>早ゆでサラダカールマカロニ</t>
  </si>
  <si>
    <t>早ゆでリガティーニマカロニ</t>
  </si>
  <si>
    <t>早ゆでハローキティマカロニ</t>
  </si>
  <si>
    <t>早ゆでペンネマカロニ</t>
  </si>
  <si>
    <t>ポポロサラスパ</t>
  </si>
  <si>
    <t>サラスパ</t>
  </si>
  <si>
    <t>ポポロスパハーフ北海道産小麦</t>
  </si>
  <si>
    <t>ポポロスパハーフCarbOFF1.44mm</t>
  </si>
  <si>
    <t>ポポロスパハーフ</t>
  </si>
  <si>
    <t>サラマカ</t>
  </si>
  <si>
    <t>サラマカ5</t>
  </si>
  <si>
    <t>CarbOFFサラスパ</t>
  </si>
  <si>
    <t>サラダペンネ</t>
  </si>
  <si>
    <t>ベンベヌティーサラダ</t>
  </si>
  <si>
    <t>ｽｷｰ</t>
  </si>
  <si>
    <t>早ゆでマカロニ</t>
  </si>
  <si>
    <t>カールマカロニ</t>
  </si>
  <si>
    <t>サラダスパゲティ</t>
  </si>
  <si>
    <t>バリラバベッティー500g</t>
  </si>
  <si>
    <t>バリラペンネリガーテ</t>
  </si>
  <si>
    <t>バリラ</t>
  </si>
  <si>
    <t>バリラフジリ</t>
  </si>
  <si>
    <t>ラトビア産スパゲティ</t>
  </si>
  <si>
    <t>1.7mm400g</t>
  </si>
  <si>
    <t>スープ春雨博多水炊き風ゆず胡椒</t>
  </si>
  <si>
    <t>ワンポットパスタだし醤油味</t>
  </si>
  <si>
    <t>45ｇ×2</t>
  </si>
  <si>
    <t>グラタンマカロニ9分</t>
  </si>
  <si>
    <t>スパゲッティ1.5mm結束</t>
  </si>
  <si>
    <t>ﾚｶﾞｰﾛ</t>
  </si>
  <si>
    <t>超早ゆでサラダマカロニ</t>
  </si>
  <si>
    <t>超早ゆでサラダカールマカロニ</t>
  </si>
  <si>
    <t>スパゲッティ1.5ｍｍ</t>
  </si>
  <si>
    <t>レガーロ　スパゲッティ１．７ｍｍ</t>
  </si>
  <si>
    <t>はごろもCarbOFFエルボ</t>
  </si>
  <si>
    <t>はごろもCarbOFFフジッリ</t>
  </si>
  <si>
    <t>ピーヤング　麻婆春雨</t>
  </si>
  <si>
    <t>シーズンパスタ1.5ｍｍ</t>
  </si>
  <si>
    <t>ﾁｮｳｼｮｸﾋﾝ</t>
  </si>
  <si>
    <t>博多明太子ﾊﾟｽﾀ</t>
  </si>
  <si>
    <t>ビーフシチュー仕立てのミートソー</t>
  </si>
  <si>
    <t>グラノーロパスタ1.6ｍｍ</t>
  </si>
  <si>
    <t>フリジ</t>
  </si>
  <si>
    <t>セルバパスタ1.7ｍｍ</t>
  </si>
  <si>
    <t>派生品</t>
  </si>
  <si>
    <t>イタリアン</t>
  </si>
  <si>
    <t>グラタン</t>
  </si>
  <si>
    <t>シェル＆４種チーズ</t>
  </si>
  <si>
    <t>ｱﾆｰｽﾞ</t>
  </si>
  <si>
    <t>シェル＆ホワイトチェダー</t>
  </si>
  <si>
    <t>312ｇ</t>
  </si>
  <si>
    <t>シェル＆エイジドチェダー</t>
  </si>
  <si>
    <t>マカロニグラタンクイックアップホワイトソース160g2個セット</t>
  </si>
  <si>
    <t>マカロニグラタンクイックアップホワイト3個セット</t>
  </si>
  <si>
    <t>北海道グラタン4皿分</t>
  </si>
  <si>
    <t>じゃがネル　ピザ味カップ</t>
  </si>
  <si>
    <t>27.8ｇ</t>
  </si>
  <si>
    <t>きょうの大皿さば味噌用</t>
  </si>
  <si>
    <t>95Ｇ</t>
  </si>
  <si>
    <t>ｸｯｸﾄﾞｩ</t>
  </si>
  <si>
    <t>ナットクノエビドリアソース</t>
  </si>
  <si>
    <t>ナットクノチキンドリアソース</t>
  </si>
  <si>
    <t>リボリータトマト味</t>
  </si>
  <si>
    <t>リボリータコンソメ</t>
  </si>
  <si>
    <t>リボリータクリーム味</t>
  </si>
  <si>
    <t>ポントクックホワイトソースの素</t>
  </si>
  <si>
    <t>ポントクックドミグラスソースの素</t>
  </si>
  <si>
    <t>マカロニグラタン　チーズソース用4人前</t>
  </si>
  <si>
    <t>マカロニグラタンホワイト</t>
  </si>
  <si>
    <t>マカロニグラタンホワイトソース4人前</t>
  </si>
  <si>
    <t>マカロニグラタンホワイトソース2人前</t>
  </si>
  <si>
    <t>マカロニグラタンミートソース2人前</t>
  </si>
  <si>
    <t>マカロニグラタンチーズソース2人前</t>
  </si>
  <si>
    <t>マカロニグラタン　チーズソース用</t>
  </si>
  <si>
    <t>ママー北海道産グラタン</t>
  </si>
  <si>
    <t>トーストグラタンソース</t>
  </si>
  <si>
    <t>焼くだけグラタン　マッシュ</t>
  </si>
  <si>
    <t>ヤクダケグラタンチーズアジチキン＆マッシュルーム</t>
  </si>
  <si>
    <t>マカロニグラタン　ミートソース用</t>
  </si>
  <si>
    <t>レトルトグラタンソース</t>
  </si>
  <si>
    <t>クッキングソースグラタン</t>
  </si>
  <si>
    <t>マカロニグラタンホワイト2人前</t>
  </si>
  <si>
    <t>スパゲティグラタン_カルボナーラ</t>
  </si>
  <si>
    <t>スパゲティグラタン_トマトクリーム</t>
  </si>
  <si>
    <t>マカロニたっぷりグラタンセットホワイトソース用4人前</t>
  </si>
  <si>
    <t>マカロニグラタンセット北海道産かぼちゃのチーズクリーム</t>
  </si>
  <si>
    <t>マカロニたっぷりグラタンセットミートソース用2人前</t>
  </si>
  <si>
    <t>マカロニたっぷりグラタンセット_ミートソース用４人前</t>
  </si>
  <si>
    <t>マカロニたっぷりグラタンセットチーズソース</t>
  </si>
  <si>
    <t>マカロニグラタンかぼちゃチーズクリーム</t>
  </si>
  <si>
    <t>２人前</t>
  </si>
  <si>
    <t>フライパンだけのグラタンホワイトソース用</t>
  </si>
  <si>
    <t>フライパンだけのグラタンミートソース用</t>
  </si>
  <si>
    <t>グラタンミックス　ホワイト</t>
  </si>
  <si>
    <t>判膳用お茶づけ海苔</t>
  </si>
  <si>
    <t>３２．８Ｇ</t>
  </si>
  <si>
    <t>濃いおしるこ　こしあん</t>
  </si>
  <si>
    <t>マカロニグラタンクイックアップ</t>
  </si>
  <si>
    <t>マカロニグラタン_Ｗソース</t>
  </si>
  <si>
    <t>エビマカロニグラタン</t>
  </si>
  <si>
    <t>パンデグラタン</t>
  </si>
  <si>
    <t>パンデグラタン　チーズソース</t>
  </si>
  <si>
    <t>ライスでグラタン　Ｃとコーン</t>
  </si>
  <si>
    <t>ライスデグラタンビーフソース</t>
  </si>
  <si>
    <t>パンでグラタンマヨクリーム</t>
  </si>
  <si>
    <t>パンでグラ野菜ピザクリーム</t>
  </si>
  <si>
    <t>マカロニグラタンクィックアップ2人前</t>
  </si>
  <si>
    <t>北海道グラタンWソース</t>
  </si>
  <si>
    <t>豆腐グラタン完熟トマトソース</t>
  </si>
  <si>
    <t>豆腐グラタンマ－ボソ－ス</t>
  </si>
  <si>
    <t>パンでグラかぼちゃのクリームＳ</t>
  </si>
  <si>
    <t>豆腐グラタンクリームソース</t>
  </si>
  <si>
    <t>パンでグラタンチーズソース</t>
  </si>
  <si>
    <t>マカロニグラタンきのこＣ</t>
  </si>
  <si>
    <t>北海道パンでグラタン</t>
  </si>
  <si>
    <t>マカロニグラタンクイックアップミートソース</t>
  </si>
  <si>
    <t>マカロニグラタンクイックアップミート2皿</t>
  </si>
  <si>
    <t>80.5g</t>
  </si>
  <si>
    <t>グラチネペンネグラ濃厚ホワイトソース</t>
  </si>
  <si>
    <t>グラチネペンネグラ濃厚デミグラスソース</t>
  </si>
  <si>
    <t>１３８ｇ</t>
  </si>
  <si>
    <t>グラチネ　ペンネ濃厚ホワイトソース</t>
  </si>
  <si>
    <t>ハウス北海道グラタンチーズ2皿分</t>
  </si>
  <si>
    <t>北海道グラタン2皿分</t>
  </si>
  <si>
    <t>マカロニグラタンクイックアップミートソース4皿</t>
  </si>
  <si>
    <t>マカロニグラタンクイックアップミートソース2皿</t>
  </si>
  <si>
    <t>マカロニグラタンクイックアップホワイトソース4皿</t>
  </si>
  <si>
    <t>マカロニグラタンクイックアップホワイトソース2皿</t>
  </si>
  <si>
    <t>2皿分</t>
  </si>
  <si>
    <t>かけて焼くだけグラタンソース</t>
  </si>
  <si>
    <t>デミグラスソース特選</t>
  </si>
  <si>
    <t>グラタンソース</t>
  </si>
  <si>
    <t>ホワイトソース特選</t>
  </si>
  <si>
    <t>スパゲティーグラタンホワイトソース</t>
  </si>
  <si>
    <t>スパゲティーグラタントマトソース</t>
  </si>
  <si>
    <t>ペンネグラタンホワイトソース</t>
  </si>
  <si>
    <t>ペンネグラタンデミグラソース</t>
  </si>
  <si>
    <t>スパグラナポリタンソース</t>
  </si>
  <si>
    <t>スパグラホワイトソース</t>
  </si>
  <si>
    <t>スパグラトマトソース</t>
  </si>
  <si>
    <t>CarbOFFグラタンホワイトソース</t>
  </si>
  <si>
    <t>穴子釜飯の素</t>
  </si>
  <si>
    <t>１６０Ｇ</t>
  </si>
  <si>
    <t>まぜこみご飯の素鶏きのこ</t>
  </si>
  <si>
    <t>干し海老とじゃこご飯</t>
  </si>
  <si>
    <t>アーデン</t>
  </si>
  <si>
    <t>ｱｰﾃﾞﾝ</t>
  </si>
  <si>
    <t>ドリア</t>
  </si>
  <si>
    <t>ドリアソースクリーム＆ミート</t>
  </si>
  <si>
    <t>127.5g</t>
  </si>
  <si>
    <t>ドリアソースクリーム＆トマト</t>
  </si>
  <si>
    <t>いつでもちょこっとドリアな気分</t>
  </si>
  <si>
    <t>なっとくのミートドリアソース</t>
  </si>
  <si>
    <t>1日分の緑黄色野菜のミラノ風ドリアソース3個パック</t>
  </si>
  <si>
    <t>ママの思いやりプラスドリアクリーム</t>
  </si>
  <si>
    <t>ママの思いやりクリークドリヤ</t>
  </si>
  <si>
    <t>糖質思いのミートドリア</t>
  </si>
  <si>
    <t>糖質思いのチキンドリア</t>
  </si>
  <si>
    <t>チキンイッパイノドリアソース</t>
  </si>
  <si>
    <t>エビイッパイノドリアソース</t>
  </si>
  <si>
    <t>ドリア　ソース</t>
  </si>
  <si>
    <t>ドリアソースホタテ</t>
  </si>
  <si>
    <t>チーズドリア３P</t>
  </si>
  <si>
    <t>ｼｰﾌｰﾄﾞﾄﾞﾘｱ3P</t>
  </si>
  <si>
    <t>ミートドリア</t>
  </si>
  <si>
    <t>きのこドリア</t>
  </si>
  <si>
    <t>カレードリア</t>
  </si>
  <si>
    <t>明太マヨドリア</t>
  </si>
  <si>
    <t>シーフードドリア</t>
  </si>
  <si>
    <t>てりやきﾁｷﾝドリア</t>
  </si>
  <si>
    <t>焼きカレードリア</t>
  </si>
  <si>
    <t>チキンドリアソース</t>
  </si>
  <si>
    <t>牡蛎のクリームソースドリア</t>
  </si>
  <si>
    <t>ミートドリアレトルト</t>
  </si>
  <si>
    <t>きのこドリアレトルト</t>
  </si>
  <si>
    <t>ポルチーニと黒トリュフのHBドリア</t>
  </si>
  <si>
    <t>ポケモンドリアソースデミグラス風</t>
  </si>
  <si>
    <t>リゾッドリア　チーズクリーム　</t>
  </si>
  <si>
    <t>リゾッドリア　トマトクリーム</t>
  </si>
  <si>
    <t>リゾッドリア　海老クリーム</t>
  </si>
  <si>
    <t>ラザニア</t>
  </si>
  <si>
    <t>オーマイラザニエッテ2個セット</t>
  </si>
  <si>
    <t>青の洞窟ラザニアエミリアーナ</t>
  </si>
  <si>
    <t>563g</t>
  </si>
  <si>
    <t>3種チーズのソースラザニアセット</t>
  </si>
  <si>
    <t>ラザニエッテ</t>
  </si>
  <si>
    <t>ラザニエッテホワイト</t>
  </si>
  <si>
    <t>ラザニエッテ濃厚チーズ味</t>
  </si>
  <si>
    <t>ラザニエッテ海老トマトクリーム</t>
  </si>
  <si>
    <t>ラザニエ　250g</t>
  </si>
  <si>
    <t>ラザニアセット</t>
  </si>
  <si>
    <t>ＤＩＳＨＵＰ　ラザニア</t>
  </si>
  <si>
    <t>ベッロじゃがいものニョッキ</t>
  </si>
  <si>
    <t>バリララザニエ</t>
  </si>
  <si>
    <t>ラザニエ</t>
  </si>
  <si>
    <t>リゾット</t>
  </si>
  <si>
    <t>こばらトマトリゾットの素</t>
  </si>
  <si>
    <t>10.8g×2</t>
  </si>
  <si>
    <t>こばらチーズリゾットの素</t>
  </si>
  <si>
    <t>11.8g×2</t>
  </si>
  <si>
    <t>こばらきのこリゾットの素</t>
  </si>
  <si>
    <t>豆乳ときのこのリゾットの素</t>
  </si>
  <si>
    <t>トマトスープリゾットの素</t>
  </si>
  <si>
    <t>かぼちゃスープリゾットの素</t>
  </si>
  <si>
    <t>チーズリゾットの素</t>
  </si>
  <si>
    <t>マイサイズチーズリゾットの素</t>
  </si>
  <si>
    <t>マイサイズトマトクリームリゾットの素</t>
  </si>
  <si>
    <t>糖質思いのトマトリゾット</t>
  </si>
  <si>
    <t>糖質想いの野菜カレー</t>
  </si>
  <si>
    <t>お手軽一品トマトリゾットの素</t>
  </si>
  <si>
    <t>お手軽一品チーズクリームリゾット</t>
  </si>
  <si>
    <t>マ・マーRiceDishチーズリゾットエンド用</t>
  </si>
  <si>
    <t>リゾットリア　４種のチ－ズ</t>
  </si>
  <si>
    <t>リゾットリア　きのこコンソメ</t>
  </si>
  <si>
    <t>ほめDELIバーニャカウダの素</t>
  </si>
  <si>
    <t>スープリゾット５種野菜クリーム</t>
  </si>
  <si>
    <t>スープリゾット８種野菜トマト</t>
  </si>
  <si>
    <t>焼きリゾットクリームソース</t>
  </si>
  <si>
    <t>焼きリゾットトマトソース</t>
  </si>
  <si>
    <t>リゾットリアミラノ風ミートソース</t>
  </si>
  <si>
    <t>リゾッドリアチーズカレー</t>
  </si>
  <si>
    <t>リゾッドリアチーズクリーム</t>
  </si>
  <si>
    <t>ビストロリゾット_トマトとチーズのリゾット</t>
  </si>
  <si>
    <t>ビストロリゾット_3種のチーズのリゾット</t>
  </si>
  <si>
    <t>スペイン料理</t>
  </si>
  <si>
    <t>マ・マーRiceDishパエリアエンド用</t>
  </si>
  <si>
    <t>マ・マーRiceDishジャンバラヤエンド用</t>
  </si>
  <si>
    <t>RiceDishナシゴレンセット</t>
  </si>
  <si>
    <t>ごちそうパエリアの素</t>
  </si>
  <si>
    <t>ほめDELIパエリアの素</t>
  </si>
  <si>
    <t>МCパエリアの素</t>
  </si>
  <si>
    <t>サクッとパスタ　しお味</t>
  </si>
  <si>
    <t>35Ｇ</t>
  </si>
  <si>
    <t>ｼﾝｺｰｼｮｸｻﾝ</t>
  </si>
  <si>
    <t>サクッとパスタ　トマトバジル味</t>
  </si>
  <si>
    <t>サクッとパスタ　チェダ－チーズ味</t>
  </si>
  <si>
    <t>サクッとパスタ　コンソメ味</t>
  </si>
  <si>
    <t>サクッとパスタ　黒こしょう味</t>
  </si>
  <si>
    <t>アヒージョ</t>
  </si>
  <si>
    <t>ほめDELIアヒージョの素</t>
  </si>
  <si>
    <t>8g×2袋入</t>
  </si>
  <si>
    <t>トッピング</t>
  </si>
  <si>
    <t>味付け</t>
  </si>
  <si>
    <t>タバスコ</t>
  </si>
  <si>
    <t>アーリオパスタペペロンチーノ</t>
  </si>
  <si>
    <t>フォン・ド・ヴォー＆トマトの煮込みハンバーグソース</t>
  </si>
  <si>
    <t>ペッパーソース</t>
  </si>
  <si>
    <t>60ml</t>
  </si>
  <si>
    <t>ピービーアイジャパン</t>
  </si>
  <si>
    <t>ﾋﾟｰﾋﾞｰｱｲJP</t>
  </si>
  <si>
    <t>タバスコスコーピオンソース</t>
  </si>
  <si>
    <t>シラチャーソース</t>
  </si>
  <si>
    <t>ﾀﾊﾞｽｺ</t>
  </si>
  <si>
    <t>粉チーズ</t>
  </si>
  <si>
    <t>スパゲッティペペロンチーノ</t>
  </si>
  <si>
    <t>ｷﾞﾔﾊﾞﾝ</t>
  </si>
  <si>
    <t>スパゲッティバジリコ</t>
  </si>
  <si>
    <t>16.4g</t>
  </si>
  <si>
    <t>アルボーレ粉チーズ</t>
  </si>
  <si>
    <t>ディモルトパルメザンチーズ</t>
  </si>
  <si>
    <t>デリッチオパルメザンチーズ</t>
  </si>
  <si>
    <t>パルメザンチーズ大</t>
  </si>
  <si>
    <t>ボーアンドボン</t>
  </si>
  <si>
    <t>ﾎﾞｰ＆ﾎﾞﾝ</t>
  </si>
  <si>
    <t>パルメザンチーズ</t>
  </si>
  <si>
    <t>レヴクリエイト　パルメザンチーズ</t>
  </si>
  <si>
    <t>グローバル・チーズ</t>
  </si>
  <si>
    <t>GLBﾁｰｽﾞ</t>
  </si>
  <si>
    <t>ｸﾞﾛｰﾊﾞﾙﾁｰｽ</t>
  </si>
  <si>
    <t>パルメザンチーズ(アメリカ産)</t>
  </si>
  <si>
    <t>ﾄﾏﾄcp</t>
  </si>
  <si>
    <t>粉チーズ（イタリア産)</t>
  </si>
  <si>
    <t>カルパッチョソース</t>
  </si>
  <si>
    <t>ガーリックオイル</t>
  </si>
  <si>
    <t>バジルソース</t>
  </si>
  <si>
    <t>予約でいっぱいバジルソース</t>
  </si>
  <si>
    <t>粉チーズ　トリュフフレーバー(イ・</t>
  </si>
  <si>
    <t>70Ｇ</t>
  </si>
  <si>
    <t>バリラ　ラザニエ（卵入り）</t>
  </si>
  <si>
    <t>イタリアンテバジルソース</t>
  </si>
  <si>
    <t>素材</t>
  </si>
  <si>
    <t>乾燥トマト</t>
  </si>
  <si>
    <t>アンナマンマドライトマト</t>
  </si>
  <si>
    <t>アンナマンマバジリコ</t>
  </si>
  <si>
    <t>乾麺・半生麺・棒麺</t>
  </si>
  <si>
    <t>棒麺</t>
  </si>
  <si>
    <t>中華麺</t>
  </si>
  <si>
    <t>（温）スープ付き</t>
  </si>
  <si>
    <t>棒ラーメン</t>
  </si>
  <si>
    <t>棒ラーメン豚骨醤油</t>
  </si>
  <si>
    <t>棒ラーメン醤油</t>
  </si>
  <si>
    <t>棒ラーメン豚骨</t>
  </si>
  <si>
    <t>九州ラーメン赤龍</t>
  </si>
  <si>
    <t>アベックラーメン5個セット</t>
  </si>
  <si>
    <t>棒ラーメン_4個ｾｯﾄ</t>
  </si>
  <si>
    <t>4個ｾｯﾄ</t>
  </si>
  <si>
    <t>棒ラーメン30個セット</t>
  </si>
  <si>
    <t>30個入セット</t>
  </si>
  <si>
    <t>英国昇龍トリュフ香る豚骨ラーメン</t>
  </si>
  <si>
    <t>キヨトク</t>
  </si>
  <si>
    <t>ｷﾖﾄｸ</t>
  </si>
  <si>
    <t>一蘭焼ラーメンとんこつ2食</t>
  </si>
  <si>
    <t>一蘭ラーメン博多細麺ストレート2食</t>
  </si>
  <si>
    <t>博多醤油とんこつラーメン</t>
  </si>
  <si>
    <t>とんこつラーメン　5食</t>
  </si>
  <si>
    <t>味噌ラーメン5食入</t>
  </si>
  <si>
    <t>醤油ラーメン5食入</t>
  </si>
  <si>
    <t>博多もつ鍋ラーメン</t>
  </si>
  <si>
    <t>博多もつ焼きラーメン</t>
  </si>
  <si>
    <t>三田製麺所監修灼熱つけ麺</t>
  </si>
  <si>
    <t>熊本ラ－メン</t>
  </si>
  <si>
    <t>アベックラーメン</t>
  </si>
  <si>
    <t>アベックラーメントンコツ</t>
  </si>
  <si>
    <t>ちゃんぽんス-プ付</t>
  </si>
  <si>
    <t>久留米とんこつラーメン</t>
  </si>
  <si>
    <t>博多美人ラ－メン</t>
  </si>
  <si>
    <t>熊本もっこすラーメン</t>
  </si>
  <si>
    <t>博多発祥焼ラーメン</t>
  </si>
  <si>
    <t>火の国熊本とんこつラーメン</t>
  </si>
  <si>
    <t>おいしいとんこつラーメン</t>
  </si>
  <si>
    <t>おいしい醤油ラーメン</t>
  </si>
  <si>
    <t>おいしいキムチラーメン</t>
  </si>
  <si>
    <t>おいしいチャンポン</t>
  </si>
  <si>
    <t>熊本赤辛ラーメン</t>
  </si>
  <si>
    <t>五木全国ラーメンの旅横浜</t>
  </si>
  <si>
    <t>五木全国ラーメンの旅尾道</t>
  </si>
  <si>
    <t>五木全国ラーメンの旅和歌山</t>
  </si>
  <si>
    <t>なつかし屋台の味噌ラーメン</t>
  </si>
  <si>
    <t>五木博多おっしょいラーメン</t>
  </si>
  <si>
    <t>五木久留米ほとめきラーメン</t>
  </si>
  <si>
    <t>五木煮込みちゃんぽん海鮮豚骨味</t>
  </si>
  <si>
    <t>五木煮込みちゃんぽん韓国風味</t>
  </si>
  <si>
    <t>くまモンの熊本ラーメン</t>
  </si>
  <si>
    <t>博多辛子高菜とんこつ</t>
  </si>
  <si>
    <t>久留米　ネギとんこつ</t>
  </si>
  <si>
    <t>4ｺ入</t>
  </si>
  <si>
    <t>スープ付ちゃんぽん</t>
  </si>
  <si>
    <t>267G</t>
  </si>
  <si>
    <t>糖質３０％ＯＦＦとんこつラーメン</t>
  </si>
  <si>
    <t>激情ラーメン　カレー豚骨</t>
  </si>
  <si>
    <t>濃厚とまとラーメン</t>
  </si>
  <si>
    <t>博多辛子高菜とんこつラーメン</t>
  </si>
  <si>
    <t>１６６g</t>
  </si>
  <si>
    <t>鶏だし醤油ラーメン</t>
  </si>
  <si>
    <t>ちゃちゃっとちゃんぽん</t>
  </si>
  <si>
    <t>棒ラーメンとんこつ</t>
  </si>
  <si>
    <t>棒ラーメン久留米</t>
  </si>
  <si>
    <t>棒ラーメン_高菜</t>
  </si>
  <si>
    <t>棒状焼きらーめん</t>
  </si>
  <si>
    <t>棒ラーメン鶏がらしょうゆ</t>
  </si>
  <si>
    <t>九州ピリ辛豚骨ラーメン</t>
  </si>
  <si>
    <t>熊本とんこつ棒ラーメン</t>
  </si>
  <si>
    <t>ラー麦棒ラーメン</t>
  </si>
  <si>
    <t>棒状ラーメン_しょうゆ</t>
  </si>
  <si>
    <t>棒状_熊本とんこつラーメン</t>
  </si>
  <si>
    <t>棒ラーメン鶏だし塩</t>
  </si>
  <si>
    <t>丸幸ラーメンセンター久留米豚骨ラーメン</t>
  </si>
  <si>
    <t>長浜ナンバーワン長浜豚骨ラーメン</t>
  </si>
  <si>
    <t>丸星ラーメン久留米豚骨ラーメン</t>
  </si>
  <si>
    <t>九州博多とんこつラーメン</t>
  </si>
  <si>
    <t>九州久留米ラーメン</t>
  </si>
  <si>
    <t>九州中洲屋台ピリ辛とんこつラーメン</t>
  </si>
  <si>
    <t>棒状九州久留米とんこつラーメン</t>
  </si>
  <si>
    <t>棒状丸幸ラーメンセンター監修久留米豚骨ラーメン</t>
  </si>
  <si>
    <t>長浜ナンバーワン監修長浜豚骨ラーメン</t>
  </si>
  <si>
    <t>丸星ラーメン監修久留米豚骨ラーメン</t>
  </si>
  <si>
    <t>煮込みラーメン担々麺風</t>
  </si>
  <si>
    <t>311g</t>
  </si>
  <si>
    <t>日の出本場ラーメン1人前</t>
  </si>
  <si>
    <t>ロン竜ラーメン</t>
  </si>
  <si>
    <t>九州ラーメンロンリュウ</t>
  </si>
  <si>
    <t>炸醤龍</t>
  </si>
  <si>
    <t>赤龍ラーメン</t>
  </si>
  <si>
    <t>カレー_龍</t>
  </si>
  <si>
    <t>棒ラーメン醤油とんこつ味</t>
  </si>
  <si>
    <t>新博多長浜棒ラーメン</t>
  </si>
  <si>
    <t>九州博多棒拉麺</t>
  </si>
  <si>
    <t>稗田の博多豚骨拉麺</t>
  </si>
  <si>
    <t>博多とんこつラ-メン</t>
  </si>
  <si>
    <t>73g×2P</t>
  </si>
  <si>
    <t>熊本黒マー油とんこつラメン</t>
  </si>
  <si>
    <t>長崎あごだし入り醤油ラ-メン</t>
  </si>
  <si>
    <t>棒状あごだし入り醤油拉麺</t>
  </si>
  <si>
    <t>248G</t>
  </si>
  <si>
    <t>棒ラーメンみそ</t>
  </si>
  <si>
    <t>元祖長浜屋棒ラーメン</t>
  </si>
  <si>
    <t>鹿児島黒豚とんこつラーメン</t>
  </si>
  <si>
    <t>宮崎鶏塩ラーメン</t>
  </si>
  <si>
    <t>辛味噌棒ラーメン</t>
  </si>
  <si>
    <t>辛子高菜風味棒ラーメン</t>
  </si>
  <si>
    <t>マルタイ棒ちゃんぽん</t>
  </si>
  <si>
    <t>長崎風６種の具付きちゃんぽん</t>
  </si>
  <si>
    <t>焼ラーメン_とんこつ味</t>
  </si>
  <si>
    <t>佐賀牛塩ラーメン</t>
  </si>
  <si>
    <t>１８５ｇ</t>
  </si>
  <si>
    <t>大分鶏がら醤油ラーメン</t>
  </si>
  <si>
    <t>２１４ｇ</t>
  </si>
  <si>
    <t>久留米濃厚とんこつラーメン</t>
  </si>
  <si>
    <t>６種の具付き長崎風ちゃんぽん</t>
  </si>
  <si>
    <t>３ＷＡＹ魚介豚骨</t>
  </si>
  <si>
    <t>３ＷＡＹ辛味噌</t>
  </si>
  <si>
    <t>焼そば_ｿｰｽ味</t>
  </si>
  <si>
    <t>平打カレーラーメン</t>
  </si>
  <si>
    <t>清陽軒監修棒ラーメン</t>
  </si>
  <si>
    <t>四海楼監修棒ちゃんぽん</t>
  </si>
  <si>
    <t>一幸舎監修棒ラーメン</t>
  </si>
  <si>
    <t>北海道札幌味噌ラーメン</t>
  </si>
  <si>
    <t>２１６ｇ</t>
  </si>
  <si>
    <t>北海道旭川醤油ラーメン</t>
  </si>
  <si>
    <t>２１２ｇ</t>
  </si>
  <si>
    <t>長崎皿うどん味棒ラーメン</t>
  </si>
  <si>
    <t>九州発・博多とんこつラーメン</t>
  </si>
  <si>
    <t>九州発・熊本とんこつラーメン</t>
  </si>
  <si>
    <t>九州発・鹿児島とんこつラーメン</t>
  </si>
  <si>
    <t>屋台とんこつ味棒ラーメン</t>
  </si>
  <si>
    <t>棒ラーメンみそ味</t>
  </si>
  <si>
    <t>棒ラーメンごましょうゆ味</t>
  </si>
  <si>
    <t>ラーメン5食入</t>
  </si>
  <si>
    <t>屋台とんこつ味棒ラーメン5食入</t>
  </si>
  <si>
    <t>棒ヌードル_醤油</t>
  </si>
  <si>
    <t>棒ヌードル_豚骨</t>
  </si>
  <si>
    <t>棒ヌードル_醤油豚骨</t>
  </si>
  <si>
    <t>宮崎辛麺風ラーメン</t>
  </si>
  <si>
    <t>瀬戸内レモンとんこつラーメン</t>
  </si>
  <si>
    <t>１８９ｇ</t>
  </si>
  <si>
    <t>スタミナニンニク棒ラーメン</t>
  </si>
  <si>
    <t>大分鶏白湯ラーメン</t>
  </si>
  <si>
    <t>１８６g</t>
  </si>
  <si>
    <t>横浜家系醤油とんこつラーメン</t>
  </si>
  <si>
    <t>マルタイ棒油そば176g</t>
  </si>
  <si>
    <t>マルタイ棒ざるラーメン168g</t>
  </si>
  <si>
    <t>あごだしで長崎ラーメン</t>
  </si>
  <si>
    <t>カコイ食品</t>
  </si>
  <si>
    <t>ｶｺｲｼｮｸﾋﾝ</t>
  </si>
  <si>
    <t>あごだしで長崎ちゃんぽん</t>
  </si>
  <si>
    <t>瀬戸内れもん塩ラーメン</t>
  </si>
  <si>
    <t>なか川</t>
  </si>
  <si>
    <t>南蛮えびラーメン</t>
  </si>
  <si>
    <t>丸榮製粉</t>
  </si>
  <si>
    <t>ﾏﾙｴｲｾｲﾌﾝ</t>
  </si>
  <si>
    <t>紅ずわいがにラーメン</t>
  </si>
  <si>
    <t>丸栄製粉中華そば来味煮干しラーメン2食</t>
  </si>
  <si>
    <t>丸栄製粉関屋福来亭背脂ラーメン</t>
  </si>
  <si>
    <t>沖縄そばそばだし付</t>
  </si>
  <si>
    <t>マルタケ食品</t>
  </si>
  <si>
    <t>ﾏﾙﾀｹｼﾖｸﾋﾝ</t>
  </si>
  <si>
    <t>滋味長崎ちゃんぽん</t>
  </si>
  <si>
    <t>雲仙きのこ本舗</t>
  </si>
  <si>
    <t>ｳﾝｾﾞﾝｷﾉｺﾎﾝ</t>
  </si>
  <si>
    <t>中華街のラーメン</t>
  </si>
  <si>
    <t>九州棒ラーメン</t>
  </si>
  <si>
    <t>九州味龍ラーメン</t>
  </si>
  <si>
    <t>福島ラーメンしょうゆ</t>
  </si>
  <si>
    <t>江崎製麺</t>
  </si>
  <si>
    <t>ｴｻﾞｷｾｲﾒﾝ</t>
  </si>
  <si>
    <t>福島ラーメンとんこつ</t>
  </si>
  <si>
    <t>九州らーめん醤油味</t>
  </si>
  <si>
    <t>ぺろっこらーめん醤油</t>
  </si>
  <si>
    <t>岡本製麺味覇拉麺</t>
  </si>
  <si>
    <t>岡本製麺海鮮味覇拉麺182g</t>
  </si>
  <si>
    <t>182G</t>
  </si>
  <si>
    <t>岡本_徳島ラーメン棒状</t>
  </si>
  <si>
    <t>らーめん播磨王鶏がらしお味</t>
  </si>
  <si>
    <t>らーめん播磨王屋台風醤油味</t>
  </si>
  <si>
    <t>金の中華そば</t>
  </si>
  <si>
    <t>110g*3</t>
  </si>
  <si>
    <t>ｸﾎﾞﾀｾｲﾒﾝﾝｷ</t>
  </si>
  <si>
    <t>支那そば</t>
  </si>
  <si>
    <t>博多らーめん　とんこつ</t>
  </si>
  <si>
    <t>博多らーめん　しょうゆ</t>
  </si>
  <si>
    <t>早ゆでちゃんぽん</t>
  </si>
  <si>
    <t>ﾀｶｵｾｲﾒﾝ</t>
  </si>
  <si>
    <t>鹿児島ラーメン亭　とんこつ味</t>
  </si>
  <si>
    <t>鹿児島ラーメン亭　醤油とんこつ味</t>
  </si>
  <si>
    <t>そば屋の中華鳥中華</t>
  </si>
  <si>
    <t>みうら食品</t>
  </si>
  <si>
    <t>ﾐｳﾗｼｮｸﾋﾝ</t>
  </si>
  <si>
    <t>みうら　冷たい鶏だし肉中華　袋２８８ｇ</t>
  </si>
  <si>
    <t>ﾐｳﾗ</t>
  </si>
  <si>
    <t>やっぱり旨い油そば</t>
  </si>
  <si>
    <t>２４８ｇ</t>
  </si>
  <si>
    <t>一風堂とんこつラーメン白丸赤丸</t>
  </si>
  <si>
    <t>一風堂とんこつラーメン白丸･赤丸乾麺タイプ</t>
  </si>
  <si>
    <t>ｲｯﾌﾟｳﾄﾞｳ</t>
  </si>
  <si>
    <t>燕三条背脂らーめん</t>
  </si>
  <si>
    <t>ﾏﾂﾀﾞｲｿﾊﾞ</t>
  </si>
  <si>
    <t>佐渡あごだしらーめん</t>
  </si>
  <si>
    <t>富山ブラックらーめん</t>
  </si>
  <si>
    <t>（温）スープ無し</t>
  </si>
  <si>
    <t>順留湯刀削麺</t>
  </si>
  <si>
    <t>友盛貿易</t>
  </si>
  <si>
    <t>ﾕｳｾｲﾎﾞｳｴｷ</t>
  </si>
  <si>
    <t>麺有楽四季めぐり中華細麺</t>
  </si>
  <si>
    <t>ラ王鍋用中細めん</t>
  </si>
  <si>
    <t>ラ王鍋用太ちぢれ</t>
  </si>
  <si>
    <t>マルボシ中華そば</t>
  </si>
  <si>
    <t>元祖長浜屋替玉</t>
  </si>
  <si>
    <t>深し野庵中華めん</t>
  </si>
  <si>
    <t>東亜食品工業</t>
  </si>
  <si>
    <t>ﾄｳｱｼｮｸﾋﾝ</t>
  </si>
  <si>
    <t>横浜大飯店中華街のビーフン</t>
  </si>
  <si>
    <t>大榮貿易公司</t>
  </si>
  <si>
    <t>ﾀﾞｲｴｲﾎﾞｳｴｷ</t>
  </si>
  <si>
    <t>高知四万十満州軒の中華そばしょうゆ</t>
  </si>
  <si>
    <t>大丸合成薬品</t>
  </si>
  <si>
    <t>純正ラーメン</t>
  </si>
  <si>
    <t>チャンポン</t>
  </si>
  <si>
    <t>天下ご麺中華そば</t>
  </si>
  <si>
    <t>低糖質麺_180g</t>
  </si>
  <si>
    <t>（冷）スープ付き</t>
  </si>
  <si>
    <t>煮込みラーメン詰め合せ</t>
  </si>
  <si>
    <t>麺処分品</t>
  </si>
  <si>
    <t>筑後うどん</t>
  </si>
  <si>
    <t>筑後そば</t>
  </si>
  <si>
    <t>茶そば</t>
  </si>
  <si>
    <t>揖保の糸太作り</t>
  </si>
  <si>
    <t>葵麺の里うどん</t>
  </si>
  <si>
    <t>葵麺の里そば</t>
  </si>
  <si>
    <t>九州銘麺うどん</t>
  </si>
  <si>
    <t>100Ｇ*4</t>
  </si>
  <si>
    <t>九州銘麺そうめん</t>
  </si>
  <si>
    <t>九州銘麺そば</t>
  </si>
  <si>
    <t>90Ｇ*4</t>
  </si>
  <si>
    <t>ﾊｶﾀﾗｰﾒﾝﾃｲ</t>
  </si>
  <si>
    <t>84.7ｇ*5P</t>
  </si>
  <si>
    <t>ふし麺</t>
  </si>
  <si>
    <t>日本の伝統の味そば</t>
  </si>
  <si>
    <t>日本伝統の味うどん</t>
  </si>
  <si>
    <t>手延素麺ギフト</t>
  </si>
  <si>
    <t>讃岐味のうどん</t>
  </si>
  <si>
    <t>ｱｼﾞｶﾜ</t>
  </si>
  <si>
    <t>ﾌｼﾞｶﾜ</t>
  </si>
  <si>
    <t>麺房まつお</t>
  </si>
  <si>
    <t>ｱｼﾞｱﾒﾝ四川黒酢ｻﾝﾗｰﾀﾝ</t>
  </si>
  <si>
    <t>エ－スコック大盛りにけつッ焼そば</t>
  </si>
  <si>
    <t>えびすラーメン醤油</t>
  </si>
  <si>
    <t>えびすラーメン味噌</t>
  </si>
  <si>
    <t>えびすラーメン塩</t>
  </si>
  <si>
    <t>Ｂ級グルメ探訪愛媛塩ちゃんぽ</t>
  </si>
  <si>
    <t>Ｂ級グルメ探訪山形鳥中華</t>
  </si>
  <si>
    <t>たらこやきそば</t>
  </si>
  <si>
    <t>ソウルレッドＰスパイシ－</t>
  </si>
  <si>
    <t>超濃厚とろみ豚骨醤油</t>
  </si>
  <si>
    <t>スーパーカップ1.5みそ</t>
  </si>
  <si>
    <t>22Ｇ</t>
  </si>
  <si>
    <t>ス－プはるさめ鶏ぷる白湯</t>
  </si>
  <si>
    <t>からだ食堂コラ－ゲン</t>
  </si>
  <si>
    <t>からだ食堂はと麦ほうれんそう</t>
  </si>
  <si>
    <t>ミニカレ－うどん</t>
  </si>
  <si>
    <t>スープ春雨太平燕</t>
  </si>
  <si>
    <t>ミニ野菜ちゃんぽん</t>
  </si>
  <si>
    <t>黒マー油豚骨</t>
  </si>
  <si>
    <t>ばくだん屋旨辛味噌</t>
  </si>
  <si>
    <t>かも川手延べの冷やし中華</t>
  </si>
  <si>
    <t>石丸製麺半生讃岐うどん包丁切</t>
  </si>
  <si>
    <t>焼ビーフン3個P</t>
  </si>
  <si>
    <t>70G*3P</t>
  </si>
  <si>
    <t>即席焼ビーフン　もっちり平麺</t>
  </si>
  <si>
    <t>駅前食堂醤油ラ－メン</t>
  </si>
  <si>
    <t>冷やし中華</t>
  </si>
  <si>
    <t>260ｇ</t>
  </si>
  <si>
    <t>生ざるそば</t>
  </si>
  <si>
    <t>島の花そうめん</t>
  </si>
  <si>
    <t>5束そうめん復刻版</t>
  </si>
  <si>
    <t>五木麺処ざるうどん</t>
  </si>
  <si>
    <t>麺処ひやむぎ</t>
  </si>
  <si>
    <t>おいしいつけそうめん</t>
  </si>
  <si>
    <t>五木麺処そうめん</t>
  </si>
  <si>
    <t>ざるラーメン和風しょうゆ</t>
  </si>
  <si>
    <t>ざるラーメンキムチ風味</t>
  </si>
  <si>
    <t>ざるラーメンごまだれ風味</t>
  </si>
  <si>
    <t>つけ麺濃厚魚介醤油</t>
  </si>
  <si>
    <t>つけ麺辛味噌ごま</t>
  </si>
  <si>
    <t>藪そば</t>
  </si>
  <si>
    <t>80ｇ*3</t>
  </si>
  <si>
    <t>更科そば+</t>
  </si>
  <si>
    <t>ざるそば処</t>
  </si>
  <si>
    <t>3食入ｽ-ﾌﾟ付うどん</t>
  </si>
  <si>
    <t>鍋焼きつねうどん</t>
  </si>
  <si>
    <t>鍋焼えび天うどん</t>
  </si>
  <si>
    <t>175g×20</t>
  </si>
  <si>
    <t>アベックラーメンとんこつ</t>
  </si>
  <si>
    <t>176g×20</t>
  </si>
  <si>
    <t>ざるラーメン和風しょうゆケース</t>
  </si>
  <si>
    <t>280g×12</t>
  </si>
  <si>
    <t>極太冷し中華レモン</t>
  </si>
  <si>
    <t>268g</t>
  </si>
  <si>
    <t>極太冷し中華ごまだれ</t>
  </si>
  <si>
    <t>五木　ざるラーメン辛みそ</t>
  </si>
  <si>
    <t>おいしい冷し中華レモン</t>
  </si>
  <si>
    <t>おいしい冷し中華ごまだれ</t>
  </si>
  <si>
    <t>おいしいざるうどん</t>
  </si>
  <si>
    <t>つけ麺_濃厚魚介豚骨</t>
  </si>
  <si>
    <t>五目うどんカップ</t>
  </si>
  <si>
    <t>ｼﾞｬﾝﾎﾞｱﾍﾞｯｸﾗｰﾒﾝ</t>
  </si>
  <si>
    <t>ちっこいうどん生姜入り</t>
  </si>
  <si>
    <t>なつかし屋台の塩ラーメン</t>
  </si>
  <si>
    <t>なつかし屋台の醤油ラーメン</t>
  </si>
  <si>
    <t>なつかし屋台の豚骨ラーメン</t>
  </si>
  <si>
    <t>五木つけ麺濃厚魚介醤油</t>
  </si>
  <si>
    <t>つけ麺　辛みそごま</t>
  </si>
  <si>
    <t>つけ麺　濃厚魚介豚骨</t>
  </si>
  <si>
    <t>つけ麺濃厚トマト味</t>
  </si>
  <si>
    <t>信州八割そば</t>
  </si>
  <si>
    <t>50g*4束</t>
  </si>
  <si>
    <t>つゆ付ざるそば</t>
  </si>
  <si>
    <t>380Ｇ</t>
  </si>
  <si>
    <t>ざるらーめん</t>
  </si>
  <si>
    <t>塩だれ</t>
  </si>
  <si>
    <t>瓦そば</t>
  </si>
  <si>
    <t>3ﾆﾝﾏｴ</t>
  </si>
  <si>
    <t>太麺ソフト皿うどん</t>
  </si>
  <si>
    <t>濃厚熊本ラーメン</t>
  </si>
  <si>
    <t>123ｇ</t>
  </si>
  <si>
    <t>太平燕（くまモン）</t>
  </si>
  <si>
    <t>鍋用ちゃんぽん</t>
  </si>
  <si>
    <t>ﾐｰﾄｽﾊﾟ</t>
  </si>
  <si>
    <t>生タイプ</t>
  </si>
  <si>
    <t>鍋焼カレーうどん</t>
  </si>
  <si>
    <t>２２０G</t>
  </si>
  <si>
    <t>鍋焼き味噌煮込みうどん</t>
  </si>
  <si>
    <t>鍋焼チャンポン</t>
  </si>
  <si>
    <t>１７０G</t>
  </si>
  <si>
    <t>おいしい冷やし中華レモン</t>
  </si>
  <si>
    <t>222g</t>
  </si>
  <si>
    <t>おいしい冷やし中華ごまだれ</t>
  </si>
  <si>
    <t>ラ－メン侍</t>
  </si>
  <si>
    <t>つけ麺うどん濃厚魚介醤油</t>
  </si>
  <si>
    <t>韓国風冷麺_牛骨スープ</t>
  </si>
  <si>
    <t>五木　韓国風冷麺　ピリ辛スープ</t>
  </si>
  <si>
    <t>博多風焼きラ－メン豚骨</t>
  </si>
  <si>
    <t>346ｇ</t>
  </si>
  <si>
    <t>博多風焼きラ－メン鶏塩味</t>
  </si>
  <si>
    <t>352ｇ</t>
  </si>
  <si>
    <t>韓国風ビビン冷麺</t>
  </si>
  <si>
    <t>煮込ちゃんぽん海鮮</t>
  </si>
  <si>
    <t>３～４人前</t>
  </si>
  <si>
    <t>煮込ちゃんぽん</t>
  </si>
  <si>
    <t>ラ－メン豚骨道博多</t>
  </si>
  <si>
    <t>ラ－メン豚骨道</t>
  </si>
  <si>
    <t>鍋焼韓国風白辛チャンポン</t>
  </si>
  <si>
    <t>１７２G</t>
  </si>
  <si>
    <t>凛としたそうめん</t>
  </si>
  <si>
    <t>天の川のように輝くそうめん</t>
  </si>
  <si>
    <t>ざるラーメンだし割カレー</t>
  </si>
  <si>
    <t>冷し中華美味辛醤</t>
  </si>
  <si>
    <t>鍋焼すき焼風うどん</t>
  </si>
  <si>
    <t>235G</t>
  </si>
  <si>
    <t>日向夏冷し中華</t>
  </si>
  <si>
    <t>金ごま冷し中華</t>
  </si>
  <si>
    <t>くまもんの焼きそば</t>
  </si>
  <si>
    <t>鴨だしうどん</t>
  </si>
  <si>
    <t>228ｇ</t>
  </si>
  <si>
    <t>ごま豆乳うどん</t>
  </si>
  <si>
    <t>鍋焼味噌煮込みうどん</t>
  </si>
  <si>
    <t>249Ｇ</t>
  </si>
  <si>
    <t>お鍋にそのまま弾つる麺</t>
  </si>
  <si>
    <t>くまもんのナポリタン</t>
  </si>
  <si>
    <t>342ｇ</t>
  </si>
  <si>
    <t>くまモンのチャンポン</t>
  </si>
  <si>
    <t>熊本黒マー油とんこつラーメン</t>
  </si>
  <si>
    <t>鍋焼あげ玉うどん</t>
  </si>
  <si>
    <t>210Ｇ</t>
  </si>
  <si>
    <t>くまモンのそば</t>
  </si>
  <si>
    <t>くまモンのうどん</t>
  </si>
  <si>
    <t>火の国熊本とんこつラーメンカ</t>
  </si>
  <si>
    <t>ミニくまモンの熊本ラーメン黒</t>
  </si>
  <si>
    <t>ミニくまモンの熊本ラーメン辛</t>
  </si>
  <si>
    <t>ザルラーメン</t>
  </si>
  <si>
    <t>ゆず胡椒</t>
  </si>
  <si>
    <t>彩菜ざるうどん</t>
  </si>
  <si>
    <t>くまモンのそうめん</t>
  </si>
  <si>
    <t>麺処ざるうどん</t>
  </si>
  <si>
    <t>270Ｇ</t>
  </si>
  <si>
    <t>麺処そうめん</t>
  </si>
  <si>
    <t>勝つ男の鍋焼えび天うどん</t>
  </si>
  <si>
    <t>女子のなべやきすき焼風うどん</t>
  </si>
  <si>
    <t>にゅうめん　味噌味</t>
  </si>
  <si>
    <t>鍋焼にゅうめん味噌仕立て</t>
  </si>
  <si>
    <t>165Ｇ</t>
  </si>
  <si>
    <t>熟成素麺</t>
  </si>
  <si>
    <t>冷し鶏だしラーメン</t>
  </si>
  <si>
    <t>240Ｇ</t>
  </si>
  <si>
    <t>ざるラーメンゴマだれ</t>
  </si>
  <si>
    <t>ざるラーメン辛みそ</t>
  </si>
  <si>
    <t>ざるラーメン鶏だしゆず胡椒</t>
  </si>
  <si>
    <t>冷麺_さっぱりスープ</t>
  </si>
  <si>
    <t>冷麺ピリ辛スープ</t>
  </si>
  <si>
    <t>担々麺</t>
  </si>
  <si>
    <t>２１６Ｇ</t>
  </si>
  <si>
    <t>牛すき風煮込みうどん</t>
  </si>
  <si>
    <t>つけ麺_濃厚魚介醤油</t>
  </si>
  <si>
    <t>つけ麺　香味辛みそごま</t>
  </si>
  <si>
    <t>つけ麺　旨だし丸鶏醤油</t>
  </si>
  <si>
    <t>おいしい冷し中華レモン風味</t>
  </si>
  <si>
    <t>激辛ラーメン辛旨味噌とんこつ</t>
  </si>
  <si>
    <t>136ｇ</t>
  </si>
  <si>
    <t>つけ麺魚介醤油</t>
  </si>
  <si>
    <t>つけ麺魚介豚骨</t>
  </si>
  <si>
    <t>つけ麺辛旨味噌</t>
  </si>
  <si>
    <t>えび味噌ラーメン</t>
  </si>
  <si>
    <t>ざるラーメン梅かつお</t>
  </si>
  <si>
    <t>香る一杯旨だし醤油ラーメン</t>
  </si>
  <si>
    <t>香る一杯コク旨味噌ラーメン</t>
  </si>
  <si>
    <t>ざるラーメンえび塩</t>
  </si>
  <si>
    <t>ざるラーメン超レモン</t>
  </si>
  <si>
    <t>ざるラーメン超ホット</t>
  </si>
  <si>
    <t>サッポロ一番横浜しょうゆ</t>
  </si>
  <si>
    <t>のれん札幌味噌</t>
  </si>
  <si>
    <t>サッポポロ一番くじら軒ビッグ味噌ラ－メン</t>
  </si>
  <si>
    <t>寿ちゃんぽん</t>
  </si>
  <si>
    <t>ｻｯﾎﾟﾛ</t>
  </si>
  <si>
    <t>サッポロ１番塩ラ－メンバジル＆レモン</t>
  </si>
  <si>
    <t>バジルとレモン</t>
  </si>
  <si>
    <t>カップスター焼ポークＭＡＸ醤</t>
  </si>
  <si>
    <t>荏原キムチ鍋レギュラーうどん</t>
  </si>
  <si>
    <t>エバラキムチ鍋レギュラーラー</t>
  </si>
  <si>
    <t>ミックス焼きそば</t>
  </si>
  <si>
    <t>カップスタ－カレ－うどん</t>
  </si>
  <si>
    <t>カップスタ－カレ－ラ－メン</t>
  </si>
  <si>
    <t>ﾀﾋﾞﾒﾝﾄｳｷｮｳﾊｷﾞｸﾎﾞｼｮｳﾕ</t>
  </si>
  <si>
    <t>アラビアン焼きソバ</t>
  </si>
  <si>
    <t>大人のそば</t>
  </si>
  <si>
    <t>68ｇ</t>
  </si>
  <si>
    <t>大人のうどん</t>
  </si>
  <si>
    <t>ディズニ－トイチキン</t>
  </si>
  <si>
    <t>ｻｯﾎﾟﾘ1ﾊﾞﾝ</t>
  </si>
  <si>
    <t>ディズニ－ミッキ－塩</t>
  </si>
  <si>
    <t>桃屋のつゆ仕上鰹だしうどん</t>
  </si>
  <si>
    <t>塩だしつゆ仕上和風塩ラーメン</t>
  </si>
  <si>
    <t>味噌ラ-メンカップ</t>
  </si>
  <si>
    <t>塩ラ－メンバタ-風味</t>
  </si>
  <si>
    <t>ちっちゃいおっさんの尼崎あん</t>
  </si>
  <si>
    <t>明太子味焼そば</t>
  </si>
  <si>
    <t>ｶﾈﾌｸ</t>
  </si>
  <si>
    <t>大人のミニカップ　きつねそば</t>
  </si>
  <si>
    <t>42G</t>
  </si>
  <si>
    <t>大人のミニカップ　きつねうど</t>
  </si>
  <si>
    <t>41G</t>
  </si>
  <si>
    <t>デュラムおばさんナポリタンア</t>
  </si>
  <si>
    <t>99Ｇ</t>
  </si>
  <si>
    <t>大人のミニカップ　中華そば</t>
  </si>
  <si>
    <t>39G</t>
  </si>
  <si>
    <t>焼豚ラーメン塩豚骨</t>
  </si>
  <si>
    <t>焼豚ラーメン醤油豚骨</t>
  </si>
  <si>
    <t>辛旨キムチとんこつラーメン</t>
  </si>
  <si>
    <t>棒状プレミアム焼豚ラーメン</t>
  </si>
  <si>
    <t>カレーうどん</t>
  </si>
  <si>
    <t>202ｇ</t>
  </si>
  <si>
    <t>がっつり４食焼きそば太麺勝</t>
  </si>
  <si>
    <t>ｼｵﾔｷｿﾊﾞ3ｼｮｸ</t>
  </si>
  <si>
    <t>ﾔｷｿﾊﾞ3ｼｮｸ</t>
  </si>
  <si>
    <t>ごぼう天うどんの素</t>
  </si>
  <si>
    <t>ビッグカレ－南蛮ソバ.</t>
  </si>
  <si>
    <t>かき揚げうどん</t>
  </si>
  <si>
    <t>チーズカレーラーメン</t>
  </si>
  <si>
    <t>俺の塩サムライブル－</t>
  </si>
  <si>
    <t>私の塩ナデシコジャパン</t>
  </si>
  <si>
    <t>湘南獅龍麺</t>
  </si>
  <si>
    <t>醤油味</t>
  </si>
  <si>
    <t>チキンマサラカレー</t>
  </si>
  <si>
    <t>俺の塩　南米BBQ風塩焼そば</t>
  </si>
  <si>
    <t>昔ながらのﾅﾎﾟﾘﾀﾝ味焼そば</t>
  </si>
  <si>
    <t>おやつチキンラーメン</t>
  </si>
  <si>
    <t>チキンラーメンお好み焼き</t>
  </si>
  <si>
    <t>208ｇ</t>
  </si>
  <si>
    <t>出前家族の煮込み麺トマト</t>
  </si>
  <si>
    <t>カップヌードルキムチマヨ</t>
  </si>
  <si>
    <t>どんべえホワイトちゃんぽんうどん</t>
  </si>
  <si>
    <t>どん兵衛坦々うどん</t>
  </si>
  <si>
    <t>カップヌ－ドルガンプラ</t>
  </si>
  <si>
    <t>どん兵衛ちゃんぽん</t>
  </si>
  <si>
    <t>107Ｇ</t>
  </si>
  <si>
    <t>カップヌ－ドルキムチ＆チ－ズ</t>
  </si>
  <si>
    <t>ホワイトクリ－ムシチュ－</t>
  </si>
  <si>
    <t>カップヌードルミートキング</t>
  </si>
  <si>
    <t>カップヌードルスパイシーチキ</t>
  </si>
  <si>
    <t>カップヌードルチキングラタン</t>
  </si>
  <si>
    <t>カップヌードルピザマヨネーズ</t>
  </si>
  <si>
    <t>チキンラ－メンビッグ</t>
  </si>
  <si>
    <t>出前一丁ビッグ</t>
  </si>
  <si>
    <t>でかっ！チキンラーメン</t>
  </si>
  <si>
    <t>からっ！出前一丁まぜそば</t>
  </si>
  <si>
    <t>焼チキンふと麺</t>
  </si>
  <si>
    <t>HAPPYにゅうYEARチキン</t>
  </si>
  <si>
    <t>HAPPYにゅうYEAR出前</t>
  </si>
  <si>
    <t>焼きそばUFOカラムーチョ</t>
  </si>
  <si>
    <t>贅沢麺濃厚キムチ</t>
  </si>
  <si>
    <t>117Ｇ</t>
  </si>
  <si>
    <t>辛口シ－フ－ドUFO</t>
  </si>
  <si>
    <t>オホーツク北見塩焼</t>
  </si>
  <si>
    <t>UFOホワイトカレ－</t>
  </si>
  <si>
    <t>日進超こってり豚骨</t>
  </si>
  <si>
    <t>焼そばUFOポークカレー</t>
  </si>
  <si>
    <t>焼うどんあっさりしょうゆ</t>
  </si>
  <si>
    <t>行列の出来る店のラ－メン博多長浜</t>
  </si>
  <si>
    <t>行列の出来る店のラ－メン新潟</t>
  </si>
  <si>
    <t>行列のできる店のラーメン</t>
  </si>
  <si>
    <t>行列のできる店のラーメン札幌</t>
  </si>
  <si>
    <t>大盛屋コーンみそ</t>
  </si>
  <si>
    <t>どんべいきつねそば</t>
  </si>
  <si>
    <t>新幹線ラーメン博多</t>
  </si>
  <si>
    <t>新幹線ラーメン久留米</t>
  </si>
  <si>
    <t>新幹線ラーメン熊本</t>
  </si>
  <si>
    <t>新幹線ラーメン鹿児島</t>
  </si>
  <si>
    <t>Ｓpa王ペペロンチーノ</t>
  </si>
  <si>
    <t>191G</t>
  </si>
  <si>
    <t>Ｓｐａ王ほうれん草</t>
  </si>
  <si>
    <t>Spa王醤油バターきのこ</t>
  </si>
  <si>
    <t>191ｇ</t>
  </si>
  <si>
    <t>ジャンクガレッジまぜそば</t>
  </si>
  <si>
    <t>太麺堂々極味</t>
  </si>
  <si>
    <t>136Ｇ</t>
  </si>
  <si>
    <t>豚辛南蛮そば</t>
  </si>
  <si>
    <t>ｶｯﾌﾟﾇｰﾄﾞﾙ40周年</t>
  </si>
  <si>
    <t>ｶﾚｰﾇｰﾄﾞﾙ40周年</t>
  </si>
  <si>
    <t>ｼｰﾌｰﾄﾞﾇｰﾄﾞﾙ40周年</t>
  </si>
  <si>
    <t>太麺堂々ちゃんぽん</t>
  </si>
  <si>
    <t>塩焼きそばマヨネ－ズ付</t>
  </si>
  <si>
    <t>焼うどんあっさり醤油味</t>
  </si>
  <si>
    <t>日清御膳天ぷらうどん</t>
  </si>
  <si>
    <t>UFO焼そばホワイトカレー</t>
  </si>
  <si>
    <t>UFO　ブラジリアンチキン焼そ</t>
  </si>
  <si>
    <t>でかぶと1.5ちゃんぽん</t>
  </si>
  <si>
    <t>ﾏﾏｰｹｯｿｸｽﾊﾟｹﾞﾃｨｰ</t>
  </si>
  <si>
    <t>1.4mm</t>
  </si>
  <si>
    <t>ママー結束スパゲティ1.6ｍｍ</t>
  </si>
  <si>
    <t>長崎風皿うどん</t>
  </si>
  <si>
    <t>1.7mm　450g</t>
  </si>
  <si>
    <t>ｸﾗﾑﾁｬｳﾀﾞｰ風ﾊﾟｽﾀｿｰｽ</t>
  </si>
  <si>
    <t>播州そうめん</t>
  </si>
  <si>
    <t>500Ｇ</t>
  </si>
  <si>
    <t>早ゆでスパゲッティ</t>
  </si>
  <si>
    <t>煮込みラーメン詰め合わせ</t>
  </si>
  <si>
    <t>絹の食卓あったかそうめん</t>
  </si>
  <si>
    <t>ロン龍ラーメン醤油豚骨味</t>
  </si>
  <si>
    <t>日の出　ロン龍　ごま塩</t>
  </si>
  <si>
    <t>本場ラーメン２人前</t>
  </si>
  <si>
    <t>175ｇ</t>
  </si>
  <si>
    <t>棒ラーメン手作冷し中華</t>
  </si>
  <si>
    <t>冷し棒ラーメン</t>
  </si>
  <si>
    <t>棒ラーメンつけ麺魚介豚骨</t>
  </si>
  <si>
    <t>棒ラーメンつけ麺辛味噌</t>
  </si>
  <si>
    <t>平打つけ麺魚介豚骨</t>
  </si>
  <si>
    <t>平打つけ麺辛味噌</t>
  </si>
  <si>
    <t>平打ち冷し中華</t>
  </si>
  <si>
    <t>ラー麦坦々まぜそば</t>
  </si>
  <si>
    <t>ラー麦冷やし中華</t>
  </si>
  <si>
    <t>塩レモン祭　マルタイラーメン</t>
  </si>
  <si>
    <t>棒冷やし中華</t>
  </si>
  <si>
    <t>マルタイ棒冷やし中華169g</t>
  </si>
  <si>
    <t>ﾏｼﾞｯｸｽﾊﾟｲｽｶﾚｰｽｰﾊﾟｰｶｯ</t>
  </si>
  <si>
    <t>小鉢浅漬けの素</t>
  </si>
  <si>
    <t>焼きそばしょうゆ</t>
  </si>
  <si>
    <t>明星究極ソース焼そば</t>
  </si>
  <si>
    <t>究麺魚介豚骨醤油</t>
  </si>
  <si>
    <t>究麺ソース焼そば</t>
  </si>
  <si>
    <t>究麺　魚介豚骨醤油</t>
  </si>
  <si>
    <t>究麺　濃厚豚塩</t>
  </si>
  <si>
    <t>白い揚げ麺</t>
  </si>
  <si>
    <t>生冷しつけラーメン</t>
  </si>
  <si>
    <t>金ちゃん肉うどん</t>
  </si>
  <si>
    <t>金ちゃん赤じそつゆかけうどん</t>
  </si>
  <si>
    <t>金ちゃん亭鯛だしうどん</t>
  </si>
  <si>
    <t>187ｇ</t>
  </si>
  <si>
    <t>金ちゃん亭地鶏かつおだしうど</t>
  </si>
  <si>
    <t>島原手延素麺絹の輝</t>
  </si>
  <si>
    <t>島原手延ﾍﾞそうめん</t>
  </si>
  <si>
    <t>熟成とんこつラーメン</t>
  </si>
  <si>
    <t>熟成しょうゆラーメン</t>
  </si>
  <si>
    <t>熊本とんこつラ－メン</t>
  </si>
  <si>
    <t>熊本海鮮ラ-メン</t>
  </si>
  <si>
    <t>皇帝太平燕キムチ</t>
  </si>
  <si>
    <t>ちぃちゃんはるさめス－プ</t>
  </si>
  <si>
    <t>３人前</t>
  </si>
  <si>
    <t>島原極上手延麺</t>
  </si>
  <si>
    <t>勝男ラーメン</t>
  </si>
  <si>
    <t>よかとん</t>
  </si>
  <si>
    <t>うまかとん</t>
  </si>
  <si>
    <t>国産大和芋使用とろろそば</t>
  </si>
  <si>
    <t>伊之助涼風膳そうめん</t>
  </si>
  <si>
    <t>大平燕</t>
  </si>
  <si>
    <t>ﾁｷﾝ5P</t>
  </si>
  <si>
    <t>ﾄﾝｺﾂ5P</t>
  </si>
  <si>
    <t>タイピーエン赤トマト＆チキン</t>
  </si>
  <si>
    <t>タイピーエン緑高菜豚骨＆ゆず</t>
  </si>
  <si>
    <t>ビャンビャン麺</t>
  </si>
  <si>
    <t>焼肉ヤマト盛岡冷麺</t>
  </si>
  <si>
    <t>味のそば</t>
  </si>
  <si>
    <t>パスタファミリー</t>
  </si>
  <si>
    <t>優麺の郷島原手延べ素麺</t>
  </si>
  <si>
    <t>ゆず塩らーめん</t>
  </si>
  <si>
    <t>204Ｇ</t>
  </si>
  <si>
    <t>ｴﾁｺﾞﾔｼﾞｭｳﾍ</t>
  </si>
  <si>
    <t>味の伝統そうめん</t>
  </si>
  <si>
    <t>ﾏﾂｼﾛ</t>
  </si>
  <si>
    <t>味の伝統うどん</t>
  </si>
  <si>
    <t>茶素麺</t>
  </si>
  <si>
    <t>ミホミフーズ</t>
  </si>
  <si>
    <t>静岡玉露茶そば</t>
  </si>
  <si>
    <t>米粉麺(細)</t>
  </si>
  <si>
    <t>ﾓﾝｽｰﾛｽﾊﾟｹﾞｯﾃｨ1.7mm</t>
  </si>
  <si>
    <t>スナック麺5食パック</t>
  </si>
  <si>
    <t>5食パック</t>
  </si>
  <si>
    <t>熱ラ－メン</t>
  </si>
  <si>
    <t>（冷）スープ無し</t>
  </si>
  <si>
    <t>彩菜中華細麺</t>
  </si>
  <si>
    <t>そうらーめん</t>
  </si>
  <si>
    <t>211.6g</t>
  </si>
  <si>
    <t>赤のそうらーめん</t>
  </si>
  <si>
    <t>中華そうめん</t>
  </si>
  <si>
    <t>野菜宣言サラダ麺コンソメ風味</t>
  </si>
  <si>
    <t>ﾀﾞｼｼﾝ</t>
  </si>
  <si>
    <t>手延べ中華麺揖保乃糸竜の夢</t>
  </si>
  <si>
    <t>ﾃﾉﾍﾞｷｮｳｶｲ</t>
  </si>
  <si>
    <t>(鍋)煮込み麺</t>
  </si>
  <si>
    <t>煮込みラーメン　鶏しお味_2個ｾｯﾄ</t>
  </si>
  <si>
    <t>２８４ｇ*2</t>
  </si>
  <si>
    <t>煮込みラーメン　みそ味_2個ｾｯﾄ</t>
  </si>
  <si>
    <t>288g*2</t>
  </si>
  <si>
    <t>煮込みラーメン　しょうゆ味_2個ｾｯﾄ</t>
  </si>
  <si>
    <t>284g*2</t>
  </si>
  <si>
    <t>煮込みラーメン　海鮮ちゃんぽん味_2個ｾｯﾄ</t>
  </si>
  <si>
    <t>282g*2</t>
  </si>
  <si>
    <t>コリコレ鍋セットプデチゲ</t>
  </si>
  <si>
    <t>コリコレ鍋セットキムチチゲ</t>
  </si>
  <si>
    <t>コリコレ鍋コチュジャンチゲ</t>
  </si>
  <si>
    <t>〆の鍋用ラーメン75g</t>
  </si>
  <si>
    <t>棒状鍋用ラーメン</t>
  </si>
  <si>
    <t>みそラーメンが焼肉になりました</t>
  </si>
  <si>
    <t>３４０ｇ</t>
  </si>
  <si>
    <t>塩らーめんが焼肉になりました</t>
  </si>
  <si>
    <t>３４４ｇ</t>
  </si>
  <si>
    <t>鍋の〆に食べるらーめん</t>
  </si>
  <si>
    <t>煮込んで食べる正麺寄せ鍋うどん</t>
  </si>
  <si>
    <t>煮込んで食べる正麺醤油ラーメン</t>
  </si>
  <si>
    <t>292g</t>
  </si>
  <si>
    <t>煮込んで食べる　マルちゃん正麺　味噌ラーメン</t>
  </si>
  <si>
    <t>煮込んで食べる　マルちゃん正麺　ちゃんぽん</t>
  </si>
  <si>
    <t>煮込みマルちゃん正麺豚骨醤油味</t>
  </si>
  <si>
    <t>296G</t>
  </si>
  <si>
    <t>煮込みマルちゃん正麺醤油味</t>
  </si>
  <si>
    <t>292G</t>
  </si>
  <si>
    <t>308G</t>
  </si>
  <si>
    <t>煮込みラーメンコクうま鶏塩ちゃんこ風</t>
  </si>
  <si>
    <t>煮込みラーメン　しょうゆ味　袋</t>
  </si>
  <si>
    <t>6*4</t>
  </si>
  <si>
    <t>煮込みラーメン　みそ味　袋</t>
  </si>
  <si>
    <t>煮込みラーメン鶏塩ちゃんこ風　袋</t>
  </si>
  <si>
    <t>焼きラーメン_麻婆麺_赤</t>
  </si>
  <si>
    <t>焼きラーメン_麻婆麺_黒</t>
  </si>
  <si>
    <t>煮込みラーメンとり野菜みそ</t>
  </si>
  <si>
    <t>304g</t>
  </si>
  <si>
    <t>白い煮込みラーメン　ミルクシーフード味</t>
  </si>
  <si>
    <t>煮込みラーメンチーズカレー味</t>
  </si>
  <si>
    <t>博多屋台風焼ラーメン醤油とんこつ味</t>
  </si>
  <si>
    <t>博多屋台風焼ラーメン醤油カレー</t>
  </si>
  <si>
    <t>韓国麺屋スンドゥブチゲ風ラーメン</t>
  </si>
  <si>
    <t>韓国麺屋プルコギ風</t>
  </si>
  <si>
    <t>煮込みラーメン　とんこつ味</t>
  </si>
  <si>
    <t>煮込みラーメン　しょうゆ味</t>
  </si>
  <si>
    <t>314g_</t>
  </si>
  <si>
    <t>煮込みラーメンとんこつ味</t>
  </si>
  <si>
    <t>蒸し鍋ラーメン_スタミナ醤油味</t>
  </si>
  <si>
    <t>蒸し鍋ラーメン_塩ちゃんぽん味</t>
  </si>
  <si>
    <t>蒸し鍋ラーメン　ピリ辛キムチ味</t>
  </si>
  <si>
    <t>煮込みラーメンコクうま塩ちゃんこ風</t>
  </si>
  <si>
    <t>蒸し鍋ラーメン　とんこつ醤油味</t>
  </si>
  <si>
    <t>蒸し鍋ラーメン　こく旨ちゃんぽん味</t>
  </si>
  <si>
    <t>みんなで囲む大皿ラーメン　醤油とんこつ味</t>
  </si>
  <si>
    <t>みんなで囲む大皿ラーメン　味噌バター味</t>
  </si>
  <si>
    <t>煮込みラーメン_しょうゆ味</t>
  </si>
  <si>
    <t>煮込みラーメン_みそ味</t>
  </si>
  <si>
    <t>永谷園　煮込みラーメン　とんこつ味　２９７ｇ</t>
  </si>
  <si>
    <t>煮込みラーメン_コクうま鶏塩ちゃんこ風</t>
  </si>
  <si>
    <t>煮込みラーメン_とり野菜みそ味</t>
  </si>
  <si>
    <t>煮込みラーメン　麻辣味</t>
  </si>
  <si>
    <t>煮込みラーメンちゃんぽん風</t>
  </si>
  <si>
    <t>煮込みラーメン鶏しお味</t>
  </si>
  <si>
    <t>一人前煮込みラーメンしょうゆ味</t>
  </si>
  <si>
    <t>一人前煮込みラーメンみそ味</t>
  </si>
  <si>
    <t>一人前煮込みラーメンシビ辛担々麺風</t>
  </si>
  <si>
    <t>煮込みラーメン海鮮ちゃんぽん味</t>
  </si>
  <si>
    <t>煮込ラーメンとんこつ醤油</t>
  </si>
  <si>
    <t>煮込みラーメンこくうま鶏塩ちゃんこ味</t>
  </si>
  <si>
    <t>二人前煮込みラーメン醤油</t>
  </si>
  <si>
    <t>二人前煮込みラーメン貝</t>
  </si>
  <si>
    <t>煮込みラーメンやみつき醤油味</t>
  </si>
  <si>
    <t>2人前×2回分</t>
  </si>
  <si>
    <t>煮込みラーメン鶏うま塩味</t>
  </si>
  <si>
    <t>煮込みラーメン旨辛海鮮チゲ風</t>
  </si>
  <si>
    <t>煮込みチャンポン風まろやか白湯</t>
  </si>
  <si>
    <t>お鍋にラーメン</t>
  </si>
  <si>
    <t>お鍋にラーメン２束入り</t>
  </si>
  <si>
    <t>お鍋にラーメン5束入</t>
  </si>
  <si>
    <t>ひとり〆ラー鍋辛麺屋輪監修宮崎辛鍋</t>
  </si>
  <si>
    <t>ひとり〆ラー鍋大砲ラーメン監修久留米豚骨鍋</t>
  </si>
  <si>
    <t>ひとり〆ラー鍋信玄監修札幌味噌鍋</t>
  </si>
  <si>
    <t>鍋の〆用中華麺という名の麺</t>
  </si>
  <si>
    <t>お鍋にそのまま1／2ラーメン袋</t>
  </si>
  <si>
    <t>PB</t>
  </si>
  <si>
    <t>本場長崎皿うどん</t>
  </si>
  <si>
    <t>滋味長崎皿うどん</t>
  </si>
  <si>
    <t>NB</t>
  </si>
  <si>
    <t>120.8g</t>
  </si>
  <si>
    <t>5袋セット</t>
  </si>
  <si>
    <t>長崎皿うどん3個セット</t>
  </si>
  <si>
    <t>長崎皿うどん2個セット</t>
  </si>
  <si>
    <t>140g*2</t>
  </si>
  <si>
    <t>皿うどんしっかりカルシウム</t>
  </si>
  <si>
    <t>焼そば2食</t>
  </si>
  <si>
    <t>加美食品工業</t>
  </si>
  <si>
    <t>ｶﾐｼｮｸ</t>
  </si>
  <si>
    <t>焼そば　細麺　２食</t>
  </si>
  <si>
    <t>ラー麦皿うどん</t>
  </si>
  <si>
    <t>長崎皿うどんオイスターソース</t>
  </si>
  <si>
    <t>ブラック皿うどん</t>
  </si>
  <si>
    <t>太麺皿うどん</t>
  </si>
  <si>
    <t>レンジｄｅ皿うどん</t>
  </si>
  <si>
    <t>皿うどん醤油風味</t>
  </si>
  <si>
    <t>トマト皿うどん</t>
  </si>
  <si>
    <t>おいしいスープ麺鶏がら醤油</t>
  </si>
  <si>
    <t>おいしいスープ麺ビーフコンソメ</t>
  </si>
  <si>
    <t>プレミアム皿うどん</t>
  </si>
  <si>
    <t>食物繊維入り皿うどん</t>
  </si>
  <si>
    <t>食物繊維入りオイスター皿うどん</t>
  </si>
  <si>
    <t>サクッと皿うどん</t>
  </si>
  <si>
    <t>皿うどん白湯風味</t>
  </si>
  <si>
    <t>晩餐館焼肉のたれ風味　焼き皿うどん　　</t>
  </si>
  <si>
    <t>棒ラーメン味皿うどん</t>
  </si>
  <si>
    <t>塩レモン祭　長崎皿うどん</t>
  </si>
  <si>
    <t>皿うどん香ばし醤油味</t>
  </si>
  <si>
    <t>カレー祭長崎皿うどん</t>
  </si>
  <si>
    <t>野菜宣言おからサラダ麺チキン風味</t>
  </si>
  <si>
    <t>おかず麺で炒める皿うどん鶏がら醤油味</t>
  </si>
  <si>
    <t>レタスがおいしいパリ麺サラダ</t>
  </si>
  <si>
    <t>ぱくぱくキャベツ</t>
  </si>
  <si>
    <t>うまカップ皿うどん大盛</t>
  </si>
  <si>
    <t>ナガサキ特盛り_皿うどん</t>
  </si>
  <si>
    <t>ナガサキカタヤキサラウドン</t>
  </si>
  <si>
    <t>長崎ちゃーめん</t>
  </si>
  <si>
    <t>100.8g</t>
  </si>
  <si>
    <t>海鮮皿うどん極細麺</t>
  </si>
  <si>
    <t>もやし豚肉あんかけ揚麺</t>
  </si>
  <si>
    <t>かごしま太麺皿うどん</t>
  </si>
  <si>
    <t>皿うどん2人前</t>
  </si>
  <si>
    <t>藤崎食品製麺工場</t>
  </si>
  <si>
    <t>ﾌｼﾞｻｷ</t>
  </si>
  <si>
    <t>機械麺</t>
  </si>
  <si>
    <t>弁天_島田うどん太</t>
  </si>
  <si>
    <t>弁天食品</t>
  </si>
  <si>
    <t>ﾍﾞﾝﾃﾝ</t>
  </si>
  <si>
    <t>100g×10束入</t>
  </si>
  <si>
    <t>吉田のうどん　3人前　味噌スープ付</t>
  </si>
  <si>
    <t>麺’ズ冨士山</t>
  </si>
  <si>
    <t>ﾒﾝｽﾞﾌｼﾞﾔﾏ</t>
  </si>
  <si>
    <t>吉田のうどん　2人前</t>
  </si>
  <si>
    <t>甲州ほうとう　2人前</t>
  </si>
  <si>
    <t>吉田のうどんセット　4人前　箱入　味噌スープ付</t>
  </si>
  <si>
    <t>甲州ほうとう　3人前　味噌付</t>
  </si>
  <si>
    <t>甲州ほうとう吉田のうどんセット　4人前　箱入　味噌付</t>
  </si>
  <si>
    <t>味一番うどん</t>
  </si>
  <si>
    <t>ｱｵｲﾌｰｽﾞ</t>
  </si>
  <si>
    <t>甲州名物信玄ほうとう</t>
  </si>
  <si>
    <t>どさんこ便りうどん</t>
  </si>
  <si>
    <t>ｱｵｲﾌｨｰｽﾞ</t>
  </si>
  <si>
    <t>高崎うどん</t>
  </si>
  <si>
    <t>高崎市農業協同組合</t>
  </si>
  <si>
    <t>JAﾀｶｻｷ</t>
  </si>
  <si>
    <t>高崎うどん極細麺</t>
  </si>
  <si>
    <t>高崎うどん乾麺極太麺</t>
  </si>
  <si>
    <t>ｶﾀﾗｲﾀｶｻｷｼｮ</t>
  </si>
  <si>
    <t>鬼ひも川</t>
  </si>
  <si>
    <t>花山うどんH140</t>
  </si>
  <si>
    <t>花山ひも川HM140</t>
  </si>
  <si>
    <t>信州産小麦使用地粉うどん</t>
  </si>
  <si>
    <t>上伊那農業協同組合</t>
  </si>
  <si>
    <t>ｴｷﾀﾞ</t>
  </si>
  <si>
    <t>私が極めた麺うどん</t>
  </si>
  <si>
    <t>ｲｰｽﾏｲﾙ</t>
  </si>
  <si>
    <t>麦太郎うどん</t>
  </si>
  <si>
    <t>全国農業協同組合連合会福岡県本部</t>
  </si>
  <si>
    <t>JAﾁｸｾﾞﾝｱｻｸ</t>
  </si>
  <si>
    <t>昆布うどん</t>
  </si>
  <si>
    <t>八丁味噌使用半生味噌煮込みうどん</t>
  </si>
  <si>
    <t>石丸　寿美屋監修　讃岐うどん　ＧＨ-５　３００ｇ</t>
  </si>
  <si>
    <t>ゴーゴーカレー監修釜玉うどん</t>
  </si>
  <si>
    <t>さくへいうどんざる冷し</t>
  </si>
  <si>
    <t>伊藤製粉製麺</t>
  </si>
  <si>
    <t>ｲﾄｳｾｲﾌﾝ</t>
  </si>
  <si>
    <t>やせうま</t>
  </si>
  <si>
    <t>小林製麺工業</t>
  </si>
  <si>
    <t>ｺﾊﾞﾔｼｾｲﾒﾝ</t>
  </si>
  <si>
    <t>即席八丁味噌煮込うどん</t>
  </si>
  <si>
    <t>田舎うどん</t>
  </si>
  <si>
    <t>五木早煮えうどん</t>
  </si>
  <si>
    <t>早煮えうどん</t>
  </si>
  <si>
    <t>タカモリお蕎麦屋さんのカレーうどん</t>
  </si>
  <si>
    <t>うどん夏場所</t>
  </si>
  <si>
    <t>うどん早煮え</t>
  </si>
  <si>
    <t>麺しるべ讃岐太うどん</t>
  </si>
  <si>
    <t>マルキン麺しるべ讃岐うどん250g</t>
  </si>
  <si>
    <t>マルキン麺しるべ讃岐ざるうどん</t>
  </si>
  <si>
    <t>マルキン麺しるべ讃岐そうめん</t>
  </si>
  <si>
    <t>マルキン国産小麦讃岐うどん乱裁麺</t>
  </si>
  <si>
    <t>一味秘伝さぬき細うどん</t>
  </si>
  <si>
    <t>マルキン一味秘伝うまつる蕎麦230g</t>
  </si>
  <si>
    <t>黄金色のめぐみ</t>
  </si>
  <si>
    <t>中尾讃岐うどん</t>
  </si>
  <si>
    <t>ナンバーワンうどんケース</t>
  </si>
  <si>
    <t>200g×20</t>
  </si>
  <si>
    <t>なごやきしめん亭　醇味きしめん</t>
  </si>
  <si>
    <t>ｷｼﾒﾝﾃｲ</t>
  </si>
  <si>
    <t>芳醇きしめん</t>
  </si>
  <si>
    <t>ﾅｺﾞﾔｷｼﾒﾝﾃｲ</t>
  </si>
  <si>
    <t>極みきしめん</t>
  </si>
  <si>
    <t>名古屋コーチンきしめん</t>
  </si>
  <si>
    <t>名古屋名物味噌煮込みうどん</t>
  </si>
  <si>
    <t>乱れづくり極織うどん</t>
  </si>
  <si>
    <t>トマトほうとう</t>
  </si>
  <si>
    <t>263g</t>
  </si>
  <si>
    <t>はい千番うどん</t>
  </si>
  <si>
    <t>南アルプスうどん</t>
  </si>
  <si>
    <t>島田うどん</t>
  </si>
  <si>
    <t>ﾍﾞﾝﾃﾝｼｮｸﾋﾝ</t>
  </si>
  <si>
    <t>弁天　島田うどん　10束入り</t>
  </si>
  <si>
    <t>島田うどんケース</t>
  </si>
  <si>
    <t>220g×10P</t>
  </si>
  <si>
    <t>上州地粉手振りうどん</t>
  </si>
  <si>
    <t>ひもかわうどん</t>
  </si>
  <si>
    <t>上州ひもかわ</t>
  </si>
  <si>
    <t>冷ざる平うどん</t>
  </si>
  <si>
    <t>上州手振りうどん</t>
  </si>
  <si>
    <t>星野　上州手振うどん</t>
  </si>
  <si>
    <t>奥の細道　おいしいうどん</t>
  </si>
  <si>
    <t>ﾊﾀｹﾅｶ</t>
  </si>
  <si>
    <t>名産うどん</t>
  </si>
  <si>
    <t>蔵王の里　うどん</t>
  </si>
  <si>
    <t>北海道産_うどん</t>
  </si>
  <si>
    <t>90g×6束</t>
  </si>
  <si>
    <t>つるぴかりうどん</t>
  </si>
  <si>
    <t>桝田屋食品</t>
  </si>
  <si>
    <t>ﾏｽﾀﾞﾔ</t>
  </si>
  <si>
    <t>蝦夷の雪うどん</t>
  </si>
  <si>
    <t>マルナカ</t>
  </si>
  <si>
    <t>きたほなみうどん</t>
  </si>
  <si>
    <t>冬ひとときうどん</t>
  </si>
  <si>
    <t>マルナカごまうどん</t>
  </si>
  <si>
    <t>ごまうどん</t>
  </si>
  <si>
    <t>のどごしつるっうどん</t>
  </si>
  <si>
    <t>ひっぱり太うどん</t>
  </si>
  <si>
    <t>ひっぱりうどん</t>
  </si>
  <si>
    <t>クラウン白石温麺</t>
  </si>
  <si>
    <t>白石温麺ケース</t>
  </si>
  <si>
    <t>300g×10</t>
  </si>
  <si>
    <t>手織里うどん</t>
  </si>
  <si>
    <t>手緒里きしめん</t>
  </si>
  <si>
    <t>手緒里うどんケース</t>
  </si>
  <si>
    <t>250g×10P</t>
  </si>
  <si>
    <t>手緒里太打うどん</t>
  </si>
  <si>
    <t>手緒里うどん包装済10束</t>
  </si>
  <si>
    <t>YATO10</t>
  </si>
  <si>
    <t>手緒里ざるうどん</t>
  </si>
  <si>
    <t>手織里国産麦うどん</t>
  </si>
  <si>
    <t>伊勢路うどん</t>
  </si>
  <si>
    <t>山庄食品工業</t>
  </si>
  <si>
    <t>ﾔﾏｼｮｳ</t>
  </si>
  <si>
    <t>うどんの日</t>
  </si>
  <si>
    <t>田村製麺工業</t>
  </si>
  <si>
    <t>ﾀﾑﾗｾｲﾒﾝ</t>
  </si>
  <si>
    <t>十勝丸うどん</t>
  </si>
  <si>
    <t>十勝鍋焼きうどん</t>
  </si>
  <si>
    <t>北のうどん</t>
  </si>
  <si>
    <t>よもぎうどん</t>
  </si>
  <si>
    <t>円谷製麺</t>
  </si>
  <si>
    <t>ﾂﾌﾞﾗﾔ</t>
  </si>
  <si>
    <t>うどんケース</t>
  </si>
  <si>
    <t>ﾊﾁﾏﾝｺﾞｸ</t>
  </si>
  <si>
    <t>じっくり熟成饂飩</t>
  </si>
  <si>
    <t>ﾀﾞｲｼﾝ</t>
  </si>
  <si>
    <t>技のざるうどん</t>
  </si>
  <si>
    <t>はるみ米粉うどん</t>
  </si>
  <si>
    <t>全国農業協同組合連合会神奈川県本部</t>
  </si>
  <si>
    <t>JAｶﾅｶﾞﾜ</t>
  </si>
  <si>
    <t>吾輩ハ麺デアルうどん結束</t>
  </si>
  <si>
    <t>JAｴﾋﾒ</t>
  </si>
  <si>
    <t>天日熟成うどん</t>
  </si>
  <si>
    <t>一久庵</t>
  </si>
  <si>
    <t>ｲｯｷｭｳｱﾝ</t>
  </si>
  <si>
    <t>やせうまかぼ酢入り</t>
  </si>
  <si>
    <t>小川商店　稲庭饂飩　２００ｇ</t>
  </si>
  <si>
    <t>稲庭うどん小川</t>
  </si>
  <si>
    <t>ｵｶﾞﾜｼｮｳﾃﾝ</t>
  </si>
  <si>
    <t>神埼_トライアル_ざるうどん</t>
  </si>
  <si>
    <t>とろろうどん</t>
  </si>
  <si>
    <t>ワンタンめん</t>
  </si>
  <si>
    <t>じゃじゃ麺</t>
  </si>
  <si>
    <t>ぺろっこうどん</t>
  </si>
  <si>
    <t>北国っこワンタンひらめん</t>
  </si>
  <si>
    <t>小山製麺北国かあちゃんすいとん</t>
  </si>
  <si>
    <t>清鶴麺細うどん</t>
  </si>
  <si>
    <t>あらい屋製麺所</t>
  </si>
  <si>
    <t>ｱﾗｲﾔｾｲﾒﾝ</t>
  </si>
  <si>
    <t>清鶴麺うどん</t>
  </si>
  <si>
    <t>清鶴麺太うどん</t>
  </si>
  <si>
    <t>涼を感じるざるうどん</t>
  </si>
  <si>
    <t>200g×10</t>
  </si>
  <si>
    <t>250g×20P</t>
  </si>
  <si>
    <t>涼を感じるざるうどんケース</t>
  </si>
  <si>
    <t>200g*20</t>
  </si>
  <si>
    <t>清鶴麺うどんケース</t>
  </si>
  <si>
    <t>国内産小麦　上州うどん</t>
  </si>
  <si>
    <t>赤城食品</t>
  </si>
  <si>
    <t>ｱｶｷﾞｼｮｸﾋﾝ</t>
  </si>
  <si>
    <t>上州地粉金印うどん</t>
  </si>
  <si>
    <t>上州地粉金印お切り込みうどん</t>
  </si>
  <si>
    <t>赤城庵うどん袋</t>
  </si>
  <si>
    <t>赤城庵きしめん</t>
  </si>
  <si>
    <t>稲庭手もみうどん</t>
  </si>
  <si>
    <t>京家</t>
  </si>
  <si>
    <t>ｷﾖｳﾔ</t>
  </si>
  <si>
    <t>川田製麺讃岐うどん200g</t>
  </si>
  <si>
    <t>川田製麺</t>
  </si>
  <si>
    <t>ｶﾜﾀﾞｾｲﾒﾝ</t>
  </si>
  <si>
    <t>川田製麺讃岐ざるうどん200g</t>
  </si>
  <si>
    <t>ごちそうめん　玉子かけうどん</t>
  </si>
  <si>
    <t>地粉煮込みうどん</t>
  </si>
  <si>
    <t>ｶﾗｷﾀ</t>
  </si>
  <si>
    <t>水戸発　おいしいうどん</t>
  </si>
  <si>
    <t>特撰うどん</t>
  </si>
  <si>
    <t>きしめんケース</t>
  </si>
  <si>
    <t>400g×20</t>
  </si>
  <si>
    <t>雪国の風味_うどん</t>
  </si>
  <si>
    <t>雪国の風味_うどんケース</t>
  </si>
  <si>
    <t>200g×18</t>
  </si>
  <si>
    <t>匠の一品　うどん</t>
  </si>
  <si>
    <t>ｼﾞｮｳﾎｸ</t>
  </si>
  <si>
    <t>きしめん</t>
  </si>
  <si>
    <t>金トビ志賀</t>
  </si>
  <si>
    <t>ｷﾝﾄﾋﾞ</t>
  </si>
  <si>
    <t>三河細うどん</t>
  </si>
  <si>
    <t>館林うどん麺三昧</t>
  </si>
  <si>
    <t>館林うどん</t>
  </si>
  <si>
    <t>ﾀﾃﾊﾞﾔｼｳﾄﾞﾝ</t>
  </si>
  <si>
    <t>麺三昧中めん</t>
  </si>
  <si>
    <t>ﾀﾃﾊﾞﾔｼ</t>
  </si>
  <si>
    <t>瀬戸の波織うどん</t>
  </si>
  <si>
    <t>高橋製麺</t>
  </si>
  <si>
    <t>山形蔵王麦きり</t>
  </si>
  <si>
    <t>吉田製麺　卵うどん</t>
  </si>
  <si>
    <t>吉田製麺</t>
  </si>
  <si>
    <t>ﾖｼﾀﾞｾｲﾒﾝ</t>
  </si>
  <si>
    <t>手延べ</t>
  </si>
  <si>
    <t>氷見糸うどん細めん</t>
  </si>
  <si>
    <t>氷見うどん高岡屋本舗</t>
  </si>
  <si>
    <t>金魚印　手延べうどん</t>
  </si>
  <si>
    <t>松永製麺</t>
  </si>
  <si>
    <t>稲庭うどん</t>
  </si>
  <si>
    <t>ジュダイ</t>
  </si>
  <si>
    <t>ｼﾞｭﾀﾞｲ</t>
  </si>
  <si>
    <t>五島手延べうどん</t>
  </si>
  <si>
    <t>だしの素本舗</t>
  </si>
  <si>
    <t>ﾀﾞｼﾉﾓﾄﾎﾝﾎﾟ</t>
  </si>
  <si>
    <t>加茂川うどん</t>
  </si>
  <si>
    <t>ｵｶﾔﾏﾃﾉﾍﾞｿｳ</t>
  </si>
  <si>
    <t>岡山手延うどん細づくり</t>
  </si>
  <si>
    <t>加茂川極細うどん</t>
  </si>
  <si>
    <t>半生讃岐うどん包丁切り</t>
  </si>
  <si>
    <t>半生讃岐うどんケース</t>
  </si>
  <si>
    <t>半生讃岐釜玉うどん</t>
  </si>
  <si>
    <t>ｺﾊﾞﾔｼｼﾞﾝ</t>
  </si>
  <si>
    <t>白梅うどん</t>
  </si>
  <si>
    <t>讃岐物産</t>
  </si>
  <si>
    <t>ｻﾇｷﾌﾞｯｻﾝ</t>
  </si>
  <si>
    <t>あごだしで五島手延べうどん</t>
  </si>
  <si>
    <t>五島饂飩　G-25</t>
  </si>
  <si>
    <t>200g×6</t>
  </si>
  <si>
    <t>五島饂飩　G-30</t>
  </si>
  <si>
    <t>200g×8</t>
  </si>
  <si>
    <t>ますだ製麺</t>
  </si>
  <si>
    <t>ﾏｽﾀﾞｾｲﾒﾝ</t>
  </si>
  <si>
    <t>稲庭手延べ饂飩</t>
  </si>
  <si>
    <t>日本生活協同組合連合会</t>
  </si>
  <si>
    <t>ｲﾅﾆﾜ</t>
  </si>
  <si>
    <t>徳用稲庭うどん</t>
  </si>
  <si>
    <t>手ぼしうどん</t>
  </si>
  <si>
    <t>120g×3P</t>
  </si>
  <si>
    <t>松井産業</t>
  </si>
  <si>
    <t>ﾏﾂｲｻﾝｷﾞｮｳ</t>
  </si>
  <si>
    <t>島原手延べうどんまぜ麺</t>
  </si>
  <si>
    <t>無限堂稲庭饂飩（寒の蔵）</t>
  </si>
  <si>
    <t>浜崎製麺所</t>
  </si>
  <si>
    <t>ﾊﾏｻｷｾｲﾒﾝ</t>
  </si>
  <si>
    <t>奥州はっと</t>
  </si>
  <si>
    <t>かも川_一番のばし手延うどん</t>
  </si>
  <si>
    <t>ｶﾓｶﾞﾜｿｳﾒﾝ</t>
  </si>
  <si>
    <t>ザルウドン</t>
  </si>
  <si>
    <t>一番のばし半生手延うどん</t>
  </si>
  <si>
    <t>カモガワテノベザルウドン</t>
  </si>
  <si>
    <t>まるごと三重の味うどん</t>
  </si>
  <si>
    <t>稲庭手揉饂飩徳用</t>
  </si>
  <si>
    <t>ｷｮｳﾔ</t>
  </si>
  <si>
    <t>五島手延うどん波の糸</t>
  </si>
  <si>
    <t>五島手延うどん協同組合</t>
  </si>
  <si>
    <t>ｺﾞﾄｳﾃﾉﾍﾞ</t>
  </si>
  <si>
    <t>五島手延べうどん（波の糸）</t>
  </si>
  <si>
    <t>ｺﾞﾄｳ</t>
  </si>
  <si>
    <t>名古屋きしめん</t>
  </si>
  <si>
    <t>ｷﾝﾄﾋﾞｼｶﾞ</t>
  </si>
  <si>
    <t>稲庭切うどん袋</t>
  </si>
  <si>
    <t>稲庭切りうどん国産原料全量使用</t>
  </si>
  <si>
    <t>卵うどん2人前</t>
  </si>
  <si>
    <t>全国商品</t>
  </si>
  <si>
    <t>神埼うどん</t>
  </si>
  <si>
    <t>麺匠　うどん</t>
  </si>
  <si>
    <t>ふる里そだち_うどん</t>
  </si>
  <si>
    <t>ｱｵｲﾌ-ｽﾞ</t>
  </si>
  <si>
    <t>葵うどん</t>
  </si>
  <si>
    <t>北の恵みうどん</t>
  </si>
  <si>
    <t>国産小麦粉使用うどん</t>
  </si>
  <si>
    <t>麺寿庵風味伝承うどん</t>
  </si>
  <si>
    <t>麺寿庵</t>
  </si>
  <si>
    <t>ﾌｸｼﾞｭｱﾝ</t>
  </si>
  <si>
    <t>麺寿庵なめらかうどん</t>
  </si>
  <si>
    <t>手作りの味うどん</t>
  </si>
  <si>
    <t>浮羽饂飩</t>
  </si>
  <si>
    <t>北海道うどん</t>
  </si>
  <si>
    <t>浮羽うどん</t>
  </si>
  <si>
    <t>ｶﾜﾌｼﾞ</t>
  </si>
  <si>
    <t>紀龍梅仙</t>
  </si>
  <si>
    <t>ｷﾘｭｳﾊﾞｲｾﾝ</t>
  </si>
  <si>
    <t>讃岐本舗</t>
  </si>
  <si>
    <t>ｻﾇｷ</t>
  </si>
  <si>
    <t>讃岐本舗讃岐うどん</t>
  </si>
  <si>
    <t>ｻﾇｷﾎﾝﾎﾟ</t>
  </si>
  <si>
    <t>イトメン播州細うどん500g</t>
  </si>
  <si>
    <t>国産芳純讃岐うどん</t>
  </si>
  <si>
    <t>さぬきうどん</t>
  </si>
  <si>
    <t>さぬき太うどん</t>
  </si>
  <si>
    <t>さぬききしめん</t>
  </si>
  <si>
    <t>讃岐味うどん</t>
  </si>
  <si>
    <t>讃岐味きしめん</t>
  </si>
  <si>
    <t>讃岐うどん包丁切り</t>
  </si>
  <si>
    <t>讃岐包丁切りうどん</t>
  </si>
  <si>
    <t>半生りつりん印讃岐うどん</t>
  </si>
  <si>
    <t>芳純讃岐うどん</t>
  </si>
  <si>
    <t>国産　芳醇讃岐ざるうどん</t>
  </si>
  <si>
    <t>鍋にそのまま半生うどん</t>
  </si>
  <si>
    <t>半生讃岐うどん包丁切つゆ付</t>
  </si>
  <si>
    <t>miwabi_抹茶さぬきうどん　２２０ｇ</t>
  </si>
  <si>
    <t>技の極み讃岐うどん包丁切り</t>
  </si>
  <si>
    <t>技の極み讃岐細うどん包丁切り</t>
  </si>
  <si>
    <t>家族で食べよう　半生釜あげうどん</t>
  </si>
  <si>
    <t>一福監修国産讃岐うどん</t>
  </si>
  <si>
    <t>麺有楽播州ざるうどん</t>
  </si>
  <si>
    <t>ﾒﾝﾕｳﾗｸ</t>
  </si>
  <si>
    <t>麺有楽　讃岐うどん</t>
  </si>
  <si>
    <t>麺有楽_讃岐うどん</t>
  </si>
  <si>
    <t>国内産小麦　讃岐うどん</t>
  </si>
  <si>
    <t>麺有楽讃岐うどん</t>
  </si>
  <si>
    <t>包丁切うどん</t>
  </si>
  <si>
    <t>児玉製粉製麺工場</t>
  </si>
  <si>
    <t>こだわりの熟成うどん</t>
  </si>
  <si>
    <t>細うどん</t>
  </si>
  <si>
    <t>ハヤニエウドン</t>
  </si>
  <si>
    <t>おいしいぶっかけうどん２人前</t>
  </si>
  <si>
    <t>おいしいサラダうどん</t>
  </si>
  <si>
    <t>つけ麺うどん_絶品鴨だし</t>
  </si>
  <si>
    <t>贅沢鍋焼　麻婆風うどん</t>
  </si>
  <si>
    <t>贅沢鍋焼　中華風生姜あんかけうどん</t>
  </si>
  <si>
    <t>角うどん</t>
  </si>
  <si>
    <t>うどん県のうどん</t>
  </si>
  <si>
    <t>丸うどん</t>
  </si>
  <si>
    <t>国内産小麦讃岐うどん</t>
  </si>
  <si>
    <t>讃岐うどん（角）</t>
  </si>
  <si>
    <t>太打ちうどん</t>
  </si>
  <si>
    <t>100g×8P</t>
  </si>
  <si>
    <t>うどん冬場所</t>
  </si>
  <si>
    <t>棒状うどんスープ付</t>
  </si>
  <si>
    <t>ｼﾗｲｼｺｳｻﾝ</t>
  </si>
  <si>
    <t>吟熟めん_うどん</t>
  </si>
  <si>
    <t>吟熟めん角うどん</t>
  </si>
  <si>
    <t>90gX4</t>
  </si>
  <si>
    <t>なめらかうどん</t>
  </si>
  <si>
    <t>郷の麺処うどん</t>
  </si>
  <si>
    <t>ナンバーワンうどん</t>
  </si>
  <si>
    <t>熟成極み　細づくりうどん</t>
  </si>
  <si>
    <t>熟成極み讃岐細づくりうどん</t>
  </si>
  <si>
    <t>ＮＯ１うどんケース</t>
  </si>
  <si>
    <t>北海道小麦うどん</t>
  </si>
  <si>
    <t>極みうどん</t>
  </si>
  <si>
    <t>永谷園_永谷園のうどん</t>
  </si>
  <si>
    <t>こしの極みざるうどん</t>
  </si>
  <si>
    <t>永谷園こしの極みうどん</t>
  </si>
  <si>
    <t>永谷園_すきやきうどん</t>
  </si>
  <si>
    <t>永谷園_ちゃんぽんうどん</t>
  </si>
  <si>
    <t>永谷園_カレーうどん</t>
  </si>
  <si>
    <t>永谷園お鍋ひとつで肉南蛮うどん</t>
  </si>
  <si>
    <t>永谷園お鍋ひとつでカレーうどん</t>
  </si>
  <si>
    <t>お鍋ひとつで煮込みうどんちゃんこ風醤油</t>
  </si>
  <si>
    <t>お鍋ひとつで煮込みうどんちゃんこ風味噌</t>
  </si>
  <si>
    <t>旨みで味わう肉汁うどん</t>
  </si>
  <si>
    <t>旨みで味わう和えうどん</t>
  </si>
  <si>
    <t>和風サラダ麺ゴマドレ</t>
  </si>
  <si>
    <t>和風サラダ麺和風ドレ</t>
  </si>
  <si>
    <t>いかだうどん</t>
  </si>
  <si>
    <t>はい千番ざるうどん</t>
  </si>
  <si>
    <t>冷やしごまだれうどん</t>
  </si>
  <si>
    <t>極織うどん</t>
  </si>
  <si>
    <t>味噌煮込みうどん</t>
  </si>
  <si>
    <t>黄金の大地有機うどん</t>
  </si>
  <si>
    <t>黄金の大地ざるうどん</t>
  </si>
  <si>
    <t>オウゴンノダイチウドン</t>
  </si>
  <si>
    <t>あばれほうとう</t>
  </si>
  <si>
    <t>上州屋十兵衛うどん</t>
  </si>
  <si>
    <t>はたけなか旨さ覚悟うどん</t>
  </si>
  <si>
    <t>はたけなか旨さ覚悟きしめん</t>
  </si>
  <si>
    <t>郷の円熟うどん</t>
  </si>
  <si>
    <t>松田製粉　うどん　４００ｇ</t>
  </si>
  <si>
    <t>本場さぬきうどん</t>
  </si>
  <si>
    <t>本場讃岐うどん</t>
  </si>
  <si>
    <t>常五杯うどん</t>
  </si>
  <si>
    <t>讃岐うどん小鉢</t>
  </si>
  <si>
    <t>白鷺の華丸うどん</t>
  </si>
  <si>
    <t>ﾄｳｱ</t>
  </si>
  <si>
    <t>讃岐早ゆでうどん</t>
  </si>
  <si>
    <t>さぬき早ゆでざるうどん</t>
  </si>
  <si>
    <t>吾輩ハ麺デアル饂飩100gx4</t>
  </si>
  <si>
    <t>讃岐本格ウドン</t>
  </si>
  <si>
    <t>せんすいうどん２５０ｇ</t>
  </si>
  <si>
    <t>熟成うどんギフト</t>
  </si>
  <si>
    <t>NIS</t>
  </si>
  <si>
    <t>伊之助　神埼うどん　３２０ｇ</t>
  </si>
  <si>
    <t>320G</t>
  </si>
  <si>
    <t>ｲﾉｽｹ</t>
  </si>
  <si>
    <t>国産うどん</t>
  </si>
  <si>
    <t>神埼極細うどん</t>
  </si>
  <si>
    <t>赤城の平打ちカレーうどん</t>
  </si>
  <si>
    <t>赤城庵うどん</t>
  </si>
  <si>
    <t>川田_讃岐うどん</t>
  </si>
  <si>
    <t>川田讃岐うどん</t>
  </si>
  <si>
    <t>手打風うどん</t>
  </si>
  <si>
    <t>手打風きしめん</t>
  </si>
  <si>
    <t>手打ち風うどんケース</t>
  </si>
  <si>
    <t>200g×20P</t>
  </si>
  <si>
    <t>手打ち風きしめん</t>
  </si>
  <si>
    <t>つゆ付うどん</t>
  </si>
  <si>
    <t>特撰きしめん</t>
  </si>
  <si>
    <t>熟成うどん</t>
  </si>
  <si>
    <t>みわびうどんチャック付</t>
  </si>
  <si>
    <t>彩翠うどん</t>
  </si>
  <si>
    <t>ｼﾞﾈﾝｼﾞｮｳ</t>
  </si>
  <si>
    <t>麺専家播州うどん</t>
  </si>
  <si>
    <t>ﾀｶｵｾｲﾌﾝ</t>
  </si>
  <si>
    <t>しっかりうどん</t>
  </si>
  <si>
    <t>日穀　うどん　３４０Ｇ</t>
  </si>
  <si>
    <t>北海道地粉うどん</t>
  </si>
  <si>
    <t>ﾌｼﾞﾉﾊﾅ</t>
  </si>
  <si>
    <t>恵みの大地うどん</t>
  </si>
  <si>
    <t>うどん　丸</t>
  </si>
  <si>
    <t>うどん　平</t>
  </si>
  <si>
    <t>播州の糸うどん</t>
  </si>
  <si>
    <t>紅花ざるうどん</t>
  </si>
  <si>
    <t>小麦だけうどん</t>
  </si>
  <si>
    <t>ﾏﾂﾀﾞｲｿﾊﾞﾖｼ</t>
  </si>
  <si>
    <t>得得盛りうどん</t>
  </si>
  <si>
    <t>ひゃんでうどん</t>
  </si>
  <si>
    <t>ﾖｼﾔﾌｰｽﾞ</t>
  </si>
  <si>
    <t>吟味屋うどん</t>
  </si>
  <si>
    <t>ｷﾞﾝﾐﾔ</t>
  </si>
  <si>
    <t>得得盛り_うどん</t>
  </si>
  <si>
    <t>ﾖｼﾔﾌ-ｽﾞ</t>
  </si>
  <si>
    <t>得得盛り_きしめん</t>
  </si>
  <si>
    <t>マルヤ製麺所</t>
  </si>
  <si>
    <t>島原手延べうどん</t>
  </si>
  <si>
    <t>三輪麺匠手延べ細うどん</t>
  </si>
  <si>
    <t>50g×18束入</t>
  </si>
  <si>
    <t>山中</t>
  </si>
  <si>
    <t>稲庭本生うどん</t>
  </si>
  <si>
    <t>林泉堂</t>
  </si>
  <si>
    <t>ﾘﾝｾﾝﾄﾞｳ</t>
  </si>
  <si>
    <t>極上手延べ素麺　二千の郷</t>
  </si>
  <si>
    <t>和田手延べうどん</t>
  </si>
  <si>
    <t>和田</t>
  </si>
  <si>
    <t>ﾜﾀﾞｾｲﾒﾝ</t>
  </si>
  <si>
    <t>佐藤養助商店</t>
  </si>
  <si>
    <t>ｻﾄｳﾖｳｽｹ</t>
  </si>
  <si>
    <t>稲庭島田うどん</t>
  </si>
  <si>
    <t>ｲﾅﾆﾜｳﾄﾞﾝｵｶ</t>
  </si>
  <si>
    <t>もっちり手延早ゆでうどん</t>
  </si>
  <si>
    <t>稲庭手作り饂飩かんざし</t>
  </si>
  <si>
    <t>稲庭うどん朱ラベル</t>
  </si>
  <si>
    <t>揖保の糸手延うどん</t>
  </si>
  <si>
    <t>手延うどん聖3束</t>
  </si>
  <si>
    <t>手延うどん　揖保乃糸　宝播</t>
  </si>
  <si>
    <t>miwabi揖保乃糸手延うどん宝播</t>
  </si>
  <si>
    <t>高機能商材</t>
  </si>
  <si>
    <t>３食入焼そば</t>
  </si>
  <si>
    <t>讃岐生うどん4食つゆ付</t>
  </si>
  <si>
    <t>ｺﾞｼﾞｮｳｾｲﾒﾝ</t>
  </si>
  <si>
    <t>九州産小麦のおうどん</t>
  </si>
  <si>
    <t>讃岐うどんゆで3食</t>
  </si>
  <si>
    <t>釜あげうどんゆで3食</t>
  </si>
  <si>
    <t>６束</t>
  </si>
  <si>
    <t>讃岐直送きつねうどん</t>
  </si>
  <si>
    <t>ｻﾇｷﾒﾝｼﾝ</t>
  </si>
  <si>
    <t>讃岐直送天ぷらうどん</t>
  </si>
  <si>
    <t>細麺喉越うどん</t>
  </si>
  <si>
    <t>ｻﾇｷｼｾｲ</t>
  </si>
  <si>
    <t>太麺強腰うどん</t>
  </si>
  <si>
    <t>国産小麦まるごと細うどん</t>
  </si>
  <si>
    <t>鍋焼あげ玉そば</t>
  </si>
  <si>
    <t>２１０Ｇ</t>
  </si>
  <si>
    <t>糖質30％ＯＦＦうどん</t>
  </si>
  <si>
    <t>抹茶うどん</t>
  </si>
  <si>
    <t>カルボナーラ風うどん</t>
  </si>
  <si>
    <t>濃厚カレーうどん</t>
  </si>
  <si>
    <t>五木焼うどんしょうゆ味2個</t>
  </si>
  <si>
    <t>396G</t>
  </si>
  <si>
    <t>五木焼うどんソース味2個</t>
  </si>
  <si>
    <t>406G</t>
  </si>
  <si>
    <t>Ｎｏｏｄｌｅｓ糖質30％ｏｆｆうどん</t>
  </si>
  <si>
    <t>冷しぶっかけうどん</t>
  </si>
  <si>
    <t>ﾀｶﾓﾘｺｳｻﾝ</t>
  </si>
  <si>
    <t>辛い牛カレーうどん</t>
  </si>
  <si>
    <t>塩分ゼロうどん</t>
  </si>
  <si>
    <t>はくばくもち麦うどん</t>
  </si>
  <si>
    <t>もち麦手もみ風うどん</t>
  </si>
  <si>
    <t>食塩無添加うどん</t>
  </si>
  <si>
    <t>健康美味　あかもくうどん</t>
  </si>
  <si>
    <t>焼うどん</t>
  </si>
  <si>
    <t>ﾅｶﾉｼｮｸﾋﾝ</t>
  </si>
  <si>
    <t>塩焼そば</t>
  </si>
  <si>
    <t>あきたこまちのこまち麺</t>
  </si>
  <si>
    <t>無塩　極細めん</t>
  </si>
  <si>
    <t>ＨＡＹＡゆでさん</t>
  </si>
  <si>
    <t>生一本モロヘイヤ</t>
  </si>
  <si>
    <t>こがね食品</t>
  </si>
  <si>
    <t>味川柳食塩無添加うどん</t>
  </si>
  <si>
    <t>茂野製麺</t>
  </si>
  <si>
    <t>ｼｹﾞﾉｾｲﾒﾝ</t>
  </si>
  <si>
    <t>みわび長崎五島手延べうどん</t>
  </si>
  <si>
    <t>小麦だけうどん食塩無添加</t>
  </si>
  <si>
    <t>北海道産小麦100%手延うどんチャック付</t>
  </si>
  <si>
    <t>我家彩麺　うどんチャック付</t>
  </si>
  <si>
    <t>miwabiうどんチャック付</t>
  </si>
  <si>
    <t>半生麺</t>
  </si>
  <si>
    <t>1食タイプ</t>
  </si>
  <si>
    <t>スープ付_さぬきうどん</t>
  </si>
  <si>
    <t>スープ付うどん210g5個セット</t>
  </si>
  <si>
    <t>スープ付うどん210g3個セット</t>
  </si>
  <si>
    <t>もり家監修半生讃岐冷やかけうどん</t>
  </si>
  <si>
    <t>名古屋駅でおなじみのきしめん</t>
  </si>
  <si>
    <t>〆の鍋用うどん</t>
  </si>
  <si>
    <t>赤からきしめん</t>
  </si>
  <si>
    <t>スープ付うどん</t>
  </si>
  <si>
    <t>五木庵カレーうどん</t>
  </si>
  <si>
    <t>五木庵すましだんご汁</t>
  </si>
  <si>
    <t>スープ付うどんケース</t>
  </si>
  <si>
    <t>210g×30P</t>
  </si>
  <si>
    <t>ぶっかけうどん辛みそ</t>
  </si>
  <si>
    <t>たまごかけうどん</t>
  </si>
  <si>
    <t>五木庵天ぷらうどん</t>
  </si>
  <si>
    <t>五木庵_すき焼風うどん</t>
  </si>
  <si>
    <t>五木庵ブラックカレーうどん</t>
  </si>
  <si>
    <t>五木庵スンドゥブチゲ風うどん</t>
  </si>
  <si>
    <t>タカモリあごだしうどん</t>
  </si>
  <si>
    <t>五木食品　タカモリ　九州産小麦うどん　２０５ｇ</t>
  </si>
  <si>
    <t>讃岐ぶっかけうどん半生</t>
  </si>
  <si>
    <t>釜あげうどん1食つゆ付</t>
  </si>
  <si>
    <t>阿蘇のだんご汁みそ味</t>
  </si>
  <si>
    <t>かつおだしうどん</t>
  </si>
  <si>
    <t>たぬきうどん柚子風味</t>
  </si>
  <si>
    <t>釜玉うどん</t>
  </si>
  <si>
    <t>九州産小麦うどん</t>
  </si>
  <si>
    <t>天鍋中華風あんかけうどん</t>
  </si>
  <si>
    <t>あごだしうどん</t>
  </si>
  <si>
    <t>金ちゃんぶっかけ和風明太うどん</t>
  </si>
  <si>
    <t>金ちゃん旨辛まぜうどん</t>
  </si>
  <si>
    <t>金ちゃん亭ぶっかけうどん</t>
  </si>
  <si>
    <t>金ちゃん亭ぶっかけはなかつお</t>
  </si>
  <si>
    <t>金ちゃん亭ぶっかけ牛肉</t>
  </si>
  <si>
    <t>生うどんつゆ無し</t>
  </si>
  <si>
    <t>香西食品</t>
  </si>
  <si>
    <t>ｺｳｻﾞｲﾒﾝｷﾞｮ</t>
  </si>
  <si>
    <t>生うどん</t>
  </si>
  <si>
    <t>300g×2</t>
  </si>
  <si>
    <t>ノーベル製菓</t>
  </si>
  <si>
    <t>宮きしめん</t>
  </si>
  <si>
    <t>宮商事</t>
  </si>
  <si>
    <t>ﾐﾔｼｮｳｼﾞ</t>
  </si>
  <si>
    <t>ざるそば</t>
  </si>
  <si>
    <t>五木　五木庵そば</t>
  </si>
  <si>
    <t>ざるそば_半生</t>
  </si>
  <si>
    <t>五木庵鴨だし南蛮そば</t>
  </si>
  <si>
    <t>五木庵天ぷらそば</t>
  </si>
  <si>
    <t>五木庵そば</t>
  </si>
  <si>
    <t>半生ざるそば</t>
  </si>
  <si>
    <t>五木庵そばケース</t>
  </si>
  <si>
    <t>161gx30P</t>
  </si>
  <si>
    <t>半生ざるそばケース</t>
  </si>
  <si>
    <t>210g×12P</t>
  </si>
  <si>
    <t>一福奥出雲そば160g×2人前</t>
  </si>
  <si>
    <t>160GX2ﾆﾝﾏｴ</t>
  </si>
  <si>
    <t>出石そば半生ストレートつゆ付き</t>
  </si>
  <si>
    <t>いずし麺業</t>
  </si>
  <si>
    <t>ｲｽﾞｼﾒﾝｷﾞｮｳ</t>
  </si>
  <si>
    <t>名古屋あんかけスパ１食</t>
  </si>
  <si>
    <t>パスタデココ監修あんかけスパ</t>
  </si>
  <si>
    <t>168G</t>
  </si>
  <si>
    <t>ナポリ風スパゲティ</t>
  </si>
  <si>
    <t>パスタデペペロンチ－ノ</t>
  </si>
  <si>
    <t>パスタデたらこ</t>
  </si>
  <si>
    <t>五木_麺の料理人_たらこ</t>
  </si>
  <si>
    <t>五木_麺の料理人_ペペロン</t>
  </si>
  <si>
    <t>パスタデカルボナーラ</t>
  </si>
  <si>
    <t>レッドチリスパゲティ</t>
  </si>
  <si>
    <t>タカモリ濃厚ナポリタン</t>
  </si>
  <si>
    <t>タカモリ和風たらこスパゲティ</t>
  </si>
  <si>
    <t>タカモリデミグラスナポリタン</t>
  </si>
  <si>
    <t>タカモリ和風バターしょうゆスパゲティ</t>
  </si>
  <si>
    <t>タカモリ和風ペペロンチーノスパゲティ</t>
  </si>
  <si>
    <t>タカモリジェノバ風バジルスパゲティ</t>
  </si>
  <si>
    <t>タカモリ旨辛アラビアータスパゲティ</t>
  </si>
  <si>
    <t>ペペロンチーノ</t>
  </si>
  <si>
    <t>濃厚ナポリタン</t>
  </si>
  <si>
    <t>ゆでスパ_ミートソース</t>
  </si>
  <si>
    <t>ﾏﾏｰ　ゆでｽﾊﾟｹﾞｯﾃｨ_ﾐｰﾄｿｰｽ</t>
  </si>
  <si>
    <t>ゆでスパ_たらこ</t>
  </si>
  <si>
    <t>167.5g</t>
  </si>
  <si>
    <t>ゆでスパ_イタリアン</t>
  </si>
  <si>
    <t>ゆでスパミートソース</t>
  </si>
  <si>
    <t>ゆでスパナポリタン</t>
  </si>
  <si>
    <t>ゆでスパたらこ</t>
  </si>
  <si>
    <t>ゆでスパ香ばしガーリック醤油</t>
  </si>
  <si>
    <t>ゆでスパスパイシーカレー</t>
  </si>
  <si>
    <t>ユデスパイタリアン</t>
  </si>
  <si>
    <t>168.5g</t>
  </si>
  <si>
    <t>ゆでスパ_ナポリタン</t>
  </si>
  <si>
    <t>ソテースパゲティナポリタン</t>
  </si>
  <si>
    <t>ソテースパゲティショウユガーリック</t>
  </si>
  <si>
    <t>359g</t>
  </si>
  <si>
    <t>米粉麺生スパゲッティ</t>
  </si>
  <si>
    <t>エイティエイト</t>
  </si>
  <si>
    <t>ｴｲﾃｨｴｲﾄ</t>
  </si>
  <si>
    <t>焼きスパゲティー</t>
  </si>
  <si>
    <t>宮崎辛麺（生麺）スタンドパック</t>
  </si>
  <si>
    <t>178.1g</t>
  </si>
  <si>
    <t>宮崎辛辛麺（生麺）スタンドパック</t>
  </si>
  <si>
    <t>半生冷し中華5個セット</t>
  </si>
  <si>
    <t>ふるる冷麺水冷麺20個セット</t>
  </si>
  <si>
    <t>半生冷し中華3個セット</t>
  </si>
  <si>
    <t>宋家の冷麺</t>
  </si>
  <si>
    <t>ｺﾞｾｲ</t>
  </si>
  <si>
    <t>ふるる冷麺水冷麺</t>
  </si>
  <si>
    <t>ふるる冷麺ビビン冷麺</t>
  </si>
  <si>
    <t>大根水キムチ味冷麺セット</t>
  </si>
  <si>
    <t>LS</t>
  </si>
  <si>
    <t>イビン冷麺セット</t>
  </si>
  <si>
    <t>韓国冷麺スープ付き</t>
  </si>
  <si>
    <t>大豆麺濃厚ボロネーゼ</t>
  </si>
  <si>
    <t>大豆麺汁なし担々麺風</t>
  </si>
  <si>
    <t>大豆麺香る生姜かきたま</t>
  </si>
  <si>
    <t>大豆麺かきたまチゲ風</t>
  </si>
  <si>
    <t>ごまだれ冷し中華</t>
  </si>
  <si>
    <t>冷し中華_黒酢</t>
  </si>
  <si>
    <t>冷し中華_ハーブ</t>
  </si>
  <si>
    <t>麺の料理人とんこつラーメン</t>
  </si>
  <si>
    <t>麺の料理人しょうゆラーメン</t>
  </si>
  <si>
    <t>麺の料理人みそラーメン</t>
  </si>
  <si>
    <t>麺の料理人チャンポン</t>
  </si>
  <si>
    <t>五木庵焼チャンポン</t>
  </si>
  <si>
    <t>五木庵ちゃんぽん</t>
  </si>
  <si>
    <t>冷し中華_半生</t>
  </si>
  <si>
    <t>冷し中華_半生ごまだれ</t>
  </si>
  <si>
    <t>半生冷し中華梅じそ</t>
  </si>
  <si>
    <t>２７２ｇ</t>
  </si>
  <si>
    <t>半生坦々冷し麺</t>
  </si>
  <si>
    <t>半生冷し中華ごまだれ</t>
  </si>
  <si>
    <t>半生担々冷し麺</t>
  </si>
  <si>
    <t>半生冷し中華梅黒酢</t>
  </si>
  <si>
    <t>半生冷し中華ケース</t>
  </si>
  <si>
    <t>252g×12P</t>
  </si>
  <si>
    <t>半生冷し中華ごまだれケース</t>
  </si>
  <si>
    <t>五木庵だんご汁</t>
  </si>
  <si>
    <t>冷し中華ごまだれ</t>
  </si>
  <si>
    <t>韓国冷麺</t>
  </si>
  <si>
    <t>スタイチラーメン1食</t>
  </si>
  <si>
    <t>ｼﾞｬﾊﾟﾝ</t>
  </si>
  <si>
    <t>ボリュームパック袋麺</t>
  </si>
  <si>
    <t>讃岐うどん　２人前</t>
  </si>
  <si>
    <t>190Ｇ</t>
  </si>
  <si>
    <t>半生讃岐しょうゆうどん</t>
  </si>
  <si>
    <t>半生紅白年明けうどん</t>
  </si>
  <si>
    <t>半生讃岐鎌田しょうゆうどん</t>
  </si>
  <si>
    <t>半生讃岐手打うどんつゆ付きケース</t>
  </si>
  <si>
    <t>260g×6</t>
  </si>
  <si>
    <t>五木３食うどん</t>
  </si>
  <si>
    <t>２コ焼きうどんしょうゆ味</t>
  </si>
  <si>
    <t>２コ焼きうどん</t>
  </si>
  <si>
    <t>3食スープ付うどん</t>
  </si>
  <si>
    <t>博多焼うどん辛子明太風味</t>
  </si>
  <si>
    <t>418g</t>
  </si>
  <si>
    <t>３食ちっこいうどん松茸風味</t>
  </si>
  <si>
    <t>3食ちっこいにゅうめん醤油仕立て</t>
  </si>
  <si>
    <t>2コ焼うどんしょうゆ味</t>
  </si>
  <si>
    <t>４４２ｇ</t>
  </si>
  <si>
    <t>2コ焼うどんソース味</t>
  </si>
  <si>
    <t>４４６ｇ</t>
  </si>
  <si>
    <t>3食入スープ付うどん</t>
  </si>
  <si>
    <t>ぶっ掛け冷やしうどんかつお</t>
  </si>
  <si>
    <t>ぶっ掛け冷やしうどんわさび風</t>
  </si>
  <si>
    <t>ぶっ掛け冷やしうどん</t>
  </si>
  <si>
    <t>焼うどん焦がし醤油味３食</t>
  </si>
  <si>
    <t>603g</t>
  </si>
  <si>
    <t>お鍋のいらない冷しぶっかけうどん2食</t>
  </si>
  <si>
    <t>さぬき純生うどん</t>
  </si>
  <si>
    <t>ｺｳｻﾞｲｾｲﾒﾝ</t>
  </si>
  <si>
    <t>焼うどん２食ソース味</t>
  </si>
  <si>
    <t>焼うどん２食醤油</t>
  </si>
  <si>
    <t>包丁切りさぬき極太半生うどん</t>
  </si>
  <si>
    <t>３食焼きそば</t>
  </si>
  <si>
    <t>２コ焼そば</t>
  </si>
  <si>
    <t>日田風焼そば</t>
  </si>
  <si>
    <t>362g</t>
  </si>
  <si>
    <t>博多風焼らーめんトンコツ</t>
  </si>
  <si>
    <t>346g</t>
  </si>
  <si>
    <t>3食焼そば</t>
  </si>
  <si>
    <t>２個焼そば</t>
  </si>
  <si>
    <t>海老風味焼そば</t>
  </si>
  <si>
    <t>台湾風まぜそば</t>
  </si>
  <si>
    <t>３３２ｇ</t>
  </si>
  <si>
    <t>上海焼そば</t>
  </si>
  <si>
    <t>３６２ｇ</t>
  </si>
  <si>
    <t>3食入塩焼そば</t>
  </si>
  <si>
    <t>タイ料理手作りセットタイ焼きそば</t>
  </si>
  <si>
    <t>やきそば２食</t>
  </si>
  <si>
    <t>五木３食ナポリタン</t>
  </si>
  <si>
    <t>２コスパゲティ</t>
  </si>
  <si>
    <t>3食ナポリタン</t>
  </si>
  <si>
    <t>2個入</t>
  </si>
  <si>
    <t>3食濃厚ナポリタン</t>
  </si>
  <si>
    <t>483g</t>
  </si>
  <si>
    <t>3食たらこパスタ</t>
  </si>
  <si>
    <t>3食豆乳とチーズのパスタ</t>
  </si>
  <si>
    <t>471g</t>
  </si>
  <si>
    <t>タカモリたらこスパゲッティ3食</t>
  </si>
  <si>
    <t>468g</t>
  </si>
  <si>
    <t>たらこスパゲティ３食</t>
  </si>
  <si>
    <t>九州限定ゆでスパナポリタ</t>
  </si>
  <si>
    <t>505.5g</t>
  </si>
  <si>
    <t>ゆでスパイタリアン九州３Ｐ</t>
  </si>
  <si>
    <t>ママーゆでイタリアン２食</t>
  </si>
  <si>
    <t>337g</t>
  </si>
  <si>
    <t>半生煮込みカレーうどん</t>
  </si>
  <si>
    <t>半生煮込カレーうどん</t>
  </si>
  <si>
    <t>２コかけそば</t>
  </si>
  <si>
    <t>2個チャンポン</t>
  </si>
  <si>
    <t>半生香る冷し麺ゆずしょうが</t>
  </si>
  <si>
    <t>半生香る冷し麺花椒風味</t>
  </si>
  <si>
    <t>お鍋のいらない冷し中華2食</t>
  </si>
  <si>
    <t>366g</t>
  </si>
  <si>
    <t>長崎ちゃんぽん3食</t>
  </si>
  <si>
    <t>つゆ付うまい信州そば</t>
  </si>
  <si>
    <t>伊之助生そば</t>
  </si>
  <si>
    <t>ピリ辛冷麺</t>
  </si>
  <si>
    <t>ごまだれ中華</t>
  </si>
  <si>
    <t>レモン冷し中華</t>
  </si>
  <si>
    <t>うちたての味半生神州そば</t>
  </si>
  <si>
    <t>冷やし中華（２食）</t>
  </si>
  <si>
    <t>もりおかビビン麺</t>
  </si>
  <si>
    <t>もりおか冷麺</t>
  </si>
  <si>
    <t>いわて盛岡ビビン麺</t>
  </si>
  <si>
    <t>盛岡ジャジャ麺</t>
  </si>
  <si>
    <t>盛岡温麺ユッケジャンスープ</t>
  </si>
  <si>
    <t>372g</t>
  </si>
  <si>
    <t>盛岡温麺カルビースープ</t>
  </si>
  <si>
    <t>363g</t>
  </si>
  <si>
    <t>盛岡じゃじゃ麺</t>
  </si>
  <si>
    <t>盛岡温めんユッケジャンスープ</t>
  </si>
  <si>
    <t>盛岡温めんカルビスープ</t>
  </si>
  <si>
    <t>盛岡_じゃじゃ麺</t>
  </si>
  <si>
    <t>426g</t>
  </si>
  <si>
    <t>いわて盛岡じゃじゃ麺</t>
  </si>
  <si>
    <t>いわて盛岡冷麺</t>
  </si>
  <si>
    <t>徳山ピビン麺</t>
  </si>
  <si>
    <t>濃厚ごま油香るチャプチェ2人前</t>
  </si>
  <si>
    <t>ﾄｸｼﾏﾌﾞｯｻﾝ</t>
  </si>
  <si>
    <t>創業からかわらぬ味高麗冷麺</t>
  </si>
  <si>
    <t>スタイチラーメン2食</t>
  </si>
  <si>
    <t>2食入り</t>
  </si>
  <si>
    <t>1食カップ</t>
  </si>
  <si>
    <t>鍋焼</t>
  </si>
  <si>
    <t>タカモリ天鍋えび天うどん222gケース</t>
  </si>
  <si>
    <t>15個入</t>
  </si>
  <si>
    <t>讃岐生ざるうどん4食つゆ付</t>
  </si>
  <si>
    <t>冷やし中華4食スープ付</t>
  </si>
  <si>
    <t>えび天鍋うどん</t>
  </si>
  <si>
    <t>きつね鍋うどん</t>
  </si>
  <si>
    <t>カレー鍋うどん</t>
  </si>
  <si>
    <t>味噌煮込み鍋うどん</t>
  </si>
  <si>
    <t>鍋焼_しそ風味とろみうどん</t>
  </si>
  <si>
    <t>鍋焼_鶏そぼろうどん</t>
  </si>
  <si>
    <t>鍋焼だんご汁</t>
  </si>
  <si>
    <t>鍋焼キムチ</t>
  </si>
  <si>
    <t>鍋焼ちゃんぽん</t>
  </si>
  <si>
    <t>鍋焼_あげ玉うどん</t>
  </si>
  <si>
    <t>鍋焼えび天そば</t>
  </si>
  <si>
    <t>ナポリ風スパゲティＣ</t>
  </si>
  <si>
    <t>２００ｇｘ３０</t>
  </si>
  <si>
    <t>鍋焼き_えび天うどん</t>
  </si>
  <si>
    <t>鍋焼き_きつねうどん</t>
  </si>
  <si>
    <t>鍋焼きごぼう天うどん</t>
  </si>
  <si>
    <t>鍋焼ちゃんぽん　角鍋</t>
  </si>
  <si>
    <t>鍋焼きすき焼うどん</t>
  </si>
  <si>
    <t>鍋焼ごま豆乳うどん</t>
  </si>
  <si>
    <t>221g</t>
  </si>
  <si>
    <t>鍋焼にゅうめん　醤油仕立て</t>
  </si>
  <si>
    <t>鍋焼_ごぼう天うどん</t>
  </si>
  <si>
    <t>角鍋焼ちゃんぽん</t>
  </si>
  <si>
    <t>青椒肉絲風焼そば</t>
  </si>
  <si>
    <t>３５２ｇ</t>
  </si>
  <si>
    <t>鍋焼えび風味あげ玉入うどん</t>
  </si>
  <si>
    <t>鍋焼とろろ昆布うどん</t>
  </si>
  <si>
    <t>麻婆風うどん</t>
  </si>
  <si>
    <t>中華風生姜あんかけうどん</t>
  </si>
  <si>
    <t>鍋焼わかめごまうどん</t>
  </si>
  <si>
    <t>鍋焼ねぎ塩うどん</t>
  </si>
  <si>
    <t>鍋焼えび風味あげ玉うどんケース</t>
  </si>
  <si>
    <t>213g×18</t>
  </si>
  <si>
    <t>鍋焼とろろ昆布うどんケース</t>
  </si>
  <si>
    <t>210g×18</t>
  </si>
  <si>
    <t>３食ナポリタン</t>
  </si>
  <si>
    <t>３食入り</t>
  </si>
  <si>
    <t>天鍋えび天うどん</t>
  </si>
  <si>
    <t>天鍋きつねうどん</t>
  </si>
  <si>
    <t>天鍋肉うどん</t>
  </si>
  <si>
    <t>天鍋すき焼風煮込みうどん</t>
  </si>
  <si>
    <t>天鍋長崎ちゃんぽん</t>
  </si>
  <si>
    <t>天鍋トマト辛麺</t>
  </si>
  <si>
    <t>天鍋えび天うどんケース</t>
  </si>
  <si>
    <t>222g×15P</t>
  </si>
  <si>
    <t>天鍋きつねうどんケース</t>
  </si>
  <si>
    <t>213g×15P</t>
  </si>
  <si>
    <t>天鍋肉うどんケース</t>
  </si>
  <si>
    <t>天鍋すき焼風煮込みうどんケース</t>
  </si>
  <si>
    <t>天鍋長崎ちゃんぽんケース</t>
  </si>
  <si>
    <t>167g×15P</t>
  </si>
  <si>
    <t>鍋焼きうどんえび天</t>
  </si>
  <si>
    <t>鍋焼きうどんきつね</t>
  </si>
  <si>
    <t>鍋焼きうどんカレー</t>
  </si>
  <si>
    <t>鍋焼きちゃんぽん</t>
  </si>
  <si>
    <t>鍋焼きチゲ風ちゃんぽん</t>
  </si>
  <si>
    <t>天鍋うどんえび天</t>
  </si>
  <si>
    <t>天鍋うどんきつね</t>
  </si>
  <si>
    <t>天鍋カレーうどん</t>
  </si>
  <si>
    <t>天鍋ちゃんぽん</t>
  </si>
  <si>
    <t>天鍋すき焼き風煮込みうどん</t>
  </si>
  <si>
    <t>天鍋韓流チゲ風ちゃんぽん</t>
  </si>
  <si>
    <t>天鍋韓流参鶏湯風ちゃんぽん</t>
  </si>
  <si>
    <t>天鍋博多もつ鍋風ちゃんぽん</t>
  </si>
  <si>
    <t>天鍋_豚ｷﾑﾁ風うどん</t>
  </si>
  <si>
    <t>天鍋_肉うどん</t>
  </si>
  <si>
    <t>甘口デミグラスソースナポリタン</t>
  </si>
  <si>
    <t>１人前</t>
  </si>
  <si>
    <t>天鍋_あごだしうどん</t>
  </si>
  <si>
    <t>金ちゃん鍋焼うどんきつね</t>
  </si>
  <si>
    <t>金ちゃん鍋焼うどん天ぷら</t>
  </si>
  <si>
    <t>徳島製粉　金ちゃん鍋焼うどん　肉　２１４ｇ</t>
  </si>
  <si>
    <t>ｷﾝﾁｬﾝ</t>
  </si>
  <si>
    <t>金ちゃん鍋焼うどん味噌煮</t>
  </si>
  <si>
    <t>徳島製粉　金ちゃん鍋焼うどん　豚汁　２３３ｇ</t>
  </si>
  <si>
    <t>２３３ｇ</t>
  </si>
  <si>
    <t>鍋焼天ぷらうどん</t>
  </si>
  <si>
    <t>鍋焼肉うどん</t>
  </si>
  <si>
    <t>鍋焼みそ煮うどん</t>
  </si>
  <si>
    <t>鍋焼きうどん_わかめ</t>
  </si>
  <si>
    <t>鍋焼きうどん_揚げ玉</t>
  </si>
  <si>
    <t>鍋焼きうどん_五目</t>
  </si>
  <si>
    <t>鍋煮込みきつねうどん</t>
  </si>
  <si>
    <t>鍋煮込み天ぷらうどん</t>
  </si>
  <si>
    <t>鍋煮込みカレーうどん</t>
  </si>
  <si>
    <t>ｷﾝﾁﾔﾝﾃｲ</t>
  </si>
  <si>
    <t>鍋焼味噌煮うどん</t>
  </si>
  <si>
    <t>鍋焼きうどんみそ</t>
  </si>
  <si>
    <t>鍋焼きうどんみそ煮込み</t>
  </si>
  <si>
    <t>鍋焼きうどん肉うどん</t>
  </si>
  <si>
    <t>鍋焼うどんきつね</t>
  </si>
  <si>
    <t>鍋焼うどん　天ぷら</t>
  </si>
  <si>
    <t>鍋焼うどん　カレー</t>
  </si>
  <si>
    <t>鍋焼うどん　みそ</t>
  </si>
  <si>
    <t>鍋焼うどん　肉</t>
  </si>
  <si>
    <t>鍋焼きうどん　野菜とんこつ</t>
  </si>
  <si>
    <t>ハートフル畑鍋焼きつねうどん</t>
  </si>
  <si>
    <t>ハートフル畑鍋焼天ぷらうどん</t>
  </si>
  <si>
    <t>ハートフル畑鍋焼カレーうどん</t>
  </si>
  <si>
    <t>ハートフル畑鍋みそ煮込みうどん</t>
  </si>
  <si>
    <t>鍋焼うどんえび天</t>
  </si>
  <si>
    <t>鍋焼うどんちゃんぽん</t>
  </si>
  <si>
    <t>１４５ｇ</t>
  </si>
  <si>
    <t>ｺｶﾞﾈｼｮｸﾋﾝ</t>
  </si>
  <si>
    <t>煮込み旨辛麺</t>
  </si>
  <si>
    <t>長浜ラーメン</t>
  </si>
  <si>
    <t>ｺｶﾞﾈ</t>
  </si>
  <si>
    <t>かしわラーメン</t>
  </si>
  <si>
    <t>あごちゃん醤油ラーメン</t>
  </si>
  <si>
    <t>鍋用麺</t>
  </si>
  <si>
    <t>１食入</t>
  </si>
  <si>
    <t>茄子とひき肉の旨辛ｱﾝｶｹ揚麺</t>
  </si>
  <si>
    <t>揖保</t>
  </si>
  <si>
    <t>揖保の糸素麺</t>
  </si>
  <si>
    <t>揖保の糸素麺5個セット</t>
  </si>
  <si>
    <t>揖保の糸素麺2個セット</t>
  </si>
  <si>
    <t>揖保乃糸特級品古木箱入り</t>
  </si>
  <si>
    <t>井口製粉</t>
  </si>
  <si>
    <t>ｲｸﾞﾁｾｲﾌﾝ</t>
  </si>
  <si>
    <t>揖保乃糸　上級品</t>
  </si>
  <si>
    <t>揖保乃糸三色麺</t>
  </si>
  <si>
    <t>揖保の糸　手延素麺</t>
  </si>
  <si>
    <t>揖保の糸手延素麺特級品</t>
  </si>
  <si>
    <t>島田そうめん</t>
  </si>
  <si>
    <t>和敬物産讃岐そうめん</t>
  </si>
  <si>
    <t>ふる里そだちそうめん</t>
  </si>
  <si>
    <t>風土伝匠島原素麺</t>
  </si>
  <si>
    <t>どさんこ便りそうめん</t>
  </si>
  <si>
    <t>花山素麺HS140</t>
  </si>
  <si>
    <t>私が極めた麺そうめん</t>
  </si>
  <si>
    <t>麦太郎そうめん</t>
  </si>
  <si>
    <t>寒造そうめん袋</t>
  </si>
  <si>
    <t>爽涼そうめん</t>
  </si>
  <si>
    <t>友白髪_そうめん</t>
  </si>
  <si>
    <t>ﾄﾓｼﾗｶﾞ</t>
  </si>
  <si>
    <t>イナカソウメン</t>
  </si>
  <si>
    <t>冷しかけそうめん</t>
  </si>
  <si>
    <t>おいしいにゅうめん</t>
  </si>
  <si>
    <t>おいしい味噌汁そうめん</t>
  </si>
  <si>
    <t>五木の誉そうめん</t>
  </si>
  <si>
    <t>冨士そーめん</t>
  </si>
  <si>
    <t>平ソーメン夏場所</t>
  </si>
  <si>
    <t>だるま温麺</t>
  </si>
  <si>
    <t>吟熟麺そうめん</t>
  </si>
  <si>
    <t>90g×4</t>
  </si>
  <si>
    <t>味噌汁の友</t>
  </si>
  <si>
    <t>50g×5P</t>
  </si>
  <si>
    <t>だるま温麺ケース</t>
  </si>
  <si>
    <t>だるま白石温麺10個入</t>
  </si>
  <si>
    <t>ナンバーワンそうめん</t>
  </si>
  <si>
    <t>はい千番そうめん</t>
  </si>
  <si>
    <t>南アルプスそうめん</t>
  </si>
  <si>
    <t>黄金の大地そうめん</t>
  </si>
  <si>
    <t>弁天　島田そうめん</t>
  </si>
  <si>
    <t>上州地粉　手振りそうめん</t>
  </si>
  <si>
    <t>星野物産　上州手振りそうめん</t>
  </si>
  <si>
    <t>上州手振りそうめん</t>
  </si>
  <si>
    <t>手振りそうめん</t>
  </si>
  <si>
    <t>奥の細道　そうめん</t>
  </si>
  <si>
    <t>白石温麺</t>
  </si>
  <si>
    <t>蝦夷の糸そうめん</t>
  </si>
  <si>
    <t>きたほなみそうめん</t>
  </si>
  <si>
    <t>夏しのぎそうめん</t>
  </si>
  <si>
    <t>ひっぱり素麺</t>
  </si>
  <si>
    <t>手緒里そうめん</t>
  </si>
  <si>
    <t>手緒里そうめんケース</t>
  </si>
  <si>
    <t>10束入</t>
  </si>
  <si>
    <t>おつゆそーめん</t>
  </si>
  <si>
    <t>厄上りそうめん</t>
  </si>
  <si>
    <t>十勝そうめん</t>
  </si>
  <si>
    <t>本造りそうめん</t>
  </si>
  <si>
    <t>そうめんケース</t>
  </si>
  <si>
    <t>八万石そうめん</t>
  </si>
  <si>
    <t>じっくり熟成素麺</t>
  </si>
  <si>
    <t>細雪そうめん</t>
  </si>
  <si>
    <t>小豆島本格造り素麺</t>
  </si>
  <si>
    <t>塩そうめん</t>
  </si>
  <si>
    <t>長洲そうめん</t>
  </si>
  <si>
    <t>せんすいそーめん２５０ｇ</t>
  </si>
  <si>
    <t>稲庭のそうめん</t>
  </si>
  <si>
    <t>稲庭手延製麺</t>
  </si>
  <si>
    <t>唐船峡食品そうめん</t>
  </si>
  <si>
    <t>川渡そうめん</t>
  </si>
  <si>
    <t>熊谷商店</t>
  </si>
  <si>
    <t>ｸﾏｶﾞｲｼｮｳﾃﾝ</t>
  </si>
  <si>
    <t>ふしめん</t>
  </si>
  <si>
    <t>前田製麺工場</t>
  </si>
  <si>
    <t>金印そうめん</t>
  </si>
  <si>
    <t>とろろそうめん</t>
  </si>
  <si>
    <t>梅と柚子香るそうめん</t>
  </si>
  <si>
    <t>かけそうめんわかめ付き</t>
  </si>
  <si>
    <t>えどやフーズ</t>
  </si>
  <si>
    <t>ｴﾄﾞﾔﾌｰｽﾞ</t>
  </si>
  <si>
    <t>岡本製麺長時間熟成素麺450g</t>
  </si>
  <si>
    <t>ｵｶﾓﾄｼｮｳﾃﾝ</t>
  </si>
  <si>
    <t>清鶴麺そうめん</t>
  </si>
  <si>
    <t>清鶴麺細そうめん</t>
  </si>
  <si>
    <t>かけそうめんわかめ入り</t>
  </si>
  <si>
    <t>涼を感じるそうめん</t>
  </si>
  <si>
    <t>清鶴麺そうめんケース</t>
  </si>
  <si>
    <t>涼を感じるそうめんケース</t>
  </si>
  <si>
    <t>やすらぎの里そばケース</t>
  </si>
  <si>
    <t>黄金のそうめん</t>
  </si>
  <si>
    <t>赤城庵そうめん袋</t>
  </si>
  <si>
    <t>赤城庵そうめんチャック付和紙パッケージ</t>
  </si>
  <si>
    <t>五色そうめん</t>
  </si>
  <si>
    <t>焼きそうめん</t>
  </si>
  <si>
    <t>五色そうめん手延五色そうめん300g</t>
  </si>
  <si>
    <t>ﾓﾘｶﾜｺﾞｼｷｿｳ</t>
  </si>
  <si>
    <t>川田製麺讃岐そうめん400g</t>
  </si>
  <si>
    <t>川田製麺讃岐そうめん200g</t>
  </si>
  <si>
    <t>特撰そうめん</t>
  </si>
  <si>
    <t>雪国の風味_そうめん</t>
  </si>
  <si>
    <t>雪国の風味_そうめんケース</t>
  </si>
  <si>
    <t>匠の一品　そうめん</t>
  </si>
  <si>
    <t>金とびそうめん</t>
  </si>
  <si>
    <t>島の光オリーブ素麺袋250g</t>
  </si>
  <si>
    <t>播龍そうめん</t>
  </si>
  <si>
    <t>麺三昧そうめん</t>
  </si>
  <si>
    <t>かけそうめん　ワカメ付</t>
  </si>
  <si>
    <t>奈良屋</t>
  </si>
  <si>
    <t>ﾅﾗﾔ</t>
  </si>
  <si>
    <t>にぎやかわくわくそうめん</t>
  </si>
  <si>
    <t>恵みの大地そうめん</t>
  </si>
  <si>
    <t>紅花そうめん</t>
  </si>
  <si>
    <t>ひゃんでそうめん</t>
  </si>
  <si>
    <t>卵めん</t>
  </si>
  <si>
    <t>郷の麺処そうめん</t>
  </si>
  <si>
    <t>島原創互物産</t>
  </si>
  <si>
    <t>ｼﾏﾊﾞﾗｿｳｺﾞ</t>
  </si>
  <si>
    <t>三輪手延べそうめん</t>
  </si>
  <si>
    <t>600g+15g</t>
  </si>
  <si>
    <t>ｼﾞｬﾊﾟﾝﾌｰｽﾞ</t>
  </si>
  <si>
    <t>いなさの郷遠州手延べ乾そうめんいなさの糸250g</t>
  </si>
  <si>
    <t>いなさの郷</t>
  </si>
  <si>
    <t>ｲﾅｻﾉｻﾄ</t>
  </si>
  <si>
    <t>いなさの郷遠州手延しぞーか素麺</t>
  </si>
  <si>
    <t>ｲﾅｻﾉ</t>
  </si>
  <si>
    <t>普賢</t>
  </si>
  <si>
    <t>ﾌｹﾞﾝ</t>
  </si>
  <si>
    <t>謹製手延素麺上村久人</t>
  </si>
  <si>
    <t>須崎屋</t>
  </si>
  <si>
    <t>ｽｻﾞｷﾔ</t>
  </si>
  <si>
    <t>菊川の糸</t>
  </si>
  <si>
    <t>下関農業協同組合</t>
  </si>
  <si>
    <t>ｼﾉﾓｾｷﾉｳ</t>
  </si>
  <si>
    <t>島原天満屋手延素麺袋</t>
  </si>
  <si>
    <t>島原天満屋</t>
  </si>
  <si>
    <t>ｼﾏﾊﾞﾗﾃﾝﾏﾝﾔ</t>
  </si>
  <si>
    <t>加茂川そうめん</t>
  </si>
  <si>
    <t>かも川　手延素麺</t>
  </si>
  <si>
    <t>加茂川手延べそうめん</t>
  </si>
  <si>
    <t>加茂川手延べおつゆの友</t>
  </si>
  <si>
    <t>かもい手延べそうめん徳用箱</t>
  </si>
  <si>
    <t>島の光手延べそうめん</t>
  </si>
  <si>
    <t>三輪素麺シマ</t>
  </si>
  <si>
    <t>三輪素麺オオバン</t>
  </si>
  <si>
    <t>三輪の神糸</t>
  </si>
  <si>
    <t>三輪の神糸　５束</t>
  </si>
  <si>
    <t>三輪素麺_シマ</t>
  </si>
  <si>
    <t>手のべふし</t>
  </si>
  <si>
    <t>三輪の神糸手延べふし</t>
  </si>
  <si>
    <t>miwabi手延べ三輪そうめん</t>
  </si>
  <si>
    <t>三輪談山6束</t>
  </si>
  <si>
    <t>三輪談山5束</t>
  </si>
  <si>
    <t>金魚印手延素麺</t>
  </si>
  <si>
    <t>金魚印　大矢知手延素麺</t>
  </si>
  <si>
    <t>サンコク松永製麺金魚印手延素麺</t>
  </si>
  <si>
    <t>1850g</t>
  </si>
  <si>
    <t>テノベソーメン</t>
  </si>
  <si>
    <t>三輪手延素麺</t>
  </si>
  <si>
    <t>ｼﾏﾊﾞﾗﾃﾉﾍ</t>
  </si>
  <si>
    <t>ﾐﾜｿｰﾒﾝ</t>
  </si>
  <si>
    <t>福の糸</t>
  </si>
  <si>
    <t>50g×8P</t>
  </si>
  <si>
    <t>ｻﾝｾｲﾌﾞｯｻﾝ</t>
  </si>
  <si>
    <t>切れ端手縒めん太めん</t>
  </si>
  <si>
    <t>切れ端手縒めん細めん</t>
  </si>
  <si>
    <t>小豆島手延素麺瀬戸内産小麦使用</t>
  </si>
  <si>
    <t>協栄岡野</t>
  </si>
  <si>
    <t>ｷｮｳｴｲｵｶﾉ</t>
  </si>
  <si>
    <t>手ぼしそうめん</t>
  </si>
  <si>
    <t>半田手延べそうめん</t>
  </si>
  <si>
    <t>長崎県有家_島原手延べそうめんはしっこ200ｇ</t>
  </si>
  <si>
    <t>ｱﾘｴ</t>
  </si>
  <si>
    <t>三輪素麺　三輪の白糸500g</t>
  </si>
  <si>
    <t>巽製粉麦坐三輪素麺</t>
  </si>
  <si>
    <t>麦坐三輪素麺GA-500</t>
  </si>
  <si>
    <t>麦坐　国産小麦素麺500g</t>
  </si>
  <si>
    <t>名水の絲</t>
  </si>
  <si>
    <t>山一</t>
  </si>
  <si>
    <t>ﾔﾏｲﾁ</t>
  </si>
  <si>
    <t>肥後南関そうめん</t>
  </si>
  <si>
    <t>尾張手延そうめん</t>
  </si>
  <si>
    <t>尾張製粉</t>
  </si>
  <si>
    <t>ｵﾜﾘｾｲﾌﾝ</t>
  </si>
  <si>
    <t>半田手延そうめん</t>
  </si>
  <si>
    <t>岡本製麺手延べ半田そうめん300g</t>
  </si>
  <si>
    <t>手延半田麺</t>
  </si>
  <si>
    <t>ｵﾉｾｲﾒﾝ</t>
  </si>
  <si>
    <t>手延べ半田麺</t>
  </si>
  <si>
    <t>大矢知の里そうめん</t>
  </si>
  <si>
    <t>手延べ五色そうめん</t>
  </si>
  <si>
    <t>徳用手延べ五色そうめん</t>
  </si>
  <si>
    <t>手延べそうめんバチ</t>
  </si>
  <si>
    <t>手延べそうめん島の光</t>
  </si>
  <si>
    <t>島の光500g</t>
  </si>
  <si>
    <t>島の光そうめん</t>
  </si>
  <si>
    <t>小豆島手延素麺</t>
  </si>
  <si>
    <t>手延ふしめん</t>
  </si>
  <si>
    <t>カレースープで食べる江刺の卵麺</t>
  </si>
  <si>
    <t>ぶっかけつゆで食べる江刺の卵麺</t>
  </si>
  <si>
    <t>大門素麺</t>
  </si>
  <si>
    <t>となみ野農業協同組合</t>
  </si>
  <si>
    <t>ﾏﾙｴﾝ</t>
  </si>
  <si>
    <t>超塾仕込みそうめん</t>
  </si>
  <si>
    <t>神埼そうめん</t>
  </si>
  <si>
    <t>麺匠_そうめん</t>
  </si>
  <si>
    <t>讃州素麺</t>
  </si>
  <si>
    <t>三輪そうめんＭＳ－３０</t>
  </si>
  <si>
    <t>三輪そうめんＭＳ－５０</t>
  </si>
  <si>
    <t>ふる里そだち_そうめん</t>
  </si>
  <si>
    <t>北の恵み_そうめん</t>
  </si>
  <si>
    <t>国産小麦粉使用そうめん</t>
  </si>
  <si>
    <t>風味伝承そうめん</t>
  </si>
  <si>
    <t>麺寿庵なめらかそうめん</t>
  </si>
  <si>
    <t>手作りの味そうめん</t>
  </si>
  <si>
    <t>浮羽素麺</t>
  </si>
  <si>
    <t>北海道そうめん</t>
  </si>
  <si>
    <t>讃岐本舗_讃岐そうめん</t>
  </si>
  <si>
    <t>讃岐本舗　讃岐そうめんK</t>
  </si>
  <si>
    <t>揖保の峰</t>
  </si>
  <si>
    <t>味噌汁のめん</t>
  </si>
  <si>
    <t>寒つくりそうめん</t>
  </si>
  <si>
    <t>麺有楽播州そうめん</t>
  </si>
  <si>
    <t>麺有楽_そうめん_240G</t>
  </si>
  <si>
    <t>舞彩そうめん</t>
  </si>
  <si>
    <t>麺有楽そうめん</t>
  </si>
  <si>
    <t>五木１０束そ－めん</t>
  </si>
  <si>
    <t>五木_彩菜_そうめん</t>
  </si>
  <si>
    <t>彩菜そうめん</t>
  </si>
  <si>
    <t>ちょいそうめん</t>
  </si>
  <si>
    <t>国内産小麦讃岐そうめん</t>
  </si>
  <si>
    <t>長時間熟成素麺</t>
  </si>
  <si>
    <t>吟熟めん白石温麺</t>
  </si>
  <si>
    <t>90g*4</t>
  </si>
  <si>
    <t>野菜温麺</t>
  </si>
  <si>
    <t>252ｇ</t>
  </si>
  <si>
    <t>だるま白石温麺</t>
  </si>
  <si>
    <t>なめらかそうめん</t>
  </si>
  <si>
    <t>だるま白石温麺ケース</t>
  </si>
  <si>
    <t>300g×20</t>
  </si>
  <si>
    <t>ナンバーワン_そうめん</t>
  </si>
  <si>
    <t>吟撰寒籠そうめん</t>
  </si>
  <si>
    <t>熟成極み　素麺</t>
  </si>
  <si>
    <t>熟成極み讃岐素麺</t>
  </si>
  <si>
    <t>ナンバーワンそうめん箱</t>
  </si>
  <si>
    <t>北海道小麦そうめん</t>
  </si>
  <si>
    <t>永谷園_永谷園のそうめん</t>
  </si>
  <si>
    <t>永谷園こしの極そうめん</t>
  </si>
  <si>
    <t>北海道産小麦100%そうめん</t>
  </si>
  <si>
    <t>冷しそうめん鴨だしつゆ</t>
  </si>
  <si>
    <t>冷し素麺鯛ﾀﾞｼ胡麻つゆ</t>
  </si>
  <si>
    <t>絹の食卓そうめん</t>
  </si>
  <si>
    <t>蔵王の里そうめん</t>
  </si>
  <si>
    <t>北海道産_そうめん</t>
  </si>
  <si>
    <t>松田　そうめん　　400ｇ</t>
  </si>
  <si>
    <t>華色そうめん</t>
  </si>
  <si>
    <t>愛媛たいき吾輩ハ麺デアルそうめん結束400Ｇ</t>
  </si>
  <si>
    <t>黄金郷そうめん</t>
  </si>
  <si>
    <t>ほっとプライスそうめん</t>
  </si>
  <si>
    <t>伊之助　神埼素麺　３２０ｇ</t>
  </si>
  <si>
    <t>伊之助_神埼にゅうめん</t>
  </si>
  <si>
    <t>伊之助めんそうめん</t>
  </si>
  <si>
    <t>小山製麺　めかぶそうめん　２人前　袋２００ｇ</t>
  </si>
  <si>
    <t>小山製麺　お茶梅なそうめん　１８０ｇ</t>
  </si>
  <si>
    <t>川田讃岐そうめん</t>
  </si>
  <si>
    <t>手打風そうめん</t>
  </si>
  <si>
    <t>手打ち風そうめんケース</t>
  </si>
  <si>
    <t>味涼みそうめん</t>
  </si>
  <si>
    <t>熟成そうめん</t>
  </si>
  <si>
    <t>本場播州そうめん</t>
  </si>
  <si>
    <t>細造白絹乃糸</t>
  </si>
  <si>
    <t>日穀製粉　そうめん　袋３４０ｇ</t>
  </si>
  <si>
    <t>北海道地粉そうめん</t>
  </si>
  <si>
    <t>播州の糸そうめん</t>
  </si>
  <si>
    <t>龍神の糸　細中華めん</t>
  </si>
  <si>
    <t>小麦だけそうめん</t>
  </si>
  <si>
    <t>得得盛りそうめん</t>
  </si>
  <si>
    <t>吟味屋そうめん</t>
  </si>
  <si>
    <t>生粋そうめん</t>
  </si>
  <si>
    <t>得得盛り_そうめん</t>
  </si>
  <si>
    <t>ﾐﾅﾐｼﾏﾊﾞﾗ</t>
  </si>
  <si>
    <t>麺匠吉田屋</t>
  </si>
  <si>
    <t>ﾖｼﾀﾞﾔ</t>
  </si>
  <si>
    <t>手延べ三輪素麺</t>
  </si>
  <si>
    <t>小豆島手延べ素麺葵フーズ</t>
  </si>
  <si>
    <t>西日本理研</t>
  </si>
  <si>
    <t>ﾆｼﾆﾎﾝﾘｹﾝ</t>
  </si>
  <si>
    <t>麦の郷島原手延素麺</t>
  </si>
  <si>
    <t>麦の郷</t>
  </si>
  <si>
    <t>ﾑｷﾞﾉｻﾄ</t>
  </si>
  <si>
    <t>三輪手延べ素麺</t>
  </si>
  <si>
    <t>リード</t>
  </si>
  <si>
    <t>ﾘｰﾄﾞ</t>
  </si>
  <si>
    <t>ﾅﾂｷ</t>
  </si>
  <si>
    <t>たなか物産_島原手延素麺</t>
  </si>
  <si>
    <t>極細島原手延素麺</t>
  </si>
  <si>
    <t>手延そうめん　チャック付</t>
  </si>
  <si>
    <t>南島原手延素麺組合</t>
  </si>
  <si>
    <t>ﾐﾅﾐｼﾏﾊﾞﾗﾃﾉ</t>
  </si>
  <si>
    <t>ﾜﾀﾞ</t>
  </si>
  <si>
    <t>南島原素麺島原伝説</t>
  </si>
  <si>
    <t>ｼﾏﾊﾞﾗﾃﾝﾏﾔ</t>
  </si>
  <si>
    <t>島原産手延素麺</t>
  </si>
  <si>
    <t>加藤　長崎県島原産手延素麺</t>
  </si>
  <si>
    <t>島原の光手延べ素麺6束</t>
  </si>
  <si>
    <t>森井島原手延素麺</t>
  </si>
  <si>
    <t>森井食品　手延素麺400Ｇ</t>
  </si>
  <si>
    <t>島原手延べ素麺・絹の輝</t>
  </si>
  <si>
    <t>50g×6</t>
  </si>
  <si>
    <t>ｼﾏﾊﾞﾗ</t>
  </si>
  <si>
    <t>島原名産_手延べ素麺</t>
  </si>
  <si>
    <t>半田そうめん</t>
  </si>
  <si>
    <t>阿波半田手のべ</t>
  </si>
  <si>
    <t>ｱﾜﾊﾝﾀﾞﾃﾉﾍﾞ</t>
  </si>
  <si>
    <t>阿波半田手延べ</t>
  </si>
  <si>
    <t>第一商事</t>
  </si>
  <si>
    <t>ｼﾏﾊﾞﾗﾃﾉﾍﾞ</t>
  </si>
  <si>
    <t>有家の里島原手延べそうめん</t>
  </si>
  <si>
    <t>手延べ素麺島原伝説</t>
  </si>
  <si>
    <t>小城の糸</t>
  </si>
  <si>
    <t>ｽｶﾞﾜ</t>
  </si>
  <si>
    <t>ヤヒロ</t>
  </si>
  <si>
    <t>ﾔﾋﾛ</t>
  </si>
  <si>
    <t>有家島原手延べそうめん</t>
  </si>
  <si>
    <t>有家島原手延べそうめん伝承</t>
  </si>
  <si>
    <t>島原手延そうめん　Ｓ</t>
  </si>
  <si>
    <t>島原手延そうめん伝承</t>
  </si>
  <si>
    <t>国内産小麦100%使用島原手延べ極細そうめん</t>
  </si>
  <si>
    <t>手延べ素麺</t>
  </si>
  <si>
    <t>島原手延べ素麺雲仙の白糸</t>
  </si>
  <si>
    <t>みわび手延べ三輪素麺</t>
  </si>
  <si>
    <t>白龍</t>
  </si>
  <si>
    <t>50g×8</t>
  </si>
  <si>
    <t>ﾐﾜﾔﾏﾓﾄ</t>
  </si>
  <si>
    <t>島原名産手延べ素麺</t>
  </si>
  <si>
    <t>和敬物産島原そうめん</t>
  </si>
  <si>
    <t>島原手延素麺ｷﾞﾌﾄ</t>
  </si>
  <si>
    <t>ＤＫＭ-60</t>
  </si>
  <si>
    <t>三輪そうめん小西みわのにじ</t>
  </si>
  <si>
    <t>九州産小麦のそうめん</t>
  </si>
  <si>
    <t>手延べそうめん</t>
  </si>
  <si>
    <t>讃岐そうめん　箱売り</t>
  </si>
  <si>
    <t>200g*12</t>
  </si>
  <si>
    <t>絹光そうめん</t>
  </si>
  <si>
    <t>梅そうめん</t>
  </si>
  <si>
    <t>大豆麺細麺</t>
  </si>
  <si>
    <t>糖質30％Ｏｆｆそうめん</t>
  </si>
  <si>
    <t>3束野菜そうめん</t>
  </si>
  <si>
    <t>野菜そうめん　にんじん</t>
  </si>
  <si>
    <t>野菜そうめん　ほうれん草</t>
  </si>
  <si>
    <t>野菜そうめん　かぼちゃ</t>
  </si>
  <si>
    <t>田舎そうめん</t>
  </si>
  <si>
    <t>２００g</t>
  </si>
  <si>
    <t>塩分ゼロそうめん</t>
  </si>
  <si>
    <t>はくばくもち麦そうめん</t>
  </si>
  <si>
    <t>食塩無添加そうめん</t>
  </si>
  <si>
    <t>極上島原手延素麺</t>
  </si>
  <si>
    <t>ISK-5000</t>
  </si>
  <si>
    <t>伊之助麺一庵そうめん</t>
  </si>
  <si>
    <t>無塩完熟そうめん</t>
  </si>
  <si>
    <t>7束</t>
  </si>
  <si>
    <t>味川柳食塩無添加そうめん</t>
  </si>
  <si>
    <t>細い手延素麺</t>
  </si>
  <si>
    <t>松代そば善屋小麦だけそうめん</t>
  </si>
  <si>
    <t>鹿児島有機茶そば</t>
  </si>
  <si>
    <t>伊藤久右衛門_宇治茶そば</t>
  </si>
  <si>
    <t>三瓶茶そば</t>
  </si>
  <si>
    <t>田舎茶そば</t>
  </si>
  <si>
    <t>冷しかけ茶そば</t>
  </si>
  <si>
    <t>おいしいサラダ茶そば</t>
  </si>
  <si>
    <t>伊藤久右衛門宇治茶そば</t>
  </si>
  <si>
    <t>業務用_茶そば</t>
  </si>
  <si>
    <t>ぜいたく茶そば</t>
  </si>
  <si>
    <t>はたけなかぜいたくほうじ茶蕎麦</t>
  </si>
  <si>
    <t>信州木曽街道チャソバ</t>
  </si>
  <si>
    <t>ﾏｽﾀﾔ</t>
  </si>
  <si>
    <t>出雲茶そば</t>
  </si>
  <si>
    <t>飛田製粉製麺所</t>
  </si>
  <si>
    <t>ﾄﾝﾀﾞ</t>
  </si>
  <si>
    <t>宮武讃岐製麺所</t>
  </si>
  <si>
    <t>南部抹茶そば　180Ｇ</t>
  </si>
  <si>
    <t>出雲の茶そば</t>
  </si>
  <si>
    <t>児玉製麺</t>
  </si>
  <si>
    <t>ｺﾀﾞﾏｾｲﾒﾝ</t>
  </si>
  <si>
    <t>茶そば処</t>
  </si>
  <si>
    <t>カテキン茶そば</t>
  </si>
  <si>
    <t>源流新得そば</t>
  </si>
  <si>
    <t>新得そば</t>
  </si>
  <si>
    <t>上州手振りそば</t>
  </si>
  <si>
    <t>信州ほしの</t>
  </si>
  <si>
    <t>ｼﾝｼｭｳﾎｼﾉ</t>
  </si>
  <si>
    <t>味一番そば</t>
  </si>
  <si>
    <t>手作りの味そば</t>
  </si>
  <si>
    <t>私が極めた麺そば</t>
  </si>
  <si>
    <t>出石そば（そばつゆ3食付き）</t>
  </si>
  <si>
    <t>そば（そば粉３０％）</t>
  </si>
  <si>
    <t>加茂川そば</t>
  </si>
  <si>
    <t>かも川そば</t>
  </si>
  <si>
    <t>大窪寺そば</t>
  </si>
  <si>
    <t>房総さくへい風味食感絶妙そば</t>
  </si>
  <si>
    <t>出雲の蕎麦粉</t>
  </si>
  <si>
    <t>出雲干しそば</t>
  </si>
  <si>
    <t>ｺﾀﾞﾏｾｲﾌﾝ</t>
  </si>
  <si>
    <t>そばそうめん</t>
  </si>
  <si>
    <t>出雲そば縁結び</t>
  </si>
  <si>
    <t>割子そば_２人前</t>
  </si>
  <si>
    <t>出雲そば物語</t>
  </si>
  <si>
    <t>小松_とろろそば</t>
  </si>
  <si>
    <t>山芋入りそば</t>
  </si>
  <si>
    <t>イナカ_ソバ</t>
  </si>
  <si>
    <t>イツキソバ</t>
  </si>
  <si>
    <t>5束山芋そば</t>
  </si>
  <si>
    <t>五木更科そば</t>
  </si>
  <si>
    <t>五木鴨だしそば</t>
  </si>
  <si>
    <t>牛すき風そば</t>
  </si>
  <si>
    <t>各務製麺　乱切とろろそば</t>
  </si>
  <si>
    <t>新得　そば</t>
  </si>
  <si>
    <t>新得　源流新得そば　袋　２５０ｇ</t>
  </si>
  <si>
    <t>本挽きそば</t>
  </si>
  <si>
    <t>更科五割そば</t>
  </si>
  <si>
    <t>伊達な蕎麦</t>
  </si>
  <si>
    <t>吟熟めん_本挽そば</t>
  </si>
  <si>
    <t>郷の麺処そば</t>
  </si>
  <si>
    <t>そば道楽田舎そば</t>
  </si>
  <si>
    <t>マルキン本場田舎そば450g</t>
  </si>
  <si>
    <t>21春そばの香十割そば</t>
  </si>
  <si>
    <t>ナンバーワンそばケース</t>
  </si>
  <si>
    <t>黄金の大地まるごと有機そば</t>
  </si>
  <si>
    <t>黄金の大地そば</t>
  </si>
  <si>
    <t>奥の細道　おいしいおそば</t>
  </si>
  <si>
    <t>きそば</t>
  </si>
  <si>
    <t>つるつるとろろそば</t>
  </si>
  <si>
    <t>蝦夷開拓そば</t>
  </si>
  <si>
    <t>みのりそば</t>
  </si>
  <si>
    <t>冬ひとときそば</t>
  </si>
  <si>
    <t>マルナカとろろそば</t>
  </si>
  <si>
    <t>ごまそば</t>
  </si>
  <si>
    <t>75gX4</t>
  </si>
  <si>
    <t>マルナカ職人技たくみそば</t>
  </si>
  <si>
    <t>マルナカ道産粉グリーン</t>
  </si>
  <si>
    <t>マルナカきたほなみグリーン</t>
  </si>
  <si>
    <t>松田製粉のどごしつるっそば160g</t>
  </si>
  <si>
    <t>ひっぱりそば</t>
  </si>
  <si>
    <t>山芋そば</t>
  </si>
  <si>
    <t>郷の円熟そば</t>
  </si>
  <si>
    <t>秋保在来そば</t>
  </si>
  <si>
    <t>深大寺そば</t>
  </si>
  <si>
    <t>契約栽培更科そば</t>
  </si>
  <si>
    <t>御前そば</t>
  </si>
  <si>
    <t>大和屋本店</t>
  </si>
  <si>
    <t>ﾔﾏﾄﾔ</t>
  </si>
  <si>
    <t>手緒里紫峰そば</t>
  </si>
  <si>
    <t>手緒里紫峰そば10束入り</t>
  </si>
  <si>
    <t>230g×10</t>
  </si>
  <si>
    <t>やまいもそば</t>
  </si>
  <si>
    <t>とろろつなぎ_深し野そば</t>
  </si>
  <si>
    <t>山芋つなぎ出石そば</t>
  </si>
  <si>
    <t>深し野庵とろろそば</t>
  </si>
  <si>
    <t>鴨汁せいろそば</t>
  </si>
  <si>
    <t>一本挽きそば</t>
  </si>
  <si>
    <t>十勝とろろそば</t>
  </si>
  <si>
    <t>十勝細打ちそば</t>
  </si>
  <si>
    <t>田村製麺こんぶ蕎麦</t>
  </si>
  <si>
    <t>ゆきわグリン麺3連</t>
  </si>
  <si>
    <t>出雲そば</t>
  </si>
  <si>
    <t>オクイズモソバ</t>
  </si>
  <si>
    <t>わかめの麺</t>
  </si>
  <si>
    <t>里の麺ざるそば</t>
  </si>
  <si>
    <t>味深し日本蕎麦</t>
  </si>
  <si>
    <t>ｷﾘｼﾅ</t>
  </si>
  <si>
    <t>せんすいそば２５０ｇ</t>
  </si>
  <si>
    <t>優美そばギフト</t>
  </si>
  <si>
    <t>手ぼしそば</t>
  </si>
  <si>
    <t>110g×3P</t>
  </si>
  <si>
    <t>出雲生そば手提げ箱</t>
  </si>
  <si>
    <t>出雲たかはし</t>
  </si>
  <si>
    <t>ｲｽﾞﾓﾀｶﾊｼ</t>
  </si>
  <si>
    <t>出雲生そば手提げ袋</t>
  </si>
  <si>
    <t>和そば</t>
  </si>
  <si>
    <t>伊之助石臼そば</t>
  </si>
  <si>
    <t>石うすそば</t>
  </si>
  <si>
    <t>会津桧枝岐そば</t>
  </si>
  <si>
    <t>池田食品工業</t>
  </si>
  <si>
    <t>味道中　とろろそば</t>
  </si>
  <si>
    <t>奥州味道中とろろそば</t>
  </si>
  <si>
    <t>そば処　小山の極細そば</t>
  </si>
  <si>
    <t>そば処東家のわんこそば</t>
  </si>
  <si>
    <t>国産南部そば</t>
  </si>
  <si>
    <t>小山製麺　挽きぐるみ極細五割そば　１８０ｇ</t>
  </si>
  <si>
    <t>粗谷そば</t>
  </si>
  <si>
    <t>岡本製麺祖谷十割そば石臼挽き200g</t>
  </si>
  <si>
    <t>祖谷八割そば石臼挽き</t>
  </si>
  <si>
    <t>小川製麺所</t>
  </si>
  <si>
    <t>ｵｶﾞﾜｾｲﾒﾝ</t>
  </si>
  <si>
    <t>やすらぎの里そば</t>
  </si>
  <si>
    <t>赤城庵そば袋</t>
  </si>
  <si>
    <t>赤城庵そばチャック付和紙パッケージ</t>
  </si>
  <si>
    <t>八尾そば</t>
  </si>
  <si>
    <t>北山製麺</t>
  </si>
  <si>
    <t>ｷﾀﾔﾏ</t>
  </si>
  <si>
    <t>細打更科そば</t>
  </si>
  <si>
    <t>北舘製麺</t>
  </si>
  <si>
    <t>ｷﾀﾀﾞﾃｾｲﾒﾝ</t>
  </si>
  <si>
    <t>きただての八幡平やまいもそば</t>
  </si>
  <si>
    <t>八幡平　やまいもそば</t>
  </si>
  <si>
    <t>児玉製麺白梅出雲そば</t>
  </si>
  <si>
    <t>児玉製麺白梅特選出雲そば</t>
  </si>
  <si>
    <t>白梅出雲そば</t>
  </si>
  <si>
    <t>白梅特撰出雲そば</t>
  </si>
  <si>
    <t>白梅とろろ入り出雲そば</t>
  </si>
  <si>
    <t>出石そば</t>
  </si>
  <si>
    <t>半生神州そば</t>
  </si>
  <si>
    <t>ｴｷﾀ</t>
  </si>
  <si>
    <t>常陸そば</t>
  </si>
  <si>
    <t>石臼挽きそば</t>
  </si>
  <si>
    <t>韃靼石臼挽そば</t>
  </si>
  <si>
    <t>常陸秋そば</t>
  </si>
  <si>
    <t>ﾒﾝﾉｽﾅｵｼ</t>
  </si>
  <si>
    <t>常陸秋そばケース</t>
  </si>
  <si>
    <t>とろろそば</t>
  </si>
  <si>
    <t>つゆ付そば</t>
  </si>
  <si>
    <t>おいしいそば</t>
  </si>
  <si>
    <t>特撰ざるそば</t>
  </si>
  <si>
    <t>特撰いろりそば</t>
  </si>
  <si>
    <t>羽黒そば</t>
  </si>
  <si>
    <t>田舎そば</t>
  </si>
  <si>
    <t>へぎそば自慢ののどごし</t>
  </si>
  <si>
    <t>ｼﾞﾈﾝｼﾞｭｿﾊﾞ</t>
  </si>
  <si>
    <t>鹿追そば石臼びき</t>
  </si>
  <si>
    <t>出石そばそばつゆ付</t>
  </si>
  <si>
    <t>超粗挽きそば</t>
  </si>
  <si>
    <t>出石そば　チャック付き</t>
  </si>
  <si>
    <t>山芋入り出石そば　つゆ付</t>
  </si>
  <si>
    <t>茂林寺そば麺三昧</t>
  </si>
  <si>
    <t>吉寅　出雲そば</t>
  </si>
  <si>
    <t>トモエ食品</t>
  </si>
  <si>
    <t>南部味そば</t>
  </si>
  <si>
    <t>戸田久南部味そばケース</t>
  </si>
  <si>
    <t>元祖わんこそば</t>
  </si>
  <si>
    <t>ﾄﾀﾞｷﾕｳ</t>
  </si>
  <si>
    <t>南部霧そば</t>
  </si>
  <si>
    <t>裁ちそば</t>
  </si>
  <si>
    <t>北海道育ち幌加内そば</t>
  </si>
  <si>
    <t>北海道育ち江丹別そば</t>
  </si>
  <si>
    <t>出雲福そば</t>
  </si>
  <si>
    <t>ﾎﾝﾀﾞ</t>
  </si>
  <si>
    <t>有機　奥出雲蕎麦</t>
  </si>
  <si>
    <t>献上そば羽根屋出雲そば</t>
  </si>
  <si>
    <t>山形蔵王そばきり</t>
  </si>
  <si>
    <t>でわかおり蔵王そば</t>
  </si>
  <si>
    <t>山形の肉そば</t>
  </si>
  <si>
    <t>土川製麺</t>
  </si>
  <si>
    <t>ﾂﾁｶﾜｾｲﾒﾝ</t>
  </si>
  <si>
    <t>８０Ｇ×３</t>
  </si>
  <si>
    <t>ﾏﾙﾔｾｲﾒﾝ</t>
  </si>
  <si>
    <t>出石そば大名</t>
  </si>
  <si>
    <t>南部麺ソバ</t>
  </si>
  <si>
    <t>熊新</t>
  </si>
  <si>
    <t>ｸﾏｼﾝ</t>
  </si>
  <si>
    <t>信州</t>
  </si>
  <si>
    <t>信州手振りそば</t>
  </si>
  <si>
    <t>信州小諸とろろそば</t>
  </si>
  <si>
    <t>信州ほしの新・信州田舎そば小諸七兵衛</t>
  </si>
  <si>
    <t>星野物産　信州手振りそば</t>
  </si>
  <si>
    <t>信州田舎そば小諸七兵衛</t>
  </si>
  <si>
    <t>信州小諸七兵衛更科そば袋</t>
  </si>
  <si>
    <t>信州小諸七兵衛更科そば</t>
  </si>
  <si>
    <t>麺有楽信州とろろそば</t>
  </si>
  <si>
    <t>各務製麺　信州そば</t>
  </si>
  <si>
    <t>信州善光寺そば</t>
  </si>
  <si>
    <t>信州更科信州そば</t>
  </si>
  <si>
    <t>日清Ｆ　信州善光寺そば</t>
  </si>
  <si>
    <t>信州そば　やまいも入り</t>
  </si>
  <si>
    <t>桝田屋食品信州飯山新富倉そば160g</t>
  </si>
  <si>
    <t>信州開田高原ｸﾛｲｿﾊﾞ</t>
  </si>
  <si>
    <t>信州開田高原ｼﾛｲｿﾊﾞ</t>
  </si>
  <si>
    <t>はい千番信州そば</t>
  </si>
  <si>
    <t>信州開田高原_生そば</t>
  </si>
  <si>
    <t>信州戸隠そば国産本十割そば200g</t>
  </si>
  <si>
    <t>ｼﾝｼﾕｳﾄｶﾞｸｼ</t>
  </si>
  <si>
    <t>化学調味料不使用_信州そば</t>
  </si>
  <si>
    <t>戸隠そば</t>
  </si>
  <si>
    <t>信州大戸隠そば</t>
  </si>
  <si>
    <t>戸隠高原そば</t>
  </si>
  <si>
    <t>生戸隠そば</t>
  </si>
  <si>
    <t>信州太切り黒い蕎麦袋</t>
  </si>
  <si>
    <t>信州美人そば</t>
  </si>
  <si>
    <t>ｴﾉｷﾀﾞｾｲﾌﾝ</t>
  </si>
  <si>
    <t>信州生そば</t>
  </si>
  <si>
    <t>信州そばケース</t>
  </si>
  <si>
    <t>とろろ入り信州そば</t>
  </si>
  <si>
    <t>沢製麺</t>
  </si>
  <si>
    <t>ｻﾜ</t>
  </si>
  <si>
    <t>山芋入り更科そば</t>
  </si>
  <si>
    <t>小諸七兵衛田舎そば</t>
  </si>
  <si>
    <t>池森そば　小諸二八兵衛</t>
  </si>
  <si>
    <t>ｼﾝｼｭｳﾎｼﾉAC</t>
  </si>
  <si>
    <t>そばケース</t>
  </si>
  <si>
    <t>麺匠_そば</t>
  </si>
  <si>
    <t>播州熟成麺とろろそば</t>
  </si>
  <si>
    <t>めんぼう本店</t>
  </si>
  <si>
    <t>ﾒﾝﾎﾞｳ</t>
  </si>
  <si>
    <t>播州_熟とろろそば</t>
  </si>
  <si>
    <t>黒ごま入りそば</t>
  </si>
  <si>
    <t>ふる里そだち_更科そば</t>
  </si>
  <si>
    <t>葵_さらしなそば４００ｇ</t>
  </si>
  <si>
    <t>葵そば</t>
  </si>
  <si>
    <t>葵麺の里平打ちそば</t>
  </si>
  <si>
    <t>麺寿庵風味伝承そば</t>
  </si>
  <si>
    <t>麺寿庵霧谷そば</t>
  </si>
  <si>
    <t>170Ｇ</t>
  </si>
  <si>
    <t>浮羽蕎麦</t>
  </si>
  <si>
    <t>北海道そば</t>
  </si>
  <si>
    <t>パンシットカントン</t>
  </si>
  <si>
    <t>TIFFANY</t>
  </si>
  <si>
    <t>ﾃｨﾌｧﾆｰ</t>
  </si>
  <si>
    <t>麺有楽そば</t>
  </si>
  <si>
    <t>麺有楽_そば</t>
  </si>
  <si>
    <t>麺有楽_播州そば_400G</t>
  </si>
  <si>
    <t>播州そば</t>
  </si>
  <si>
    <t>おいしいぶっかけそば２人前</t>
  </si>
  <si>
    <t>冷しかけそば</t>
  </si>
  <si>
    <t>麺工房ざるうどん２人</t>
  </si>
  <si>
    <t>麺工房ざるそば２人</t>
  </si>
  <si>
    <t>もやしで作る醤油まぜそば</t>
  </si>
  <si>
    <t>もやしで作る担担まぜそば</t>
  </si>
  <si>
    <t>霧谷そば</t>
  </si>
  <si>
    <t>ＮＯ．１そば</t>
  </si>
  <si>
    <t>滝沢更科ざるそば処</t>
  </si>
  <si>
    <t>滝沢更科信州そば</t>
  </si>
  <si>
    <t>滝沢更科_卿日和そば</t>
  </si>
  <si>
    <t>ナンバーワンそば</t>
  </si>
  <si>
    <t>ナンバーワンそうめんケース</t>
  </si>
  <si>
    <t>ナンバーワンひやむぎケース</t>
  </si>
  <si>
    <t>上野藪そば監修藪そば</t>
  </si>
  <si>
    <t>永谷園_永谷園のそば</t>
  </si>
  <si>
    <t>超極太そば噛む_冷つけ</t>
  </si>
  <si>
    <t>超極太そば噛む_温つけ</t>
  </si>
  <si>
    <t>こしの極みそば</t>
  </si>
  <si>
    <t>お鍋ひとつで鶏南蛮そば</t>
  </si>
  <si>
    <t>お鍋ひとつでゆず香味そば</t>
  </si>
  <si>
    <t>お鍋ひとつで鴨南蛮そば</t>
  </si>
  <si>
    <t>お鍋ひとつで本鰹つゆそば</t>
  </si>
  <si>
    <t>名産きそば</t>
  </si>
  <si>
    <t>桝田屋信州極上八割蕎麦200g</t>
  </si>
  <si>
    <t>手緒里紫峰そばケース</t>
  </si>
  <si>
    <t>播磨の里とろろそば</t>
  </si>
  <si>
    <t>細切りそば</t>
  </si>
  <si>
    <t>白鷺の華とろろそば</t>
  </si>
  <si>
    <t>山本かじの　元祖　八割そば　２００ｇ</t>
  </si>
  <si>
    <t>山本かじの</t>
  </si>
  <si>
    <t>ｶｼﾞﾉ</t>
  </si>
  <si>
    <t>蕎麦屋のカレーそば</t>
  </si>
  <si>
    <t>そば屋の鴨だしせいろそば</t>
  </si>
  <si>
    <t>はくばく　そば湯までおいしい蕎麦　黒　２７０ｇ</t>
  </si>
  <si>
    <t>はくばく　そば湯までおいしい蕎麦　白　２７０ｇ</t>
  </si>
  <si>
    <t>はい千番そば</t>
  </si>
  <si>
    <t>霧しな_海老しおだし蕎麦</t>
  </si>
  <si>
    <t>伊之助　神埼そば　３２０ｇ</t>
  </si>
  <si>
    <t>本とろろそば</t>
  </si>
  <si>
    <t>蕎麦通のそば</t>
  </si>
  <si>
    <t>蕎麦通の長芋そば</t>
  </si>
  <si>
    <t>４束戸隠そば</t>
  </si>
  <si>
    <t>高原そば</t>
  </si>
  <si>
    <t>池森そば二八の極み</t>
  </si>
  <si>
    <t>池森そば幸せの十割</t>
  </si>
  <si>
    <t>池森そば　爽やか更科</t>
  </si>
  <si>
    <t>ｵﾋﾞﾅﾀAC</t>
  </si>
  <si>
    <t>池田食品　会津・桧枝岐　そば　袋３６０ｇ</t>
  </si>
  <si>
    <t>小山製麺　挽きぐるみ八割そば180Ｇ</t>
  </si>
  <si>
    <t>奥州池森そば　香りの外一</t>
  </si>
  <si>
    <t>ｺﾔﾏｾｲﾒﾝAC</t>
  </si>
  <si>
    <t>山形とびきりそば</t>
  </si>
  <si>
    <t>石黒製麺　吟味　やまいも蕎麦　２５０ｇ</t>
  </si>
  <si>
    <t>石黒製麺</t>
  </si>
  <si>
    <t>ｲｼｸﾞﾛｾｲﾒﾝ</t>
  </si>
  <si>
    <t>田舎そばケース</t>
  </si>
  <si>
    <t>支那そばケース</t>
  </si>
  <si>
    <t>244g*8</t>
  </si>
  <si>
    <t>味川柳ざるそば</t>
  </si>
  <si>
    <t>ｼｹﾞﾉ</t>
  </si>
  <si>
    <t>味川柳とろろそば</t>
  </si>
  <si>
    <t>信州そばチャック付</t>
  </si>
  <si>
    <t>ﾐﾜﾋﾞ</t>
  </si>
  <si>
    <t>匠の一品　そば</t>
  </si>
  <si>
    <t>へぎそばのどごし</t>
  </si>
  <si>
    <t>ｼﾞﾈﾝｼﾞｮｿﾊﾞ</t>
  </si>
  <si>
    <t>新自然芋そば</t>
  </si>
  <si>
    <t>ｼﾞﾈﾝｼﾞﾖ</t>
  </si>
  <si>
    <t>ほそぎり</t>
  </si>
  <si>
    <t>麺専家播州そば</t>
  </si>
  <si>
    <t>播州そばチャック付</t>
  </si>
  <si>
    <t>山芋入り出石そばチャック付き</t>
  </si>
  <si>
    <t>山芋入り大盛出石そば横チャック付</t>
  </si>
  <si>
    <t>南部そば</t>
  </si>
  <si>
    <t>日穀　とろろそば　270ｇ</t>
  </si>
  <si>
    <t>池森そば二八の裁ちそば</t>
  </si>
  <si>
    <t>恵みの大地そば</t>
  </si>
  <si>
    <t>そば処</t>
  </si>
  <si>
    <t>播州の糸そば</t>
  </si>
  <si>
    <t>のどごし一番　蕎へぎ蕎麦</t>
  </si>
  <si>
    <t>蕎麦と小麦だけそば</t>
  </si>
  <si>
    <t>得得盛りそば</t>
  </si>
  <si>
    <t>ひゃんでそば</t>
  </si>
  <si>
    <t>100gX6</t>
  </si>
  <si>
    <t>吟味屋そば</t>
  </si>
  <si>
    <t>生粋そば</t>
  </si>
  <si>
    <t>得得盛り_そば</t>
  </si>
  <si>
    <t>招福生そば4人前つゆ付</t>
  </si>
  <si>
    <t>牛角プレミアム九州甘口濃厚醤油だれ</t>
  </si>
  <si>
    <t>真心製法生蕎麦４玉</t>
  </si>
  <si>
    <t>３６０Ｇ</t>
  </si>
  <si>
    <t>二八そば</t>
  </si>
  <si>
    <t>ニ八そば</t>
  </si>
  <si>
    <t>無塩造り信州そば</t>
  </si>
  <si>
    <t>無塩づくり山芋そば</t>
  </si>
  <si>
    <t>北海道新得八割そば</t>
  </si>
  <si>
    <t>Ｎｏｏｄｌｅｓ糖質30％ｏｆｆそば</t>
  </si>
  <si>
    <t>Ｎｏｏｄｌｅｓシールド乳酸菌　そば</t>
  </si>
  <si>
    <t>永坂　御前そば　Ｆ-５　袋　　　　　　　１８０ｇ</t>
  </si>
  <si>
    <t>滝沢更科十割そば</t>
  </si>
  <si>
    <t>滝沢更科国産そば粉使用ざるそばのどか路</t>
  </si>
  <si>
    <t>更科八割そば</t>
  </si>
  <si>
    <t>滝沢更科　国産そば粉本流のそば</t>
  </si>
  <si>
    <t>日本製粉総本家更科堀井監修更科そば</t>
  </si>
  <si>
    <t>国産信州とろろ蕎麦</t>
  </si>
  <si>
    <t>韃靼蕎麦</t>
  </si>
  <si>
    <t>かじの元祖十割そば</t>
  </si>
  <si>
    <t>ﾔﾏﾓﾄｶｼﾞﾉ</t>
  </si>
  <si>
    <t>伝統の二八そば</t>
  </si>
  <si>
    <t>かじの国産の十割そば</t>
  </si>
  <si>
    <t>十割芯せいろ</t>
  </si>
  <si>
    <t>塩分ゼロそば</t>
  </si>
  <si>
    <t>はくばくもち麦そば</t>
  </si>
  <si>
    <t>究極そば</t>
  </si>
  <si>
    <t>遁所食品</t>
  </si>
  <si>
    <t>ﾄﾝｼﾞｮｼｮｸﾋﾝ</t>
  </si>
  <si>
    <t>食塩無添加　韃靼そば</t>
  </si>
  <si>
    <t>無塩韃靼そば</t>
  </si>
  <si>
    <t>おびなた更科八割そば</t>
  </si>
  <si>
    <t>そばの極み国産八割そば</t>
  </si>
  <si>
    <t>miwabi信州十割そば</t>
  </si>
  <si>
    <t>ニ八そばとろろ入り</t>
  </si>
  <si>
    <t>蕎麦通の二八そば</t>
  </si>
  <si>
    <t>韃靼玄そば</t>
  </si>
  <si>
    <t>小山　そば通も呻る八割そば</t>
  </si>
  <si>
    <t>信州本十割そば</t>
  </si>
  <si>
    <t>国産そば粉信州そば</t>
  </si>
  <si>
    <t>信州産そば粉使用そば</t>
  </si>
  <si>
    <t>黒い太切り八割蕎麦</t>
  </si>
  <si>
    <t>ｶﾗｷﾀﾞｾｲﾌﾝ</t>
  </si>
  <si>
    <t>石臼挽ざるそば</t>
  </si>
  <si>
    <t>早ゆでざるそば</t>
  </si>
  <si>
    <t>味川柳ざるそば国産</t>
  </si>
  <si>
    <t>国内産常陸秋そば粉使用風味豊かな太いそば</t>
  </si>
  <si>
    <t>みわび信州十割そば</t>
  </si>
  <si>
    <t>低糖質そば_180g</t>
  </si>
  <si>
    <t>山形のそば　細打ちそば　無塩</t>
  </si>
  <si>
    <t>更科九割そば</t>
  </si>
  <si>
    <t>韃靼そば</t>
  </si>
  <si>
    <t>ﾆｯｺｸ</t>
  </si>
  <si>
    <t>本田　有機十割そば</t>
  </si>
  <si>
    <t>蕎麦と小麦だけそば食塩無添加</t>
  </si>
  <si>
    <t>信州更科十割そば</t>
  </si>
  <si>
    <t>山本食品</t>
  </si>
  <si>
    <t>ﾔﾏﾓﾄｼｮｸﾋﾝ</t>
  </si>
  <si>
    <t>信州そば　チャック付</t>
  </si>
  <si>
    <t>しなの</t>
  </si>
  <si>
    <t>miwabi　信州そばチャック付</t>
  </si>
  <si>
    <t>国産きしめん</t>
  </si>
  <si>
    <t>出石そばチャック付</t>
  </si>
  <si>
    <t>大盛出石そばチャック付</t>
  </si>
  <si>
    <t>花山ひやむぎHY140</t>
  </si>
  <si>
    <t>私が極めた麺ひやむぎ</t>
  </si>
  <si>
    <t>清鶴麺冷麦ケース</t>
  </si>
  <si>
    <t>爽涼冷や麦</t>
  </si>
  <si>
    <t>友白髪_ひやむぎ</t>
  </si>
  <si>
    <t>田舎ひやむぎ</t>
  </si>
  <si>
    <t>五木_彩菜_ひやむぎ</t>
  </si>
  <si>
    <t>五木_彩菜ひやむぎ</t>
  </si>
  <si>
    <t>冨士ひやむぎ</t>
  </si>
  <si>
    <t>ナンバーワン_ひやむぎ</t>
  </si>
  <si>
    <t>ナンバーワンひやむぎ</t>
  </si>
  <si>
    <t>はい千番ひやむぎ</t>
  </si>
  <si>
    <t>上州地粉　手振りひやむぎ</t>
  </si>
  <si>
    <t>手振りひやむぎ</t>
  </si>
  <si>
    <t>星野物産　上州手振りひやむぎ</t>
  </si>
  <si>
    <t>上州手振りひやむぎ</t>
  </si>
  <si>
    <t>奥の細道　寒仕込みひやむぎ</t>
  </si>
  <si>
    <t>蔵王の里ひやむぎ</t>
  </si>
  <si>
    <t>蝦夷の新雪ひやむぎ</t>
  </si>
  <si>
    <t>きたほなみひやむぎ</t>
  </si>
  <si>
    <t>夏しのぎひやむぎ</t>
  </si>
  <si>
    <t>ひっぱり冷麦</t>
  </si>
  <si>
    <t>手緒里ひやむぎ</t>
  </si>
  <si>
    <t>手緒里冷麦ケース</t>
  </si>
  <si>
    <t>ゆきわグリンめん</t>
  </si>
  <si>
    <t>ゆきわ三連グリンめん</t>
  </si>
  <si>
    <t>夏の味覚ひやむぎ</t>
  </si>
  <si>
    <t>十勝ひやむぎ</t>
  </si>
  <si>
    <t>さわやかひやむぎ</t>
  </si>
  <si>
    <t>ひやむぎケース</t>
  </si>
  <si>
    <t>八万石ひやむぎ</t>
  </si>
  <si>
    <t>じっくり熟成冷麦</t>
  </si>
  <si>
    <t>金魚印　ひやむぎ</t>
  </si>
  <si>
    <t>ﾏﾂﾅｶﾞｾｲﾒﾝ</t>
  </si>
  <si>
    <t>豊のひやむぎ</t>
  </si>
  <si>
    <t>川渡ひやむぎ</t>
  </si>
  <si>
    <t>ｸﾗﾂﾞｸﾘ</t>
  </si>
  <si>
    <t>金印ひやむぎ</t>
  </si>
  <si>
    <t>伊之助めんひやむぎ</t>
  </si>
  <si>
    <t>清鶴麺冷麦</t>
  </si>
  <si>
    <t>清鶴麺細冷麦</t>
  </si>
  <si>
    <t>涼を感じるひやむぎ</t>
  </si>
  <si>
    <t>清鶴麺ひやむぎケース</t>
  </si>
  <si>
    <t>涼を感じるひやむぎケース</t>
  </si>
  <si>
    <t>川田製麺讃岐ひやむぎ400g</t>
  </si>
  <si>
    <t>川田製麺讃岐ひやむぎ</t>
  </si>
  <si>
    <t>特撰ひやむぎ</t>
  </si>
  <si>
    <t>雪国の風味_ひやむぎ</t>
  </si>
  <si>
    <t>雪国の風味_ひやむぎケース</t>
  </si>
  <si>
    <t>金トビ冷麦</t>
  </si>
  <si>
    <t>播龍ひやむぎ</t>
  </si>
  <si>
    <t>麺三昧ひやむぎ</t>
  </si>
  <si>
    <t>恵みの大地ひやむぎ</t>
  </si>
  <si>
    <t>ひゃんでひやむぎ</t>
  </si>
  <si>
    <t>郷の麺処ひやむぎ</t>
  </si>
  <si>
    <t>金魚印大矢知手延ひやむぎ2束</t>
  </si>
  <si>
    <t>大矢知手延麺業組合</t>
  </si>
  <si>
    <t>加茂川ひやむぎ</t>
  </si>
  <si>
    <t>サンコク松永製麺金魚印手延冷麦</t>
  </si>
  <si>
    <t>2750g</t>
  </si>
  <si>
    <t>手ぼしひやむぎ</t>
  </si>
  <si>
    <t>尾張手延ひやむぎ</t>
  </si>
  <si>
    <t>大矢知の里ひやむぎ</t>
  </si>
  <si>
    <t>神埼ひやむぎ</t>
  </si>
  <si>
    <t>冷麦</t>
  </si>
  <si>
    <t>冷麦ケース</t>
  </si>
  <si>
    <t>麺匠ひやむぎ</t>
  </si>
  <si>
    <t>ふる里そだち_ひやむぎ</t>
  </si>
  <si>
    <t>国産小麦粉使用ひやむぎ</t>
  </si>
  <si>
    <t>風味伝承ひやむぎ</t>
  </si>
  <si>
    <t>麺寿庵なめらかひやむぎ</t>
  </si>
  <si>
    <t>手作りの味ひやむぎ</t>
  </si>
  <si>
    <t>浮羽冷麦</t>
  </si>
  <si>
    <t>讃岐ひやむぎ</t>
  </si>
  <si>
    <t>讃岐本舗_讃岐ひやむぎ</t>
  </si>
  <si>
    <t>讃岐本舗　讃岐ひやむぎK</t>
  </si>
  <si>
    <t>麺有楽播州ひやむぎ</t>
  </si>
  <si>
    <t>麺有楽_ひやむぎ_240G</t>
  </si>
  <si>
    <t>麺有楽ひやむぎ</t>
  </si>
  <si>
    <t>270g_</t>
  </si>
  <si>
    <t>播州ひやむぎ</t>
  </si>
  <si>
    <t>彩菜ひやむぎ</t>
  </si>
  <si>
    <t>国内産小麦讃岐ひやむぎ</t>
  </si>
  <si>
    <t>麺一番ひやむぎ</t>
  </si>
  <si>
    <t>吟熟麺ひやむぎ</t>
  </si>
  <si>
    <t>なめらかひやむぎ</t>
  </si>
  <si>
    <t>熟成極み　冷麦</t>
  </si>
  <si>
    <t>熟成極み讃岐冷麦</t>
  </si>
  <si>
    <t>ナンバーワンひやむぎ箱</t>
  </si>
  <si>
    <t>4Kg</t>
  </si>
  <si>
    <t>塩分ゼロひやむぎ</t>
  </si>
  <si>
    <t>絹の食卓ひやむぎ</t>
  </si>
  <si>
    <t>松田製粉ひやむぎ400ｇ</t>
  </si>
  <si>
    <t>華色ひやむぎ</t>
  </si>
  <si>
    <t>愛媛たいき吾輩ハ麺デアル冷麦結束400Ｇ</t>
  </si>
  <si>
    <t>神埼_トライアル_ひやむぎ</t>
  </si>
  <si>
    <t>伊之助　神埼冷麦　３２０ｇ</t>
  </si>
  <si>
    <t>伊之助_神埼ひやむぎ</t>
  </si>
  <si>
    <t>手打風ひやむぎ</t>
  </si>
  <si>
    <t>手打風ひやむぎケース</t>
  </si>
  <si>
    <t>味涼みひやむぎ</t>
  </si>
  <si>
    <t>熟成ひやむぎ</t>
  </si>
  <si>
    <t>匠の一品　ひやむぎ</t>
  </si>
  <si>
    <t>日穀　ひやむぎ　３４０Ｇ</t>
  </si>
  <si>
    <t>北海道地粉ひやむぎ</t>
  </si>
  <si>
    <t>播州の糸ひやむぎ</t>
  </si>
  <si>
    <t>得得盛りひやむぎ</t>
  </si>
  <si>
    <t>吟味屋ひやむぎ</t>
  </si>
  <si>
    <t>得得盛り_ひやむぎ</t>
  </si>
  <si>
    <t>手延冷麦</t>
  </si>
  <si>
    <t>伝統仕込み釜揚げうどん</t>
  </si>
  <si>
    <t>麺匠_うどん</t>
  </si>
  <si>
    <t>葵_うどん１ｋｇ</t>
  </si>
  <si>
    <t>オング</t>
  </si>
  <si>
    <t>讃岐熟成うどん</t>
  </si>
  <si>
    <t>さぬきシセイ</t>
  </si>
  <si>
    <t>滝乃糸うどん</t>
  </si>
  <si>
    <t>蔵王めん道楽うどん</t>
  </si>
  <si>
    <t>白鷺の華ざるうどん</t>
  </si>
  <si>
    <t>せんすいうどん</t>
  </si>
  <si>
    <t>麺一膳うどん</t>
  </si>
  <si>
    <t>麺一庵うどん</t>
  </si>
  <si>
    <t>トライアル神埼うどん</t>
  </si>
  <si>
    <t>播州麺物語　うどん</t>
  </si>
  <si>
    <t>得得盛りきしめん_1kg</t>
  </si>
  <si>
    <t>得々盛うどん</t>
  </si>
  <si>
    <t>伝統仕込み素</t>
  </si>
  <si>
    <t>葵_そうめん１ｋｇ</t>
  </si>
  <si>
    <t>麺の里そうめん</t>
  </si>
  <si>
    <t>滝乃糸そうめん</t>
  </si>
  <si>
    <t>蔵王めん道楽そうめん</t>
  </si>
  <si>
    <t>白鷺の糸そうめん</t>
  </si>
  <si>
    <t>せんすいそーめん</t>
  </si>
  <si>
    <t>涼一膳そうめん</t>
  </si>
  <si>
    <t>麺一庵そうめん</t>
  </si>
  <si>
    <t>トライアル神埼そうめん</t>
  </si>
  <si>
    <t>揖保の滝播州素麺</t>
  </si>
  <si>
    <t>揖保の滝播州そうめん</t>
  </si>
  <si>
    <t>麺専科　播州麺物語そうめん</t>
  </si>
  <si>
    <t>ﾀｶｵ</t>
  </si>
  <si>
    <t>麺匠そうめんチャック付</t>
  </si>
  <si>
    <t>得々盛そうめん</t>
  </si>
  <si>
    <t>伝統仕込み更科そば</t>
  </si>
  <si>
    <t>神埼そば</t>
  </si>
  <si>
    <t>葵_さらしなそば１ｋｇ</t>
  </si>
  <si>
    <t>葵麺の里信州そば</t>
  </si>
  <si>
    <t>麺の里ひら打そば</t>
  </si>
  <si>
    <t>金比羅そば</t>
  </si>
  <si>
    <t>90g×8P</t>
  </si>
  <si>
    <t>滝乃糸そば</t>
  </si>
  <si>
    <t>80g×8P</t>
  </si>
  <si>
    <t>蔵王めん道楽そば</t>
  </si>
  <si>
    <t>せんすいそば</t>
  </si>
  <si>
    <t>木曽三川の郷そば</t>
  </si>
  <si>
    <t>吉田製粉</t>
  </si>
  <si>
    <t>麺一膳そば</t>
  </si>
  <si>
    <t>麺一庵そば</t>
  </si>
  <si>
    <t>トライアル神埼そば</t>
  </si>
  <si>
    <t>揖保の滝とろろそば</t>
  </si>
  <si>
    <t>得得盛りそば_1kg</t>
  </si>
  <si>
    <t>麺匠そばチャック付</t>
  </si>
  <si>
    <t>得々盛そば</t>
  </si>
  <si>
    <t>麺匠_ひやむぎ</t>
  </si>
  <si>
    <t>葵_ひやむぎ１ｋｇ</t>
  </si>
  <si>
    <t>讃岐素麺_ひやむぎ</t>
  </si>
  <si>
    <t>滝乃糸ひやむぎ</t>
  </si>
  <si>
    <t>蔵王めん道楽ひやむぎ</t>
  </si>
  <si>
    <t>煮込みﾗｰﾒﾝ5種詰合せ特荷</t>
  </si>
  <si>
    <t>皿うどん　ソース味</t>
  </si>
  <si>
    <t>せんすいひやむぎ</t>
  </si>
  <si>
    <t>涼一膳ひやむぎ</t>
  </si>
  <si>
    <t>揖保の滝播州ひやむぎ</t>
  </si>
  <si>
    <t>得々盛ひやむぎ</t>
  </si>
  <si>
    <t>納豆やくみ</t>
  </si>
  <si>
    <t>カタギ　わさび薬味　４０ｇ</t>
  </si>
  <si>
    <t>真誠焦がしニンニク薬味ごま</t>
  </si>
  <si>
    <t>味付きとろろの素</t>
  </si>
  <si>
    <t>やくみわさび風味</t>
  </si>
  <si>
    <t>やくみしょうが風味</t>
  </si>
  <si>
    <t>万能薬味ごまねぎ海苔</t>
  </si>
  <si>
    <t>悪魔やくみ</t>
  </si>
  <si>
    <t>浜乙女やくみわさび風味40g</t>
  </si>
  <si>
    <t>浜乙女やくみしょうが風味40g</t>
  </si>
  <si>
    <t>マヨネーズ</t>
  </si>
  <si>
    <t>使い切り（～50g）</t>
  </si>
  <si>
    <t>山本光学</t>
  </si>
  <si>
    <t>マヨネーズミニパック</t>
  </si>
  <si>
    <t>15g×10</t>
  </si>
  <si>
    <t>マヨネーズスティック</t>
  </si>
  <si>
    <t>12g×10P</t>
  </si>
  <si>
    <t>6gx20</t>
  </si>
  <si>
    <t>健康訴求ーｶﾛﾘｰｵﾌ</t>
  </si>
  <si>
    <t>キユーピーハーフディスペンパ</t>
  </si>
  <si>
    <t>キューピーハーフディスペンパック</t>
  </si>
  <si>
    <t>ディップソース　バーニャカウダ味</t>
  </si>
  <si>
    <t>ディップソース　サワークリームオニオン</t>
  </si>
  <si>
    <t>ディップソース　チェダーチーズ</t>
  </si>
  <si>
    <t>ディップソースめんたいこ</t>
  </si>
  <si>
    <t>ディップソースアボカドメキシカン味</t>
  </si>
  <si>
    <t>ディップソースバーニャカウダ味</t>
  </si>
  <si>
    <t>ディップソース　チーズフォンデュ味</t>
  </si>
  <si>
    <t>エビマヨ炒めソース</t>
  </si>
  <si>
    <t>きのこマヨ炒めソース</t>
  </si>
  <si>
    <t>ﾋﾟﾘ辛もろみ風ﾃﾞｨｯﾌﾟ</t>
  </si>
  <si>
    <t>ﾊﾞｰﾆｬｶｳﾀﾞｰ風ﾃﾞｨｯﾌﾟ</t>
  </si>
  <si>
    <t>ディップ　ハーブ</t>
  </si>
  <si>
    <t>ディップ　オリーブ＆ガーリック</t>
  </si>
  <si>
    <t>小容量（51～250g）</t>
  </si>
  <si>
    <t>ピュアセレクトマヨネーズ</t>
  </si>
  <si>
    <t>ピュアセレクト新鮮キープボトル</t>
  </si>
  <si>
    <t>マヨネーズ・パディントンベア</t>
  </si>
  <si>
    <t>有精卵マヨネーズ</t>
  </si>
  <si>
    <t>日清オイリオ　日清えごま油日和　５０ｇ</t>
  </si>
  <si>
    <t>エスエスケイフーズ</t>
  </si>
  <si>
    <t>ラッキーマヨネーズチューブ</t>
  </si>
  <si>
    <t>ﾏﾙﾜﾕｼ</t>
  </si>
  <si>
    <t>ピュアセレクトカロリー７０％</t>
  </si>
  <si>
    <t>カロリー７０％カットマヨネーズ</t>
  </si>
  <si>
    <t>キューピーハーフ</t>
  </si>
  <si>
    <t>キユーピーディフェ</t>
  </si>
  <si>
    <t>クオーター</t>
  </si>
  <si>
    <t>健康訴求ーｺﾚｽﾃﾛｰﾙ</t>
  </si>
  <si>
    <t>ピュアセレクトサラリア</t>
  </si>
  <si>
    <t>ディフェ</t>
  </si>
  <si>
    <t>健康訴求ー健康ｵｲﾙ</t>
  </si>
  <si>
    <t>ピュアセレクトべに花マヨネーズ</t>
  </si>
  <si>
    <t>ピユアセレベニバナマヨネーズ</t>
  </si>
  <si>
    <t>アマニ油マヨネーズ</t>
  </si>
  <si>
    <t>えごま一番マヨネーズ</t>
  </si>
  <si>
    <t>アマニ入りマヨネーズ</t>
  </si>
  <si>
    <t>ボスコオリーブマヨドレ</t>
  </si>
  <si>
    <t>MCTマヨネーズタイプ</t>
  </si>
  <si>
    <t>健康訴求ーｱﾚﾙｹﾞﾝﾌﾘｰ</t>
  </si>
  <si>
    <t>エッグケア</t>
  </si>
  <si>
    <t>エッグケア卵不使用</t>
  </si>
  <si>
    <t>ノンオイルマヨネーズタイプ</t>
  </si>
  <si>
    <t>ノンオイルマヨネーズ</t>
  </si>
  <si>
    <t>健康訴求ーその他</t>
  </si>
  <si>
    <t>エコナマヨネーズ</t>
  </si>
  <si>
    <t>エコナマヨネーズ２５０</t>
  </si>
  <si>
    <t>フィッテ</t>
  </si>
  <si>
    <t>まぜてマジック</t>
  </si>
  <si>
    <t>ふくや味のめんたいマヨ</t>
  </si>
  <si>
    <t>味のめんたいマヨ</t>
  </si>
  <si>
    <t>ホリネーズ</t>
  </si>
  <si>
    <t>ミモナ</t>
  </si>
  <si>
    <t>ﾐﾓﾅ</t>
  </si>
  <si>
    <t>黒マヨ</t>
  </si>
  <si>
    <t>ポテマヨ</t>
  </si>
  <si>
    <t>わさびマヨネーズ</t>
  </si>
  <si>
    <t>伊豆のわさびマヨネーズ</t>
  </si>
  <si>
    <t>伊豆わさびマヨネーズタイプ</t>
  </si>
  <si>
    <t>伊豆わさびマヨネーズ</t>
  </si>
  <si>
    <t>伊豆わさびマヨネーズ200g</t>
  </si>
  <si>
    <t>野菜百珍明太子和えの素</t>
  </si>
  <si>
    <t>具のソース野菜とごまのキムチ風味</t>
  </si>
  <si>
    <t>具のソースポン酢風大根おろし</t>
  </si>
  <si>
    <t>具のソース肉味噌風そぼろ</t>
  </si>
  <si>
    <t>マヨ風味炒め用ソース　オイスター＆香味生姜味　ボトル</t>
  </si>
  <si>
    <t>具のソース　あめ色炒めのオニオンソース</t>
  </si>
  <si>
    <t>具のソース　５種の野菜のドミトマソース</t>
  </si>
  <si>
    <t>３分Ｃマヨ炒め用　ペパー＆ガーリック味</t>
  </si>
  <si>
    <t>１４０Ｇ</t>
  </si>
  <si>
    <t>３分Ｃマヨ炒め用　オイスター＆香味生姜味</t>
  </si>
  <si>
    <t>チーズマヨ</t>
  </si>
  <si>
    <t>道頓堀だしマヨ</t>
  </si>
  <si>
    <t>東海を味わう　手羽先だれ＆マヨ</t>
  </si>
  <si>
    <t>北海道を味わう　バター醤油ソース＆マヨ</t>
  </si>
  <si>
    <t>燻製マヨネーズ</t>
  </si>
  <si>
    <t>からしマヨネーズ</t>
  </si>
  <si>
    <t>明太子和えの素</t>
  </si>
  <si>
    <t>めんたいマヨネーズ</t>
  </si>
  <si>
    <t>キムマヨ</t>
  </si>
  <si>
    <t>ｴｽｴｽｹｲﾌｰｽﾞ</t>
  </si>
  <si>
    <t>四国健商ゆずこしょうマヨ180g</t>
  </si>
  <si>
    <t>ラー油入りマヨネーズ</t>
  </si>
  <si>
    <t>丸和油脂　ラッキー明太マヨ　２００ｇ</t>
  </si>
  <si>
    <t>丸和油脂　ラッキーチーズマヨチェダー味　２００ｇ</t>
  </si>
  <si>
    <t>中容量（251～500g）</t>
  </si>
  <si>
    <t>ヘルマン　リアルマヨネーズ瓶</t>
  </si>
  <si>
    <t>ﾍﾙﾏﾝ</t>
  </si>
  <si>
    <t>ベストフードマヨネーズ</t>
  </si>
  <si>
    <t>バジル×ガーリックマヨネーズ</t>
  </si>
  <si>
    <t>後藤屋</t>
  </si>
  <si>
    <t>ｺﾞﾄｳﾔ</t>
  </si>
  <si>
    <t>マヨネーズ3個セット</t>
  </si>
  <si>
    <t>マヨネーズ4個セット</t>
  </si>
  <si>
    <t>ピュアセレクトマヨネーズ_3本セット</t>
  </si>
  <si>
    <t>マヨネーズ_2個ｾｯﾄ</t>
  </si>
  <si>
    <t>ピュアセレクトマヨネーズ2個セット</t>
  </si>
  <si>
    <t>400g*2</t>
  </si>
  <si>
    <t>私市醸造キサイチマヨネーズ330g</t>
  </si>
  <si>
    <t>私市醸造</t>
  </si>
  <si>
    <t>スーパーリッチマヨネーズ</t>
  </si>
  <si>
    <t>マヨネーズ辛口</t>
  </si>
  <si>
    <t>ななくさの郷</t>
  </si>
  <si>
    <t>マヨネーズ甘口</t>
  </si>
  <si>
    <t>オタフクソース　ユニＲ卵使わないベジタブルネーズ　３２０ｇ</t>
  </si>
  <si>
    <t>ケンコーマヨネーズ</t>
  </si>
  <si>
    <t>ラッキーマヨネーズ</t>
  </si>
  <si>
    <t>ホテルマヨネーズクラシック</t>
  </si>
  <si>
    <t>キューピーハーフ2個セット</t>
  </si>
  <si>
    <t>ピュアセレクトコクうま</t>
  </si>
  <si>
    <t>ピュアセレクトハーフマヨネーズ</t>
  </si>
  <si>
    <t>ライト</t>
  </si>
  <si>
    <t>ＮＥＷハーフ</t>
  </si>
  <si>
    <t>キューピーライト</t>
  </si>
  <si>
    <t>ライト80%カロリーカット</t>
  </si>
  <si>
    <t>サラダクリーム</t>
  </si>
  <si>
    <t>クリーミィクリーミィ</t>
  </si>
  <si>
    <t>カロリーハーフ</t>
  </si>
  <si>
    <t>ゼロ　ノンコレステロース</t>
  </si>
  <si>
    <t>エコナマヨネーズ４００</t>
  </si>
  <si>
    <t>鈴木養鶏場有精卵鈴木養鶏場</t>
  </si>
  <si>
    <t>鈴木養鶏場</t>
  </si>
  <si>
    <t>ｽｽﾞｷﾖｳｹｲｼﾞ</t>
  </si>
  <si>
    <t>めんたいマヨソース</t>
  </si>
  <si>
    <t>大容量（501g～）</t>
  </si>
  <si>
    <t>ピュアＳマヨネーズ６００</t>
  </si>
  <si>
    <t>マヨネーズライト</t>
  </si>
  <si>
    <t>キューピー　業務用マヨネーズ</t>
  </si>
  <si>
    <t>プロユースマヨネーズ</t>
  </si>
  <si>
    <t>クッキングユースマヨネーズ</t>
  </si>
  <si>
    <t>キユーピープロユースマヨネーズマイルド</t>
  </si>
  <si>
    <t>マイルドマヨネーズ</t>
  </si>
  <si>
    <t>ケンコー　欧風マヨネーズ</t>
  </si>
  <si>
    <t>ホテルマヨネーズライト</t>
  </si>
  <si>
    <t>キユーピー　ハーフ（ボトル）</t>
  </si>
  <si>
    <t>キユーピーハーフ</t>
  </si>
  <si>
    <t>めんたいマヨ</t>
  </si>
  <si>
    <t>タルタルソーススティック</t>
  </si>
  <si>
    <t>小容量（51～150g）</t>
  </si>
  <si>
    <t>自家製ピクルス×こだわりたまごタルタルソース</t>
  </si>
  <si>
    <t>宮崎タルタルソース</t>
  </si>
  <si>
    <t>具だくさんレモンタルタル</t>
  </si>
  <si>
    <t>タルタルソース１５０</t>
  </si>
  <si>
    <t>卵と野菜のタルタルソース</t>
  </si>
  <si>
    <t>具のソース卵と野菜のタルタル</t>
  </si>
  <si>
    <t>具のソース野菜と卵のタルタルソース</t>
  </si>
  <si>
    <t>具のソース彩り野菜のオーロラソース</t>
  </si>
  <si>
    <t>具だくさんタルタル</t>
  </si>
  <si>
    <t>いぶりがっこタルタルソース燻</t>
  </si>
  <si>
    <t>伊藤漬物本舗</t>
  </si>
  <si>
    <t>ｲﾄｳﾂｹﾓﾉ</t>
  </si>
  <si>
    <t>いぶりがっこタルタルソース燻ブラック</t>
  </si>
  <si>
    <t>中容量（151～300g）</t>
  </si>
  <si>
    <t>ピュアセレクトタルタルソ-ス</t>
  </si>
  <si>
    <t>タルタルソースチューブ</t>
  </si>
  <si>
    <t>タルタルソース２６０</t>
  </si>
  <si>
    <t>タルタルソースノンエッグ</t>
  </si>
  <si>
    <t>フライひきたつタルタルソース</t>
  </si>
  <si>
    <t>なんにでもかけたくなるハーブタルタル</t>
  </si>
  <si>
    <t>めっちゃトマトバジルタルタル</t>
  </si>
  <si>
    <t>めっちゃゆず香るタルタル</t>
  </si>
  <si>
    <t>めっちゃ紀州梅タルタル</t>
  </si>
  <si>
    <t>沖縄プレミアム島らっきょうタルタル</t>
  </si>
  <si>
    <t>マスタード</t>
  </si>
  <si>
    <t>トマト＆あらびきマスタード</t>
  </si>
  <si>
    <t>8gx6個入</t>
  </si>
  <si>
    <t>ケイパック</t>
  </si>
  <si>
    <t>ｹｲﾊﾟｯｸ</t>
  </si>
  <si>
    <t>10kg×4</t>
  </si>
  <si>
    <t>マスタード　あらびき　チューブ</t>
  </si>
  <si>
    <t>あらびきマスタード</t>
  </si>
  <si>
    <t>ホットドッグ用マスタード</t>
  </si>
  <si>
    <t>マスタード荒挽きチューブ</t>
  </si>
  <si>
    <t>小容量（51～100g）</t>
  </si>
  <si>
    <t>粒入りハニーマスタード</t>
  </si>
  <si>
    <t>ディジョンマスタード</t>
  </si>
  <si>
    <t>粒入りマスタード</t>
  </si>
  <si>
    <t>神戸ワインマスタード</t>
  </si>
  <si>
    <t>平郡商店</t>
  </si>
  <si>
    <t>ﾋﾗｺﾞｵｵﾘ</t>
  </si>
  <si>
    <t>神戸タカラマスタード</t>
  </si>
  <si>
    <t>中容量（101～200g）</t>
  </si>
  <si>
    <t>オットギハニーマスタード</t>
  </si>
  <si>
    <t>ﾀﾙﾀﾙｷｯﾁﾝ</t>
  </si>
  <si>
    <t>MAILLEハニーマスタード</t>
  </si>
  <si>
    <t>ﾎﾟﾒﾘｰ</t>
  </si>
  <si>
    <t>ディジョンマスタード【業務用】（フランス産）</t>
  </si>
  <si>
    <t>マイユ　種入マスタード　特荷</t>
  </si>
  <si>
    <t>48個</t>
  </si>
  <si>
    <t>ｴｽﾋﾞ-</t>
  </si>
  <si>
    <t>オニオン＆マイルドマスタード</t>
  </si>
  <si>
    <t>マイユ　種入りマスタード</t>
  </si>
  <si>
    <t>マイユ　ディジョネーズ</t>
  </si>
  <si>
    <t>ﾏｲﾕ</t>
  </si>
  <si>
    <t>ドレッシング</t>
  </si>
  <si>
    <t>使い切り（～100ml）</t>
  </si>
  <si>
    <t>Toss　Salaすりごまガーリック味</t>
  </si>
  <si>
    <t>21.6g</t>
  </si>
  <si>
    <t>彩りﾌﾟﾗｽ+煎りごま</t>
  </si>
  <si>
    <t>2.9g×3</t>
  </si>
  <si>
    <t>深煎りごまドレッシングスティックタイプ</t>
  </si>
  <si>
    <t>8ml×6P</t>
  </si>
  <si>
    <t>ザドレッシングごま</t>
  </si>
  <si>
    <t>シーザー</t>
  </si>
  <si>
    <t>Toss　Sala_シーザーサラダ味</t>
  </si>
  <si>
    <t>TossSalaシーザーサラダ用</t>
  </si>
  <si>
    <t>シーザーサラダドレッシングスティックタイプ</t>
  </si>
  <si>
    <t>ＴｏｓｓＳａｌａ　イタリアンサラダ用　21.4g</t>
  </si>
  <si>
    <t>21.4G</t>
  </si>
  <si>
    <t>中華その他</t>
  </si>
  <si>
    <t>レモスコREDサウザンドレッシング</t>
  </si>
  <si>
    <t>レモスコシーザードレッシング</t>
  </si>
  <si>
    <t>洋風その他</t>
  </si>
  <si>
    <t>Toss　Sala_イタリアン・バジル味</t>
  </si>
  <si>
    <t>レモドレ</t>
  </si>
  <si>
    <t>ヤマトＦ　ヒロシマレモンストレート果汁　１００ｇ</t>
  </si>
  <si>
    <t>デリッシュアップサラダジェノベーゼ</t>
  </si>
  <si>
    <t>デリッシュアップサラダバーニャカウダ</t>
  </si>
  <si>
    <t>イタリアンテ　バーニャカウダーソース</t>
  </si>
  <si>
    <t>バジルソースディスペンパック</t>
  </si>
  <si>
    <t>彩りﾌﾟﾗｽ+ﾏﾖﾃｲｽﾄ</t>
  </si>
  <si>
    <t>3.1g×3</t>
  </si>
  <si>
    <t>彩りﾌﾟﾗｽ+3種のﾁｰｽﾞ</t>
  </si>
  <si>
    <t>2.1g×3</t>
  </si>
  <si>
    <t>彩りﾌﾟﾗｽ+ﾚﾓﾝとﾊﾞｼﾞﾙ</t>
  </si>
  <si>
    <t>1.8g×3</t>
  </si>
  <si>
    <t>彩りプラス＋_コンソメ</t>
  </si>
  <si>
    <t>彩りプラス＋_メープル＆バター</t>
  </si>
  <si>
    <t>2.7g×3</t>
  </si>
  <si>
    <t>彩りプラス＋　いちごで彩る５種のかんきつ味</t>
  </si>
  <si>
    <t>１１．２Ｇ__</t>
  </si>
  <si>
    <t>彩りプラス＋　ズッキーニで彩るレモンとバジル味</t>
  </si>
  <si>
    <t>８．２Ｇ__</t>
  </si>
  <si>
    <t>彩りﾌﾟﾗｽ＋　赤ﾊﾟﾌﾟﾘｶで彩る3種のﾁｰｽﾞ味</t>
  </si>
  <si>
    <t>4.3g×2</t>
  </si>
  <si>
    <t>アヒージョ風サラダの素</t>
  </si>
  <si>
    <t>22.6G</t>
  </si>
  <si>
    <t>チーズィーサラダの素</t>
  </si>
  <si>
    <t>20.9G</t>
  </si>
  <si>
    <t>ザドレッシングシーザーサラダ</t>
  </si>
  <si>
    <t>イタリアンウェイガーリック</t>
  </si>
  <si>
    <t>イタリアンウェイバジル</t>
  </si>
  <si>
    <t>イタリアンレモンウェイ</t>
  </si>
  <si>
    <t>和風その他</t>
  </si>
  <si>
    <t>Toss　Salaまろやかな京風ゆず味</t>
  </si>
  <si>
    <t>Ｔｏｓｓ　Ｓａｌａごま香る和風しょうゆ味２９．７ｇ</t>
  </si>
  <si>
    <t>23.7ｇ</t>
  </si>
  <si>
    <t>Ｔｏｓｓ　Ｓａｌａ　京風ゆずサラダ用　16.5g</t>
  </si>
  <si>
    <t>16.5G</t>
  </si>
  <si>
    <t>ちぎりレタスドレッシン【特売用】</t>
  </si>
  <si>
    <t>＜カットサラダ調味料ドレッシング＞</t>
  </si>
  <si>
    <t>＜調味料サラダドレッシング＞</t>
  </si>
  <si>
    <t>和風醤油オニオンドレッシング</t>
  </si>
  <si>
    <t>キャロットドレッシング</t>
  </si>
  <si>
    <t>和風クリーミーセサミドレッシング</t>
  </si>
  <si>
    <t>クリーミーサウザンパプリカドレッシング</t>
  </si>
  <si>
    <t>イタリアンハーブ　バジルドレッシング</t>
  </si>
  <si>
    <t>イタリアンバルサミコ　トマトドレッシング</t>
  </si>
  <si>
    <t>シトラスフレンチ　レモンドレッシング</t>
  </si>
  <si>
    <t>クリーミーシーザー　パルメザンドレッシン</t>
  </si>
  <si>
    <t>お野菜がうまいドレッシング</t>
  </si>
  <si>
    <t>焙煎胡麻ドレッシング</t>
  </si>
  <si>
    <t>和風ドレッシング</t>
  </si>
  <si>
    <t>イタリアンドレッシング</t>
  </si>
  <si>
    <t>野菜のうまみドレッシング（かぼちゃ）</t>
  </si>
  <si>
    <t>野菜のうまみドレッシング（トマト）</t>
  </si>
  <si>
    <t>野菜のうまみドレッシング（玉ねぎ）</t>
  </si>
  <si>
    <t>ディスペンパックドレッシング（玉ねぎ）</t>
  </si>
  <si>
    <t>ディスペンスドレッシングすりおろしオニオン</t>
  </si>
  <si>
    <t>ディップソース　バーニャカウダ風</t>
  </si>
  <si>
    <t>ディップソース　みそマヨ</t>
  </si>
  <si>
    <t>キャベツがよろこぶ焙煎ごまドレッシング</t>
  </si>
  <si>
    <t>キャベツがよろこぶコールスロードレッシング</t>
  </si>
  <si>
    <t>うまみ玉ねぎドレッシング</t>
  </si>
  <si>
    <t>香味わさびドレッシング</t>
  </si>
  <si>
    <t>のせる野菜おろし大根</t>
  </si>
  <si>
    <t>のせる野菜きざみ玉ねぎ</t>
  </si>
  <si>
    <t>和風しょうゆオニオンドレッシング</t>
  </si>
  <si>
    <t>130　ｍｌ</t>
  </si>
  <si>
    <t>人参ドレッシング</t>
  </si>
  <si>
    <t>イタリアンバジルドレッシング</t>
  </si>
  <si>
    <t>かぼす柚子胡椒80g</t>
  </si>
  <si>
    <t>出雲生姜ドレッシング</t>
  </si>
  <si>
    <t>彩りプラス＋　焼のりと梅で彩るしそ昆布味</t>
  </si>
  <si>
    <t>８．６Ｇ__</t>
  </si>
  <si>
    <t>すりおろしオニオンドレッシングスティックタイプ</t>
  </si>
  <si>
    <t>かぼすドレッシング</t>
  </si>
  <si>
    <t>10ml</t>
  </si>
  <si>
    <t>まぜドレサラダ麺うましおチキン味</t>
  </si>
  <si>
    <t>まぜドレサラダ麺痺辛風味</t>
  </si>
  <si>
    <t>ディップソースアンチョビガーリック</t>
  </si>
  <si>
    <t>ブロッコリーの焼きサラダソース</t>
  </si>
  <si>
    <t>ディップソースオニオン味</t>
  </si>
  <si>
    <t>焙煎ごまドレッシング</t>
  </si>
  <si>
    <t>和風おろしドレッシング</t>
  </si>
  <si>
    <t>トマトのバジルマヨソース　６０ｇ</t>
  </si>
  <si>
    <t>ザドレッシングすりおろし野菜</t>
  </si>
  <si>
    <t>ザク切りきゃべつのたれ</t>
  </si>
  <si>
    <t>たたききゅうりのたれ</t>
  </si>
  <si>
    <t>175　ｍｌ</t>
  </si>
  <si>
    <t>ざく切りキャベツのたれ</t>
  </si>
  <si>
    <t>野菜をつまんでみそ　コク旨みそあじ</t>
  </si>
  <si>
    <t>野菜をつまんでみそ　ピリ辛みそ味</t>
  </si>
  <si>
    <t>10　個</t>
  </si>
  <si>
    <t>おつまみサラダのたれ</t>
  </si>
  <si>
    <t>野菜のための和風だしのたれ</t>
  </si>
  <si>
    <t>ちぎりレタスドレッシン</t>
  </si>
  <si>
    <t>大根サラダノンオイルドレッシング</t>
  </si>
  <si>
    <t>キノコサラダドレッシンク</t>
  </si>
  <si>
    <t>ちぎりレタスドレッシン３００ｍｌ</t>
  </si>
  <si>
    <t>冷やしトマトドレッシング３００ｍｌ</t>
  </si>
  <si>
    <t>アボガドサラダドレッシング</t>
  </si>
  <si>
    <t>キャベツサラダドレッシング</t>
  </si>
  <si>
    <t>チギリレタスドレッシングごま</t>
  </si>
  <si>
    <t>150　ｍｌ</t>
  </si>
  <si>
    <t>コールスローキャベツドレッシング</t>
  </si>
  <si>
    <t>トマトドレッシングサラダ</t>
  </si>
  <si>
    <t>冷やしトマトドレッシング</t>
  </si>
  <si>
    <t>わさびドレッシング</t>
  </si>
  <si>
    <t>とまとサラダドレッシング黒酢玉ねぎ仕立て</t>
  </si>
  <si>
    <t>香草サラダシーズニング</t>
  </si>
  <si>
    <t>クリーミィ胡麻ドレッシング</t>
  </si>
  <si>
    <t>胡麻香る和風ドレッシング</t>
  </si>
  <si>
    <t>梅と青じそノンオイルドレッシング</t>
  </si>
  <si>
    <t>玉葱の旨みドレッシング</t>
  </si>
  <si>
    <t>チーズ好きのシーザードレッシング</t>
  </si>
  <si>
    <t>たまねぎドレッシング</t>
  </si>
  <si>
    <t>トマトドレッシング</t>
  </si>
  <si>
    <t>ノンオイル</t>
  </si>
  <si>
    <t>青じそ</t>
  </si>
  <si>
    <t>ノンオイル　青じそハーブレモン</t>
  </si>
  <si>
    <t>カルパッチョドレッシング</t>
  </si>
  <si>
    <t>オリジナルドレッシング</t>
  </si>
  <si>
    <t>シェフの厨房オリーブとレモンの玉ねぎドレ</t>
  </si>
  <si>
    <t>スーパードレ　おろし</t>
  </si>
  <si>
    <t>健康オイル</t>
  </si>
  <si>
    <t>野菜のドレスコクのごま</t>
  </si>
  <si>
    <t>天草カルパッチョ　ドレッシン</t>
  </si>
  <si>
    <t>２２０ｍｌ</t>
  </si>
  <si>
    <t>生葉入り青じそ</t>
  </si>
  <si>
    <t>160ML</t>
  </si>
  <si>
    <t>土佐産ゆずと香味野菜</t>
  </si>
  <si>
    <t>ssk</t>
  </si>
  <si>
    <t>スモークチーズのシーザーサラダド</t>
  </si>
  <si>
    <t>小容量（101～250ml）</t>
  </si>
  <si>
    <t>マンテン</t>
  </si>
  <si>
    <t>ﾏﾝﾃﾝ</t>
  </si>
  <si>
    <t>ごまドレッシング辛口</t>
  </si>
  <si>
    <t>牛角ごまドレッシング</t>
  </si>
  <si>
    <t>ジョイフルドレッシング焙煎ごま</t>
  </si>
  <si>
    <t>ジョイフル</t>
  </si>
  <si>
    <t>ｼﾞｮｲﾌﾙ</t>
  </si>
  <si>
    <t>ごま搾り　まろやか醤油味</t>
  </si>
  <si>
    <t>わさびごまだれ</t>
  </si>
  <si>
    <t>わさびごまだれ200g</t>
  </si>
  <si>
    <t>深入りごまドレッシング</t>
  </si>
  <si>
    <t>焙煎白ごまドレッシング</t>
  </si>
  <si>
    <t>合わせ胡麻ドレッシング</t>
  </si>
  <si>
    <t>テイスティドレ　ごま豆乳入り</t>
  </si>
  <si>
    <t>深煎りごまドレッシング薬味ポン酢味</t>
  </si>
  <si>
    <t>ｷﾕｰﾋﾟ</t>
  </si>
  <si>
    <t>深煎りごまドレッシング旨辛ラー油</t>
  </si>
  <si>
    <t>テイスティドレッシング胡麻＆アーモンド</t>
  </si>
  <si>
    <t>テイスティドレッシング胡麻こく味</t>
  </si>
  <si>
    <t>胡麻にんにくドレッシング</t>
  </si>
  <si>
    <t>深煎りごまドレッシングピリ辛テイスト</t>
  </si>
  <si>
    <t>１５０ml</t>
  </si>
  <si>
    <t>深煎りごまゆずテイストドレッシング</t>
  </si>
  <si>
    <t>深煎りごまピリ辛ドレッシング</t>
  </si>
  <si>
    <t>植物生まれのごまドレッシング</t>
  </si>
  <si>
    <t>深煎りごまドレッシング柚子こしょう</t>
  </si>
  <si>
    <t>テイスティドレッシングごま</t>
  </si>
  <si>
    <t>韓国風ごまドレッシング</t>
  </si>
  <si>
    <t>テイスティドレごま豆乳入り</t>
  </si>
  <si>
    <t>えごま一番胡麻ドレッシング</t>
  </si>
  <si>
    <t>和風ドレッシング　ごま</t>
  </si>
  <si>
    <t>日清オイリオ　日清えごま油ドレッシング　ごま　１９０ｍｌ</t>
  </si>
  <si>
    <t>ゆふいんの森いりごま</t>
  </si>
  <si>
    <t>わたしのごまドレッシング</t>
  </si>
  <si>
    <t>深入黒ごまドレッシング</t>
  </si>
  <si>
    <t>セサミドレッシング</t>
  </si>
  <si>
    <t>ごぼう＆ごまドレッシング</t>
  </si>
  <si>
    <t>あまくておいしいごまドレッシング</t>
  </si>
  <si>
    <t>しゃぶドレ濃厚香味ごま</t>
  </si>
  <si>
    <t>とってもクリーミードレッシング</t>
  </si>
  <si>
    <t>ﾗｲｵﾝ</t>
  </si>
  <si>
    <t>サラダデュオごまわさびドレッシング</t>
  </si>
  <si>
    <t>リケンサラダデュオごまわさびドレッシング</t>
  </si>
  <si>
    <t>ごまオニオンドレッシング</t>
  </si>
  <si>
    <t>小豆島瀬戸内にんじんドレッシン</t>
  </si>
  <si>
    <t>焙煎ごまときな粉ドレッシング</t>
  </si>
  <si>
    <t>3種のごま薫るドレッシング</t>
  </si>
  <si>
    <t>160ｍｌ</t>
  </si>
  <si>
    <t>3種薫るごまドレッシング</t>
  </si>
  <si>
    <t>ごマヨドレッシング</t>
  </si>
  <si>
    <t>ごまとくるみたっぷりのドレッシング</t>
  </si>
  <si>
    <t>ピエトロ　２色のごまとオリーブオイル</t>
  </si>
  <si>
    <t>伊豆産わさび胡麻ドレッシング</t>
  </si>
  <si>
    <t>170ｍｌ</t>
  </si>
  <si>
    <t>ﾊﾞﾝｼﾞｮｳｼｮｸ</t>
  </si>
  <si>
    <t>内池醸造　えごまドレッシング150ｍｌ</t>
  </si>
  <si>
    <t>焙煎ごま柚子こしょうドレ</t>
  </si>
  <si>
    <t>ごまわさびドレッシング</t>
  </si>
  <si>
    <t>ハピアドレッシングごま</t>
  </si>
  <si>
    <t>ハピアごまドレッシングゆず風味</t>
  </si>
  <si>
    <t>松井農場ごまドレッシング</t>
  </si>
  <si>
    <t>松井味噌</t>
  </si>
  <si>
    <t>ﾏﾂｲﾐｿ</t>
  </si>
  <si>
    <t>くんせい玉ねぎドレッシング</t>
  </si>
  <si>
    <t>胡麻だれ</t>
  </si>
  <si>
    <t>フレンチドレッシング</t>
  </si>
  <si>
    <t>牛角シーザーサラダドレッシング</t>
  </si>
  <si>
    <t>黒にんにくﾚｽﾄﾗﾝ_ｼｰｻﾞｰｻﾗﾀﾞﾄﾞﾚｯｼﾝｸ</t>
  </si>
  <si>
    <t>１９０ｍｌ</t>
  </si>
  <si>
    <t>ＧＡＢＡＮ黒胡椒シーザードレッシング</t>
  </si>
  <si>
    <t>GABAN</t>
  </si>
  <si>
    <t>シーザーサラダ</t>
  </si>
  <si>
    <t>テイスティドレッシングシーザーサラダオリーブオイル</t>
  </si>
  <si>
    <t>植物生まれのシーザーサラダドレ</t>
  </si>
  <si>
    <t>オーマイ　アマニ油入ドレッシング　シーザーＳ　１５０ｍｌ</t>
  </si>
  <si>
    <t>クラフトチーズドレッシングパルメザンシーザー</t>
  </si>
  <si>
    <t>175ml</t>
  </si>
  <si>
    <t>シーザーオリーブリーフドレ</t>
  </si>
  <si>
    <t>セレクティ_シーザーサラダ</t>
  </si>
  <si>
    <t>ピエトロ　ドレッシング(ＢＯＳＣＯ)濃厚シーザー</t>
  </si>
  <si>
    <t>イタリアンドレ野菜＆ハーブ</t>
  </si>
  <si>
    <t>テイスティ　イタリアン</t>
  </si>
  <si>
    <t>テイスティドレッシングイタリアン</t>
  </si>
  <si>
    <t>セレクティきざみ野菜のイタリアン</t>
  </si>
  <si>
    <t>ドレッシング　イタリアーノ</t>
  </si>
  <si>
    <t>ピエトロ　ドレッシング（ＢＯＳＣＯ）イタリアン</t>
  </si>
  <si>
    <t>酸辣湯ドレッシング</t>
  </si>
  <si>
    <t>エムエスエフ</t>
  </si>
  <si>
    <t>ｴﾑｴｽｴﾌ</t>
  </si>
  <si>
    <t>牛角　韓国ドレッシング</t>
  </si>
  <si>
    <t>牛角チョレギサラダドレッシング</t>
  </si>
  <si>
    <t>牛角チョレギドレッシング</t>
  </si>
  <si>
    <t>牛角にんにく塩ドレッシング</t>
  </si>
  <si>
    <t>フードＬ　焼肉トラジ　チョレギドレ　１６０ｍｌ</t>
  </si>
  <si>
    <t>チョレギサラダドレッシング</t>
  </si>
  <si>
    <t>サラダソルト　パクチー＆レモングラスＭＩＸ</t>
  </si>
  <si>
    <t>テイスティードレッシング中華胡麻</t>
  </si>
  <si>
    <t>中華ドレバンバンジー</t>
  </si>
  <si>
    <t>テイスティドレ中華胡麻焼豚</t>
  </si>
  <si>
    <t>キムチドレッシング</t>
  </si>
  <si>
    <t>チョレギドレッシング</t>
  </si>
  <si>
    <t>ヤマモリ　パクチードレッシング　１５０ｍｌ</t>
  </si>
  <si>
    <t>セパレートドレ　中華</t>
  </si>
  <si>
    <t>ごちそうマジック　プルコギ味ドレッシング</t>
  </si>
  <si>
    <t>ﾘｹﾝﾋﾞﾀﾝﾐﾝ</t>
  </si>
  <si>
    <t>タケサン　小豆島　瀬戸内かんきつドレ　２００ｍｌ</t>
  </si>
  <si>
    <t>ＳＳＫ　ねぎとごま油のチョレギ風ドレッシング　１６０ｍｌ</t>
  </si>
  <si>
    <t>ｴｽｴｽｹｲ</t>
  </si>
  <si>
    <t>ドレッシング　中華</t>
  </si>
  <si>
    <t>旨辛だれ</t>
  </si>
  <si>
    <t>ハニーマスタードドレッシング</t>
  </si>
  <si>
    <t>バルサミコドレッシング</t>
  </si>
  <si>
    <t>シーザードレッシング</t>
  </si>
  <si>
    <t>サウザンアイランド</t>
  </si>
  <si>
    <t>ブレアーズオリジナルデスソース</t>
  </si>
  <si>
    <t>ブレアーズサルサデスソース</t>
  </si>
  <si>
    <t>マイユドレポロウ゛ァンサール</t>
  </si>
  <si>
    <t>日向夏玉ねぎドレッシング</t>
  </si>
  <si>
    <t>チーズ＆アンチョビドレッシング</t>
  </si>
  <si>
    <t>アスパラ＆マヨドレッシング</t>
  </si>
  <si>
    <t>北海道コーンドレッシング</t>
  </si>
  <si>
    <t>俺たちのドレッシング</t>
  </si>
  <si>
    <t>日向夏ドレッシング</t>
  </si>
  <si>
    <t>ミツイシ</t>
  </si>
  <si>
    <t>ドレッシングＭＩＸ</t>
  </si>
  <si>
    <t>土佐清水宗田だしにんじんドレッシング190ml</t>
  </si>
  <si>
    <t>バジルソース＆ドレッシング</t>
  </si>
  <si>
    <t>オジカクリアフレンチドレッシング</t>
  </si>
  <si>
    <t>ｵｼﾞｶ</t>
  </si>
  <si>
    <t>北海道バイオ　タマネギドレ　山わさび　２００ｍｌ</t>
  </si>
  <si>
    <t>北海道バイオインダストリー</t>
  </si>
  <si>
    <t>北海道バイオ　タマネギドレとうもろこし　２００ｍｌ</t>
  </si>
  <si>
    <t>北海道タマネギドレッシング完熟トマト＆バジル</t>
  </si>
  <si>
    <t>ﾊﾞｲｵﾀﾞｽﾄﾘｰ</t>
  </si>
  <si>
    <t>牛角こくとうまみの野菜ドレッシング</t>
  </si>
  <si>
    <t>ラブパクドレ</t>
  </si>
  <si>
    <t>味泉</t>
  </si>
  <si>
    <t>ｼﾞｮﾝ</t>
  </si>
  <si>
    <t>黒にんにくレストラン　ぽん酢</t>
  </si>
  <si>
    <t>黒にんにくレストラン　ごまドレッシング</t>
  </si>
  <si>
    <t>黒にんにくレストラン松阪牛万能だれ</t>
  </si>
  <si>
    <t>ﾂｼﾞｾｲﾕ</t>
  </si>
  <si>
    <t>広島レモンドレッシング</t>
  </si>
  <si>
    <t>カスターニャ</t>
  </si>
  <si>
    <t>ｶｽﾀｰﾆｬ</t>
  </si>
  <si>
    <t>たいめいけんオニオンドレッシング</t>
  </si>
  <si>
    <t>ﾔﾏﾀﾞｾｲﾕ</t>
  </si>
  <si>
    <t>百鬼ドレッシング</t>
  </si>
  <si>
    <t>ﾛｯｶﾃｲｾｲｶ</t>
  </si>
  <si>
    <t>レモスコREDサウザンドレ</t>
  </si>
  <si>
    <t>ＧＡＢＡＮハーブレモンドレ</t>
  </si>
  <si>
    <t>ＧＡＢＡＮスパイスドレガーリックペッパー</t>
  </si>
  <si>
    <t>ＧＡＢＡＮスパイスドレッシング_黒ごまと黒胡椒</t>
  </si>
  <si>
    <t>バジルドレッシング</t>
  </si>
  <si>
    <t>テイスティドレッシングツナ＆オニオン</t>
  </si>
  <si>
    <t>１０００アイランド</t>
  </si>
  <si>
    <t>コールスロードレ</t>
  </si>
  <si>
    <t>テイスティドレ　コブサラダ</t>
  </si>
  <si>
    <t>焙煎ナッツドレッシング</t>
  </si>
  <si>
    <t>テイスティドレッシングバジル＆チーズ</t>
  </si>
  <si>
    <t>クリーミィ野菜ドレッシング</t>
  </si>
  <si>
    <t>ｷｭｰﾋﾟｰ_ﾃｲｽﾃｨﾄﾞﾚｯｼﾝｸﾞ_ｸﾘｰﾐｨﾌﾞｲ</t>
  </si>
  <si>
    <t>セパレート_フレンチドレッシング</t>
  </si>
  <si>
    <t>オニオンフレンチヂレ</t>
  </si>
  <si>
    <t>バターミルクランチドレ</t>
  </si>
  <si>
    <t>バターミルクランチドレッシング</t>
  </si>
  <si>
    <t>オニオンフレンチドレッシング</t>
  </si>
  <si>
    <t>フレンチドレッシング（白）</t>
  </si>
  <si>
    <t>フレンチドレッシング（セパレート）</t>
  </si>
  <si>
    <t>1000アイランドドレッシング</t>
  </si>
  <si>
    <t>5種の野菜ドレッシング</t>
  </si>
  <si>
    <t>テイスティドレ　チーズとポルチーニ</t>
  </si>
  <si>
    <t>コブサラダドレッシング</t>
  </si>
  <si>
    <t>レモンドレッシング</t>
  </si>
  <si>
    <t>玉ねぎと白ぶどうドレッシング</t>
  </si>
  <si>
    <t>にんじんとオレンジドレッシング</t>
  </si>
  <si>
    <t>キユーピー　マンゴードレッシング　150ml</t>
  </si>
  <si>
    <t>サラダソルト　レモン＆オレンジＭＩＸ</t>
  </si>
  <si>
    <t>サラダソルトバジル＆オレガノMIX</t>
  </si>
  <si>
    <t>フレンチドレッシングセパレート</t>
  </si>
  <si>
    <t>マンゴードレッシング</t>
  </si>
  <si>
    <t>りんごといちごドレッシング</t>
  </si>
  <si>
    <t>オリーブオイル＆オニオンドレッシング</t>
  </si>
  <si>
    <t>テイスティドレッシングオニオンクリーミィ</t>
  </si>
  <si>
    <t>にんじんドレッシング</t>
  </si>
  <si>
    <t>オリーブオイル＆オニオンドレ</t>
  </si>
  <si>
    <t>ペイザンヌサラダドレッシング</t>
  </si>
  <si>
    <t>テイスティドレッシングトマト＆ガーリック</t>
  </si>
  <si>
    <t>3分クッキングマリネ用</t>
  </si>
  <si>
    <t>3分クッキングマリネ用200ml</t>
  </si>
  <si>
    <t>テイスティードレッシングきざみオニオン</t>
  </si>
  <si>
    <t>バジル＆オリーブドレ</t>
  </si>
  <si>
    <t>テイスティドレバジル＆チーズ</t>
  </si>
  <si>
    <t>テイスティドレアラビキナッツ</t>
  </si>
  <si>
    <t>オリーブ＆オニオンドレッシング</t>
  </si>
  <si>
    <t>レモンフレンチドレッシング</t>
  </si>
  <si>
    <t>ティスティドレコブサラダ</t>
  </si>
  <si>
    <t>フレンチドレッシング白</t>
  </si>
  <si>
    <t>１０００アイランドドレ</t>
  </si>
  <si>
    <t>フレンチドレッシングアカ</t>
  </si>
  <si>
    <t>スムージードレ　キャロット＆オレンジ</t>
  </si>
  <si>
    <t>スムージードレッシング　チーズ＆グリーン野菜</t>
  </si>
  <si>
    <t>スムージードレッシング　トマト＆レモン</t>
  </si>
  <si>
    <t>クリームチーズドレッシング</t>
  </si>
  <si>
    <t>クラフトチーズドレ　胡麻＆クリームチーズ１７５ｍｌ</t>
  </si>
  <si>
    <t>クラフトチーズドレッシングベーコン＆チェダー</t>
  </si>
  <si>
    <t>クラフトチーズドレッシング５種のチーズ</t>
  </si>
  <si>
    <t>クラフトチーズドレッシングモッツァレラ＆バジル</t>
  </si>
  <si>
    <t>クラフトチーズドレッシング_マスカルポーネ＆ナッツ</t>
  </si>
  <si>
    <t>チーズドレッシング明太子＆クリームチーズ</t>
  </si>
  <si>
    <t>スモークチーズ＆ブラックペッパー</t>
  </si>
  <si>
    <t>３種の赤野菜ドレッシングソース</t>
  </si>
  <si>
    <t>とろうまオニオンドレッシング</t>
  </si>
  <si>
    <t>クリーミーコーンドレッシング</t>
  </si>
  <si>
    <t>瀬戸内レモンドレッシング</t>
  </si>
  <si>
    <t>九州野菜ＤＲＥＳＳＩＮＧ　にんじん＆パプリカ</t>
  </si>
  <si>
    <t>阿蘇スイートバジルドレッシング</t>
  </si>
  <si>
    <t>セパレートフレンチ</t>
  </si>
  <si>
    <t>サウザンドレシング</t>
  </si>
  <si>
    <t>カルフォルニアクリーミードレ</t>
  </si>
  <si>
    <t>ﾏｺ-ﾐｯｸ</t>
  </si>
  <si>
    <t>ブルーチーズドレッシング</t>
  </si>
  <si>
    <t>ホワイトフレンチドレッシング</t>
  </si>
  <si>
    <t>空とぶ玉ねぎカルパッチョドレ</t>
  </si>
  <si>
    <t>サウザンドレッシング</t>
  </si>
  <si>
    <t>タルタルドレッシング</t>
  </si>
  <si>
    <t>セパレートドレ　フレンチ</t>
  </si>
  <si>
    <t>ランチドレッシング</t>
  </si>
  <si>
    <t>ごちそうマジック　焼きチーズドレッシング</t>
  </si>
  <si>
    <t>ごちそうマジックピザ味ドレ</t>
  </si>
  <si>
    <t>サラダデュオ_和風バルサミコドレ</t>
  </si>
  <si>
    <t>サラダデュオ_オニオンサワークリーム</t>
  </si>
  <si>
    <t>サラダデュオ　きざみ玉ねぎサワ－クリ－ム</t>
  </si>
  <si>
    <t>サラダデュオ　シーザーサラダ柚子こしょうドレッシング</t>
  </si>
  <si>
    <t>チーズ粒マスタードドレッシング</t>
  </si>
  <si>
    <t>インドカレー屋さんの謎ドレッシング</t>
  </si>
  <si>
    <t>幸せのトリュフドレッシング</t>
  </si>
  <si>
    <t>洋食屋さんのただただおいしいドレッシング</t>
  </si>
  <si>
    <t>タケサン　小豆島　朝摘みバジルドレ　２００ｍｌ</t>
  </si>
  <si>
    <t>エスエスケイベーコンと黒胡椒ドレッシング160ml</t>
  </si>
  <si>
    <t>ｴｽｴｽｹｰ</t>
  </si>
  <si>
    <t>エスエスケイオリーブオイルとH岩塩ドレッシング160ml</t>
  </si>
  <si>
    <t>燻製チーズとベーコンドレッシング</t>
  </si>
  <si>
    <t>完熟トマトとたまねぎドレッシング</t>
  </si>
  <si>
    <t>TACOSALADドレッシング</t>
  </si>
  <si>
    <t>アンチョビガーリックドレッシング</t>
  </si>
  <si>
    <t>ＳＳＫ　チーズナッツドレッシング　200ml</t>
  </si>
  <si>
    <t>クリーミー完熟トマトドレッシング</t>
  </si>
  <si>
    <t>トマトクリーミードレッシング</t>
  </si>
  <si>
    <t>旨みベーコンと黒ゴマドレッシング</t>
  </si>
  <si>
    <t>コク旨パルミジャーノ入りドレッシング</t>
  </si>
  <si>
    <t>トマトとなめらかチーズドレッシング</t>
  </si>
  <si>
    <t>富良野の野菜でできたクリーミードレッシング</t>
  </si>
  <si>
    <t>生キャロットドレッシング</t>
  </si>
  <si>
    <t>マキシマムドレッシング</t>
  </si>
  <si>
    <t>成城石井__有機ハーブイタリアンドレッシング__２００ｍｌ</t>
  </si>
  <si>
    <t>丸正醸造　信州ワインと玉ねぎドレッシング１５０ｍｌ</t>
  </si>
  <si>
    <t>わさびマスタードドレッシング</t>
  </si>
  <si>
    <t>ピエトロ　ドレッシング（ＢＯＳＣＯ）たまねぎフレンチ</t>
  </si>
  <si>
    <t>ドレたまねぎフレンチ</t>
  </si>
  <si>
    <t>ピエトロ　ドレッシング（ＢＯＳＣＯ）バルサミコ</t>
  </si>
  <si>
    <t>ピエトロ　ドレッシング　オリーブ＆オリーブ</t>
  </si>
  <si>
    <t>希少糖野菜と果実ドレッシング</t>
  </si>
  <si>
    <t>希少糖ソテーオニオンドレッシング</t>
  </si>
  <si>
    <t>オリーブ＆アンチョビドレッシング</t>
  </si>
  <si>
    <t>カジュドレ</t>
  </si>
  <si>
    <t>トリュフドレッシング</t>
  </si>
  <si>
    <t>380ml</t>
  </si>
  <si>
    <t>ローストナッツドレッシング</t>
  </si>
  <si>
    <t>スモークチーズドレッシング</t>
  </si>
  <si>
    <t>ハピアドレッシングお肉屋専用オニオンしょうゆ味</t>
  </si>
  <si>
    <t>プレミアムドレオリーブオイル</t>
  </si>
  <si>
    <t>プレミアムドレ九州産野菜</t>
  </si>
  <si>
    <t>刺身ドレッシング</t>
  </si>
  <si>
    <t>クレイジーソルトドレッシング</t>
  </si>
  <si>
    <t>無添加バーニャカウダ</t>
  </si>
  <si>
    <t>無添加トマトのバーニャカウダ</t>
  </si>
  <si>
    <t>無添加バジルのバーニャカウダ</t>
  </si>
  <si>
    <t>くんせいナッツドレッシング</t>
  </si>
  <si>
    <t>ジェノベーゼペースト</t>
  </si>
  <si>
    <t>北海道たまねぎドレッシング</t>
  </si>
  <si>
    <t>玉ねぎ＆鰹節ドレッシング</t>
  </si>
  <si>
    <t>しょうゆマヨドレッシング</t>
  </si>
  <si>
    <t>ﾊﾏﾀﾞﾔ</t>
  </si>
  <si>
    <t>にんにくドレッシング</t>
  </si>
  <si>
    <t>京都九条のねぎ塩ドレッシング</t>
  </si>
  <si>
    <t>こと京都</t>
  </si>
  <si>
    <t>ｺﾄｷｮｳﾄ</t>
  </si>
  <si>
    <t>花様ドレッシング</t>
  </si>
  <si>
    <t>ＥＶＥＲＧＲＥＥＮ</t>
  </si>
  <si>
    <t>EVERGREEN</t>
  </si>
  <si>
    <t>ふかうら雪にんじんドレッシング</t>
  </si>
  <si>
    <t>ﾌｶｳﾗ</t>
  </si>
  <si>
    <t>タマネギドレッシング</t>
  </si>
  <si>
    <t>ﾎｯｶｲﾄﾞｳﾊﾞｲ</t>
  </si>
  <si>
    <t>北海道タマネギドレッシングオリゴノール</t>
  </si>
  <si>
    <t>北海道タマネギドレッシング和風ゆず</t>
  </si>
  <si>
    <t>ビオナチュレル北海道タマネギドレッシングオリジナル</t>
  </si>
  <si>
    <t>ビオナチュレル北海道タマネギドレッシングゆず昆布</t>
  </si>
  <si>
    <t>ビオナチュレル北海道タマネギドレッシング大豆ごま</t>
  </si>
  <si>
    <t>じゃこと海苔のドレッシング</t>
  </si>
  <si>
    <t>200ｍｌ</t>
  </si>
  <si>
    <t>日東産業</t>
  </si>
  <si>
    <t>ﾆｯﾄｳｻﾝｷﾞｮｳ</t>
  </si>
  <si>
    <t>牛角塩ドレッシング</t>
  </si>
  <si>
    <t>牛角しおドレッシング</t>
  </si>
  <si>
    <t>牛角やみつき塩キャベツのたれ</t>
  </si>
  <si>
    <t>黒にんにくﾚｽﾄﾗﾝ_和風醤油ﾄﾞﾚｯｼﾝｸﾞ</t>
  </si>
  <si>
    <t>梅かつおドレッシング</t>
  </si>
  <si>
    <t>TOPPASELECTIONしいたけドレッシング</t>
  </si>
  <si>
    <t>TOPPASELECTION大分県産かぼすドレッシング</t>
  </si>
  <si>
    <t>淡路島玉ねぎラブストーリードレッシング7種国産野菜</t>
  </si>
  <si>
    <t>ｱﾜｼﾞｼﾏﾀﾏﾈｷ</t>
  </si>
  <si>
    <t>レモごまドレッシング</t>
  </si>
  <si>
    <t>和風玉ねぎドレッシング</t>
  </si>
  <si>
    <t>沖縄プレミアム金美にんじんドレッシング</t>
  </si>
  <si>
    <t>季の皿焼きあごと白えびのだしドレッシング</t>
  </si>
  <si>
    <t>季の皿牡蠣醤油ときざみたまねぎのドレッシング</t>
  </si>
  <si>
    <t>唐辛子ドレッシング</t>
  </si>
  <si>
    <t>テイスティドレッシング明太子</t>
  </si>
  <si>
    <t>すりおろしオニオンドレッシン</t>
  </si>
  <si>
    <t>和風醤油ゴマ入りドレ</t>
  </si>
  <si>
    <t>すりおろしオニオンドレ</t>
  </si>
  <si>
    <t>テイスティ　和風香味野菜</t>
  </si>
  <si>
    <t>ティスティ　明太子</t>
  </si>
  <si>
    <t>テイスティドレ　柚子こしょう</t>
  </si>
  <si>
    <t>テイスティドレ和風香味玉葱</t>
  </si>
  <si>
    <t>テイスティドレッシング黒酢たまねぎ</t>
  </si>
  <si>
    <t>キユーピーテイスティドレッシング明太子</t>
  </si>
  <si>
    <t>すりおろしオニオンドレッシング</t>
  </si>
  <si>
    <t>和風醤油ごま入ドレッシング</t>
  </si>
  <si>
    <t>粗挽き黒こしょうドレッシング</t>
  </si>
  <si>
    <t>テイスティドレッシング　黒ごまと五穀</t>
  </si>
  <si>
    <t>和風醤油ごまドレッシング</t>
  </si>
  <si>
    <t>お肉も野菜も和風たまねぎドレッシング</t>
  </si>
  <si>
    <t>お肉も野菜もねぎ塩レモンドレッシング</t>
  </si>
  <si>
    <t>ごま油＆ガーリックドレッシング</t>
  </si>
  <si>
    <t>だし香る和風ドレッシング</t>
  </si>
  <si>
    <t>テイスティドレッシング和風香味たまねぎ</t>
  </si>
  <si>
    <t>テイスティドレこがししょうゆ</t>
  </si>
  <si>
    <t>テイスティドレきざみたまねぎ</t>
  </si>
  <si>
    <t>香味醤油ドレッシング</t>
  </si>
  <si>
    <t>和風しょうゆごまドレッシング</t>
  </si>
  <si>
    <t>塩こうじドレッシング黒酢と玉葱</t>
  </si>
  <si>
    <t>塩こうじドレッシング酢橘と柚子</t>
  </si>
  <si>
    <t>塩こうじドレッシング檸檬と生姜</t>
  </si>
  <si>
    <t>黒酢たまねぎ</t>
  </si>
  <si>
    <t>和風ドレッシング　ゆず</t>
  </si>
  <si>
    <t>サラドレ　味わい和風</t>
  </si>
  <si>
    <t>サラドレ　味わい黒ごま</t>
  </si>
  <si>
    <t>サラドレ　味わいゆず塩</t>
  </si>
  <si>
    <t>日清オイリオ　日清えごま油ドレッシング　和風　１９０ｍｌ</t>
  </si>
  <si>
    <t>ゆふいんの森和風</t>
  </si>
  <si>
    <t>わたしの和風ドレッシング</t>
  </si>
  <si>
    <t>北海道産真昆布ドレッシング</t>
  </si>
  <si>
    <t>北海道産山わさびドレッシング</t>
  </si>
  <si>
    <t>玉ねぎと野菜酢ドレッシングソース</t>
  </si>
  <si>
    <t>玉ねぎドレッシング</t>
  </si>
  <si>
    <t>こはく色の和風ドレッシング</t>
  </si>
  <si>
    <t>とろふわドレッシング</t>
  </si>
  <si>
    <t>あまくておいしい和風ドレッシング</t>
  </si>
  <si>
    <t>九州野菜ドレッシングゆず＆青唐辛子</t>
  </si>
  <si>
    <t>九州野菜ドレッシングたまねぎ＆しょうが</t>
  </si>
  <si>
    <t>しゃぶドレたっぷり玉ねぎ醤油</t>
  </si>
  <si>
    <t>しゃぶドレ甘みとコクの糀味噌</t>
  </si>
  <si>
    <t>三幸園特製ドレッシング</t>
  </si>
  <si>
    <t>多良岳のわさびドレッシング150ml</t>
  </si>
  <si>
    <t>丸大豆醤油ドレッシング</t>
  </si>
  <si>
    <t>和風オニオンドレッシング</t>
  </si>
  <si>
    <t>和風ゆずの香ドレッシング</t>
  </si>
  <si>
    <t>ユウキ　MC　和風しょうゆドレッシング　150ml</t>
  </si>
  <si>
    <t>和風しょうゆドレッシング</t>
  </si>
  <si>
    <t>ユウキ　MC　和風ゆずの香ドレッシング　150ml</t>
  </si>
  <si>
    <t>やまや明太ドレッシング180ml</t>
  </si>
  <si>
    <t>伊勢醤油本舗セレクション生ドレッシングにんじん</t>
  </si>
  <si>
    <t>伊勢醤油本舗セレクション生ドレッシングたまねぎ</t>
  </si>
  <si>
    <t>ごちそうマジック　ゴマねぎ塩ドレッシング</t>
  </si>
  <si>
    <t>ごちそうマジック　バダー醤油ドレッシング</t>
  </si>
  <si>
    <t>ごちそうマジックコクのねぎ塩ドレッシング</t>
  </si>
  <si>
    <t>サラダデュオねぎ塩生姜ドレッシング</t>
  </si>
  <si>
    <t>ちぎりレタスドレッシング</t>
  </si>
  <si>
    <t>タケサン小豆島たまねぎドレッシング</t>
  </si>
  <si>
    <t>タケサン小豆島朝摘みバジルドレッシング</t>
  </si>
  <si>
    <t>タケサン小豆島オリーブドレッシング</t>
  </si>
  <si>
    <t>タケサン小豆島瀬戸内かんきつドレッシング</t>
  </si>
  <si>
    <t>小豆島たっぷりたまねぎドレ</t>
  </si>
  <si>
    <t>たっぷりにんじんドレッシング200ml</t>
  </si>
  <si>
    <t>エスエスケイ静岡県焼津産かつお節ドレッシング160ml</t>
  </si>
  <si>
    <t>エスエスケイオリーブとたまねぎドレッシング160ml</t>
  </si>
  <si>
    <t>エスエスケイ高知県産ゆずと香味野菜ドレッシング160ml</t>
  </si>
  <si>
    <t>静岡県産わさびドレッシング</t>
  </si>
  <si>
    <t>ごま油とねぎ塩ドレッシング</t>
  </si>
  <si>
    <t>チーズたまり醤油ドレッシング</t>
  </si>
  <si>
    <t>ＳＳＫ　静岡産わさびドレッシング　１６０ｍｌ</t>
  </si>
  <si>
    <t>焼津産鰹節香る和ドレッシング</t>
  </si>
  <si>
    <t>蜂蜜入りまろやかうま塩ドレッシング</t>
  </si>
  <si>
    <t>岩泉産業開発</t>
  </si>
  <si>
    <t>ｲﾜｲｽﾞﾐ</t>
  </si>
  <si>
    <t>本わさびドレッシング</t>
  </si>
  <si>
    <t>マル井</t>
  </si>
  <si>
    <t>ﾏﾙｲ</t>
  </si>
  <si>
    <t>玉ねぎとオリーブの風味豊かなドレッシング</t>
  </si>
  <si>
    <t>焙煎ごまと玉ねぎの風味豊かなドレッシング</t>
  </si>
  <si>
    <t>馬路村ゆずの村ドレッシング150ml</t>
  </si>
  <si>
    <t>ｱｼﾞｱｼﾖｸﾋﾝ</t>
  </si>
  <si>
    <t>黒酢たまねぎドレッシング</t>
  </si>
  <si>
    <t>熟成合わせ信州味噌ドレッシング</t>
  </si>
  <si>
    <t>バーニャカウダ信州味噌ドレッシング</t>
  </si>
  <si>
    <t>黒ごまだれ</t>
  </si>
  <si>
    <t>ﾏﾙｼﾖｳｼﾞﾖｳｿ</t>
  </si>
  <si>
    <t>すだちオリーブドレッシング</t>
  </si>
  <si>
    <t>川中しょうゆドレッシング</t>
  </si>
  <si>
    <t>まろやか広島れもんドレッシング</t>
  </si>
  <si>
    <t>くら寿司石沢ドレッシング</t>
  </si>
  <si>
    <t>NISﾌｰﾄﾞ</t>
  </si>
  <si>
    <t>めんたいドレッシング</t>
  </si>
  <si>
    <t>ﾌｸｻﾔ</t>
  </si>
  <si>
    <t>ドレッシング　しょうが</t>
  </si>
  <si>
    <t>ピエトロ　ドレッシング　うめ</t>
  </si>
  <si>
    <t>ピエトロ　わさびオリーブオイルドレ</t>
  </si>
  <si>
    <t>ピエトロ　塩麹オリーブオイルドレ</t>
  </si>
  <si>
    <t>梅酢みそドレッシング</t>
  </si>
  <si>
    <t>伊豆産わさびドレッシング</t>
  </si>
  <si>
    <t>わさびしょうゆドレッシング</t>
  </si>
  <si>
    <t>減塩きざみ玉ねぎドレッシング</t>
  </si>
  <si>
    <t>ハピアドレッシング黒酢</t>
  </si>
  <si>
    <t>ハピアオニオンしょうゆ</t>
  </si>
  <si>
    <t>山葵ドレクリーミータイプ</t>
  </si>
  <si>
    <t>山葵ドレッシングしょうゆ</t>
  </si>
  <si>
    <t>九条ねぎ入りドレッシング</t>
  </si>
  <si>
    <t>野菜たっぷりドレッシング</t>
  </si>
  <si>
    <t>一刻魁堂監修和風醤油ドレッシング</t>
  </si>
  <si>
    <t>野菜のドレスごま</t>
  </si>
  <si>
    <t>ゴマ_ドレッシング</t>
  </si>
  <si>
    <t>金ごまわさびドレッシング</t>
  </si>
  <si>
    <t>ジャネフ_ノンオイルドレッシング_焙煎ごま_塩分50%カット</t>
  </si>
  <si>
    <t>ノンオイルごま</t>
  </si>
  <si>
    <t>ノンオイル香りのごま</t>
  </si>
  <si>
    <t>ノンオイルドレ減塩ごま</t>
  </si>
  <si>
    <t>宮島醤油　減塩ごまノンオイルドレッシング１７０ｍｌ</t>
  </si>
  <si>
    <t>減塩胡麻ノンオイルドレッシング</t>
  </si>
  <si>
    <t>セレクティ胡麻ドレ</t>
  </si>
  <si>
    <t>ノンオイル　スタミナ胡麻</t>
  </si>
  <si>
    <t>セレクティ香ばしい胡麻</t>
  </si>
  <si>
    <t>リケンのノンオイルセレクティ柚子香る金ごま</t>
  </si>
  <si>
    <t>ノンオイルセレクティ香ばしい胡麻</t>
  </si>
  <si>
    <t>ノンオイルセレクティ金ごまと柚子</t>
  </si>
  <si>
    <t>ノンオイル_セレクティ_焦がしにんにく胡麻</t>
  </si>
  <si>
    <t>理研</t>
  </si>
  <si>
    <t>センナリ　有機ＪＡＳ認定　ノンオイル有機柚子ゴマドレッシング　１</t>
  </si>
  <si>
    <t>植物生まれのシーザーサラダドレッシング</t>
  </si>
  <si>
    <t>セレクティ熟成チ-ズのシ-ザ-サラダ</t>
  </si>
  <si>
    <t>サラダデュオシーザーサラダレモンドレッシング</t>
  </si>
  <si>
    <t>ノンオイルセレクティ熟成チーズのシーザーサラダ</t>
  </si>
  <si>
    <t>青じそドレッシング</t>
  </si>
  <si>
    <t>ノンオイル青じそ</t>
  </si>
  <si>
    <t>ノンオイル香味青じそ</t>
  </si>
  <si>
    <t>ゆふいんの森青じそ</t>
  </si>
  <si>
    <t>青しそドレッシングノンオイル</t>
  </si>
  <si>
    <t>ノンオイルセレクティ　こく仕立て青じそ</t>
  </si>
  <si>
    <t>青じそ　まろやかレモン</t>
  </si>
  <si>
    <t>ﾉﾝｵｲﾙ青じそドレッシング</t>
  </si>
  <si>
    <t>ﾉﾝｵｲﾙ青じそ塩レモン</t>
  </si>
  <si>
    <t>リケンのノンオイル青じそ塩レモン</t>
  </si>
  <si>
    <t>リケンのノンオイル青じそ</t>
  </si>
  <si>
    <t>リケンのノンオイル　青じそ梅　１９０ｍｌ</t>
  </si>
  <si>
    <t>ノンオイル生葉入り青しそドレッシング</t>
  </si>
  <si>
    <t>セレクティ玉ねぎいっぱいイタリアン</t>
  </si>
  <si>
    <t>土佐清水宗田だし小夏ノンオイルドレ190ml</t>
  </si>
  <si>
    <t>野菜のドレス中華</t>
  </si>
  <si>
    <t>テイスティノンオイルＤＲチュウカ</t>
  </si>
  <si>
    <t>ノンオイルパクチー</t>
  </si>
  <si>
    <t>ＳＰドレ中華ごま</t>
  </si>
  <si>
    <t>ﾉﾝｵｲﾙ中華ごまドレッシング</t>
  </si>
  <si>
    <t>リケンのノンオイル中華ごま</t>
  </si>
  <si>
    <t>ノンオイルドレッシングハーフ</t>
  </si>
  <si>
    <t>サラダゼリードレッシングバジ</t>
  </si>
  <si>
    <t>野菜のドレスキャロット</t>
  </si>
  <si>
    <t>野菜のドレス旨塩レモン</t>
  </si>
  <si>
    <t>野菜のドレスイタリアンベーコン風味</t>
  </si>
  <si>
    <t>ジャネフ_ノンオイルドレッシング_サウザン</t>
  </si>
  <si>
    <t>ジャネフ_ノンオイルドレッシング_フレンチクリーミィ</t>
  </si>
  <si>
    <t>ジャネフ　ノンオイルドレッシングサウザン</t>
  </si>
  <si>
    <t>ノンオイル４種のチーズ</t>
  </si>
  <si>
    <t>ノンオイルフレンチたまねぎ</t>
  </si>
  <si>
    <t>3分クッキング　かんきつ香るピクルス用</t>
  </si>
  <si>
    <t>ノンオイルドレ減塩サウザン</t>
  </si>
  <si>
    <t>ノンオイルドレ減塩フレンチ</t>
  </si>
  <si>
    <t>マリネ用</t>
  </si>
  <si>
    <t>冷しゃぶドレッシングレモン醤油</t>
  </si>
  <si>
    <t>イタリアンバジル</t>
  </si>
  <si>
    <t>ﾉﾝｵｲﾙイタリアン風バジルドレッシング</t>
  </si>
  <si>
    <t>ノンオイルセレクティにんじん</t>
  </si>
  <si>
    <t>リケンのノンオイルイタリアン風バジル</t>
  </si>
  <si>
    <t>リケンのノンオイルフレンチ風玉ねぎ</t>
  </si>
  <si>
    <t>リケンのノンオイル塩レモン</t>
  </si>
  <si>
    <t>ノンオイル塩レモン</t>
  </si>
  <si>
    <t>ノンオイルタルタルクリーミー</t>
  </si>
  <si>
    <t>和風ノンオイルレモン</t>
  </si>
  <si>
    <t>和風ノンオイルバルサミコ</t>
  </si>
  <si>
    <t>ノンオイル　かんきつ風味</t>
  </si>
  <si>
    <t>ノンオイル　バルサミコしょ</t>
  </si>
  <si>
    <t>ノンオイル薫るトリュフコク旨しょうゆ仕立</t>
  </si>
  <si>
    <t>ｹﾝｺﾏﾖﾈｽﾞ</t>
  </si>
  <si>
    <t>冷しゃぶドレッシング塩だれ</t>
  </si>
  <si>
    <t>土佐清水宗田だし和風ノンオイルドレ190ml</t>
  </si>
  <si>
    <t>空飛ぶ玉ネギ使用ノンオイルドレッシング</t>
  </si>
  <si>
    <t>ごま搾り　あっさり塩味</t>
  </si>
  <si>
    <t>サラダゼリードレッシング和風</t>
  </si>
  <si>
    <t>ノンオイルゼリ-ドレッシング黒酢＆生姜</t>
  </si>
  <si>
    <t>野菜のドレス黒酢と香味野菜</t>
  </si>
  <si>
    <t>和風たまねぎドレッシング</t>
  </si>
  <si>
    <t>ゆずドレッシング</t>
  </si>
  <si>
    <t>野菜のドレス醤油ごま</t>
  </si>
  <si>
    <t>かき醤油ドレッシング</t>
  </si>
  <si>
    <t>ゆず馬路村ドレ柚子こしょう</t>
  </si>
  <si>
    <t>ノンオイルごまと香味野菜</t>
  </si>
  <si>
    <t>ノンオイルドレ_梅づくし</t>
  </si>
  <si>
    <t>ノンオイルドレ_香味ゆず</t>
  </si>
  <si>
    <t>ノンオイルきざみ玉葱</t>
  </si>
  <si>
    <t>ジャネフ_ノンオイルドレッシング_和風</t>
  </si>
  <si>
    <t>ノンオイル塩（ごま入り）</t>
  </si>
  <si>
    <t>ノンオイルゆずこしょう</t>
  </si>
  <si>
    <t>ノンオイル生姜づくし</t>
  </si>
  <si>
    <t>ノンオイル大根おろし</t>
  </si>
  <si>
    <t>ノンオイルきざみ玉ねぎ</t>
  </si>
  <si>
    <t>ノンオイルしょうが</t>
  </si>
  <si>
    <t>ノンオイル和風たまねぎ</t>
  </si>
  <si>
    <t>ノンオイルドレ減塩和風</t>
  </si>
  <si>
    <t>ノンオイルドレッシングゆず</t>
  </si>
  <si>
    <t>ノンオイルドレ黒酢しょうが</t>
  </si>
  <si>
    <t>ノンオイル梅ずくし</t>
  </si>
  <si>
    <t>ＱＰテイスティノンオイル和風</t>
  </si>
  <si>
    <t>和風ノンオイルドレ紀州南高梅</t>
  </si>
  <si>
    <t>和風ドレ　紀州柚子</t>
  </si>
  <si>
    <t>冷しゃぶドレッシングしそわさび</t>
  </si>
  <si>
    <t>ゆふいんの森梅かつお</t>
  </si>
  <si>
    <t>ゆずと青唐辛子ノンオイルドレッシング</t>
  </si>
  <si>
    <t>ドレッシングノンオイルワフウ</t>
  </si>
  <si>
    <t>減塩和風玉ねぎノンオイルドレッシング</t>
  </si>
  <si>
    <t>空とぶ玉葱ドレッシング</t>
  </si>
  <si>
    <t>和風ごま</t>
  </si>
  <si>
    <t>ノンオイルドレ　黒酢</t>
  </si>
  <si>
    <t>ノンオイルゆずの香おろし</t>
  </si>
  <si>
    <t>ノンオイルドレ　うまあじ和風</t>
  </si>
  <si>
    <t>ノンオイル野菜和風ドレッシング</t>
  </si>
  <si>
    <t>てりやき和風</t>
  </si>
  <si>
    <t>セレクティこく仕立て和風ドレ</t>
  </si>
  <si>
    <t>理研_ﾘｹﾝのﾉﾝｵｲﾙ_和風_190ml</t>
  </si>
  <si>
    <t>ノンオイルくせになるうま塩</t>
  </si>
  <si>
    <t>セレクティあめ色玉ねぎドレ</t>
  </si>
  <si>
    <t>セレクティじんわり生姜ドレ</t>
  </si>
  <si>
    <t>スーパードレッシングおろし</t>
  </si>
  <si>
    <t>ﾉﾝｵｲﾙ和風ドレッシング</t>
  </si>
  <si>
    <t>ﾉﾝｵｲﾙ味わうおろしドレッシング</t>
  </si>
  <si>
    <t>ﾉﾝｵｲﾙくせになるうま塩ドレッシング</t>
  </si>
  <si>
    <t>リケンのノンオイル　胡麻とすだち</t>
  </si>
  <si>
    <t>セレクティこく仕立て和風</t>
  </si>
  <si>
    <t>セレクティあめ色玉ねぎ</t>
  </si>
  <si>
    <t>リケンのノンオイルくせになるうま塩</t>
  </si>
  <si>
    <t>リケンのノンオイル味わうおろし</t>
  </si>
  <si>
    <t>リケンのノンオイル和風</t>
  </si>
  <si>
    <t>リケンのノンオイルセレクティ塩こうじ玉ねぎ</t>
  </si>
  <si>
    <t>リケンのノンオイルセレクティあめ色玉ねぎ</t>
  </si>
  <si>
    <t>リケンのノンオイルセレクティこく仕立て和風</t>
  </si>
  <si>
    <t>セレクティまろやか黒酢玉ねぎ</t>
  </si>
  <si>
    <t>セレクティ国産米の塩こうじ</t>
  </si>
  <si>
    <t>リケンのノンオイルくせになるうま辛</t>
  </si>
  <si>
    <t>セレクティすりおろしオニオン</t>
  </si>
  <si>
    <t>リケンくせになるうま塩にんにく１．５倍　１９０ｍｌ</t>
  </si>
  <si>
    <t>玉ねぎノンオイル</t>
  </si>
  <si>
    <t>和風ごまノンオイル</t>
  </si>
  <si>
    <t>ノンオイルのり風味</t>
  </si>
  <si>
    <t>ノンオイル　梅しそ</t>
  </si>
  <si>
    <t>がごめ昆布のノンオイルドレッシング</t>
  </si>
  <si>
    <t>くばら　きゅうりのうまたれ</t>
  </si>
  <si>
    <t>センナリ　有機ＪＡＳ認定　ノンオイル有機柚子ドレッシング　１７５</t>
  </si>
  <si>
    <t>センナリ　有機ＪＡＳ認定　ノンオイル有機玉ねぎドレッシング　１７</t>
  </si>
  <si>
    <t>きざみ玉ねぎ＆ゆずノンオイルドレ</t>
  </si>
  <si>
    <t>ハピアドレッシングノンオイル</t>
  </si>
  <si>
    <t>低オイル</t>
  </si>
  <si>
    <t>深煎りごまドレッシングカロリーハーフ</t>
  </si>
  <si>
    <t>豆乳びじん香りごまドレ</t>
  </si>
  <si>
    <t>ダイエットドレうまくち和風</t>
  </si>
  <si>
    <t>ダイエットドレッシング_まろやかごま</t>
  </si>
  <si>
    <t>ヘルシードレッシングごま</t>
  </si>
  <si>
    <t>ドレッシングダイエットまろやかごま風味</t>
  </si>
  <si>
    <t>豆乳びじん　シーザードレ</t>
  </si>
  <si>
    <t>ダイエットドレクリーミーシーザー</t>
  </si>
  <si>
    <t>日清　ﾍﾙｼｰﾄﾞﾚｯｼﾝｸﾞ_ｱﾏﾆｼｰｻﾞｰ_190ML</t>
  </si>
  <si>
    <t>ドレッシングダイエットクリーミーシーザー</t>
  </si>
  <si>
    <t>セレクティシーザードレ</t>
  </si>
  <si>
    <t>味わいすっきりしそドレッシング</t>
  </si>
  <si>
    <t>１／３ドレイタリアン</t>
  </si>
  <si>
    <t>ドレッシングダイエット薫るイタリアン</t>
  </si>
  <si>
    <t>ドレッシングダイエットごま油香るチョレギ</t>
  </si>
  <si>
    <t>すりおろし野菜ドレッシング</t>
  </si>
  <si>
    <t>味わいスッキリフレンチ</t>
  </si>
  <si>
    <t>味わいすっきりトマトドレッシング</t>
  </si>
  <si>
    <t>味わいすっきりレモンドレ</t>
  </si>
  <si>
    <t>１／３ドレセパレート</t>
  </si>
  <si>
    <t>１／３ドレ１０００アイランド</t>
  </si>
  <si>
    <t>ＱＰ１／３ドレフレンチ白</t>
  </si>
  <si>
    <t>低カロリードレすっきりレモン</t>
  </si>
  <si>
    <t>ダイエットドレすっきりコール</t>
  </si>
  <si>
    <t>ダイエットドレ_コールスロー</t>
  </si>
  <si>
    <t>ダイエットドレッシング_滑らかｺｰﾝ味</t>
  </si>
  <si>
    <t>日清ﾀﾞｲｴｯﾄﾄﾞﾚｯｼﾝｸﾞ色々使えるｶﾚｰ味</t>
  </si>
  <si>
    <t>ドレッシングダイエットすっきりコールスロー</t>
  </si>
  <si>
    <t>きざみ玉葱ドレッシング</t>
  </si>
  <si>
    <t>爽やか柑橘仕上げレモンドレッシング</t>
  </si>
  <si>
    <t>味わいスッキリうまみ塩</t>
  </si>
  <si>
    <t>キユーピー味わいすっきりだし醤油ドレッシング</t>
  </si>
  <si>
    <t>キユーピーおろし仕立て生姜ドレッシング</t>
  </si>
  <si>
    <t>味わいすっきり塩ごまドレッシング</t>
  </si>
  <si>
    <t>味わいすっきりゆずドレ</t>
  </si>
  <si>
    <t>味わいすっきりゆずドレッシング</t>
  </si>
  <si>
    <t>１／３ドレしょうゆ</t>
  </si>
  <si>
    <t>低カロリードレさっぱり塩味</t>
  </si>
  <si>
    <t>低カロリードレ_あっさり和風</t>
  </si>
  <si>
    <t>ダイエットアッサリ和風</t>
  </si>
  <si>
    <t>ダイエットドレまろやかごま風</t>
  </si>
  <si>
    <t>ダイエットうま口和風</t>
  </si>
  <si>
    <t>ダイエットドレあっさり和風</t>
  </si>
  <si>
    <t>ダイエットドレまろやかごま</t>
  </si>
  <si>
    <t>ダイエットドレごま香るうま塩味</t>
  </si>
  <si>
    <t>ダイエットドレッシング_あっさり和風</t>
  </si>
  <si>
    <t>ダイエットドレッシング_うまくち和風</t>
  </si>
  <si>
    <t>ダイエットドレッシング_ごま香るうま塩味</t>
  </si>
  <si>
    <t>ダイエットドレ香味しょうが</t>
  </si>
  <si>
    <t>ｵｲﾘｵ　日清ﾍﾙｼｰﾄﾞﾚｯｼﾝｸﾞ_和風</t>
  </si>
  <si>
    <t>ドレッシングダイエット黒酢たまねぎ</t>
  </si>
  <si>
    <t>ドレッシングダイエットうまくち和風</t>
  </si>
  <si>
    <t>ドレッシングダイエットあっさり和風</t>
  </si>
  <si>
    <t>ドレッシングダイエットごま香るうま塩</t>
  </si>
  <si>
    <t>玉葱ドレッシング</t>
  </si>
  <si>
    <t>エコナ香味胡麻</t>
  </si>
  <si>
    <t>エコナすりたてごまドレッシン</t>
  </si>
  <si>
    <t>エコナドレッシングごま</t>
  </si>
  <si>
    <t>アマニ油入りごまドレッシング</t>
  </si>
  <si>
    <t>フィッテドレッシングごま210ml</t>
  </si>
  <si>
    <t>アマニ油ドレごま豆乳入り</t>
  </si>
  <si>
    <t>アマニ油入ドレッシングごま</t>
  </si>
  <si>
    <t>ｱﾏﾆ油ﾄﾞﾚｯｼﾝｸﾞごま</t>
  </si>
  <si>
    <t>リセッタドレッシングごま</t>
  </si>
  <si>
    <t>リセッタドレ金ごま</t>
  </si>
  <si>
    <t>ヘルシードレッシングソース_ごま</t>
  </si>
  <si>
    <t>ヘルシードレッシングアマニごま</t>
  </si>
  <si>
    <t>アマニ油ドレッシング焙煎香味ゴマ</t>
  </si>
  <si>
    <t>MCTドレッシングソースごま＆ナッツ</t>
  </si>
  <si>
    <t>日向夏ごまドレッシング</t>
  </si>
  <si>
    <t>日向夏ドレッシングプラス</t>
  </si>
  <si>
    <t>牛角麻辣ドレッシング</t>
  </si>
  <si>
    <t>リセッタドレシーザー</t>
  </si>
  <si>
    <t>ヘルシードレッシングソース_シーザー</t>
  </si>
  <si>
    <t>ｵｲﾘｵ　ﾍﾙｼｰﾄﾞﾚｯｼﾝｸﾞｿｰｽ_ｼｰｻﾞｰ</t>
  </si>
  <si>
    <t>アマニ油ドレッシングチーズ薫るシーザー</t>
  </si>
  <si>
    <t>ゆふいんの森ドレッシングピリ辛ごま</t>
  </si>
  <si>
    <t>ゆふいんの森ドレッシングクリーミー和風</t>
  </si>
  <si>
    <t>ノンオイル　芳醇仕立て黒ごま</t>
  </si>
  <si>
    <t>大人の香味ドレッシング</t>
  </si>
  <si>
    <t>アマニ油ドレッシング青じそ</t>
  </si>
  <si>
    <t>エコナドレッシングイタリアン</t>
  </si>
  <si>
    <t>アマニ油入りイタリアンドレッシング</t>
  </si>
  <si>
    <t>アマニ油ドレッシングイタリアン210ml</t>
  </si>
  <si>
    <t>リセッタドレッシングイタリ</t>
  </si>
  <si>
    <t>エコナ和風中華</t>
  </si>
  <si>
    <t>MCTドレチョレギ</t>
  </si>
  <si>
    <t>エコナ　サラダ＆シーフード</t>
  </si>
  <si>
    <t>エコナドレッシングトマト＆バジル</t>
  </si>
  <si>
    <t>エコナドレッシンググレープフルーツ</t>
  </si>
  <si>
    <t>レモンとアセロラドレッシング</t>
  </si>
  <si>
    <t>リセッタドレバルサミコ</t>
  </si>
  <si>
    <t>MCTドレフレンチ</t>
  </si>
  <si>
    <t>玉ねぎ黒酢入りﾄﾞﾚｯｼﾝｸﾞ</t>
  </si>
  <si>
    <t>エコナ　味わい爽味</t>
  </si>
  <si>
    <t>エコナ生たまねぎドレッシング</t>
  </si>
  <si>
    <t>エコナドレッシングねぎ塩</t>
  </si>
  <si>
    <t>エコナドレッシング和風</t>
  </si>
  <si>
    <t>エコナドレッシング胡麻豆板醤</t>
  </si>
  <si>
    <t>エコナ和風ドレッシング</t>
  </si>
  <si>
    <t>アマニ油入り和風ドレッシング</t>
  </si>
  <si>
    <t>和風醤油ドレッシング黒酢入り</t>
  </si>
  <si>
    <t>フィッテドレ和風醤油黒酢入り210ml</t>
  </si>
  <si>
    <t>アマニ油ドレ和風たまねぎ210ml</t>
  </si>
  <si>
    <t>アマニ油入ドレッシング和風たまねぎ</t>
  </si>
  <si>
    <t>オーマイPLUSアマニ油入ドレ黒酢たまねぎ</t>
  </si>
  <si>
    <t>ｱﾏニ油ﾄﾞﾚｯｼﾝｸﾞ和風たまねぎ</t>
  </si>
  <si>
    <t>リセッタドレッシング和風</t>
  </si>
  <si>
    <t>リセッタドレ和風</t>
  </si>
  <si>
    <t>ヘルシードレッシングソース　和風</t>
  </si>
  <si>
    <t>ヘルシードレッシングアマニ和風</t>
  </si>
  <si>
    <t>アマニ油ドレッシングこく和風</t>
  </si>
  <si>
    <t>アマニ油ドレ旨塩たまねぎ</t>
  </si>
  <si>
    <t>MCTドレッシングソース和風オニオン</t>
  </si>
  <si>
    <t>アマニ油ドレ黒酢たまねぎ</t>
  </si>
  <si>
    <t>アマニ油ドレ旨口チョレギ</t>
  </si>
  <si>
    <t>らっきょうドレッシング</t>
  </si>
  <si>
    <t>中容量（251～400ml）</t>
  </si>
  <si>
    <t>ドレッシングゴマ</t>
  </si>
  <si>
    <t>深煎りごまドレッシング4個セット</t>
  </si>
  <si>
    <t>深煎りごまドレッシング_6個ｾｯﾄ</t>
  </si>
  <si>
    <t>380ml*6</t>
  </si>
  <si>
    <t>星取県の大山ごぼうとごまの焙煎ドレッシング</t>
  </si>
  <si>
    <t>ﾊﾞｲｸﾝｽ</t>
  </si>
  <si>
    <t>おおたごまドレッシング</t>
  </si>
  <si>
    <t>おおた食品</t>
  </si>
  <si>
    <t>ｵｵﾀｼｮｸﾋﾝ</t>
  </si>
  <si>
    <t>ポナペティートすりごまドレ</t>
  </si>
  <si>
    <t>冷しゃぶＤ　ごまみそ</t>
  </si>
  <si>
    <t>ゆふいんの森ごま</t>
  </si>
  <si>
    <t>ユフインノモリ　ゴマゴマ</t>
  </si>
  <si>
    <t>ゆふいんの森和風ドレッシング金ごま焙煎</t>
  </si>
  <si>
    <t>ゆふいんの森香味ごま</t>
  </si>
  <si>
    <t>すてきサラダごまドレッシング</t>
  </si>
  <si>
    <t>すてきサラダなめらかごまドレッシング</t>
  </si>
  <si>
    <t>焙煎ごまドレッシングソース</t>
  </si>
  <si>
    <t>325ml</t>
  </si>
  <si>
    <t>ごまトロドレッシング</t>
  </si>
  <si>
    <t>味わいドレ焙煎ごま</t>
  </si>
  <si>
    <t>VALUEPRICE香ばし胡麻</t>
  </si>
  <si>
    <t>サラたまちゃんドレッシングごま</t>
  </si>
  <si>
    <t>なんでもいける胡麻すり上手</t>
  </si>
  <si>
    <t>金ごまマヨドレ</t>
  </si>
  <si>
    <t>285ml</t>
  </si>
  <si>
    <t>金ごま本舗</t>
  </si>
  <si>
    <t>成城石井　なんでもいける胡麻ドレッシング　２８０ｍｌ</t>
  </si>
  <si>
    <t>desica国産柚子がほんのり香る胡麻づくしドレッシング２５０ｍ</t>
  </si>
  <si>
    <t>パスカルドレッシングごま風味</t>
  </si>
  <si>
    <t>ふるさと清見２１</t>
  </si>
  <si>
    <t>パスカルドレッシングクリーミーごま</t>
  </si>
  <si>
    <t>ごまとごぼうのドレッシング</t>
  </si>
  <si>
    <t>焙煎香りごま</t>
  </si>
  <si>
    <t>ピエトロ　焙煎香りごま</t>
  </si>
  <si>
    <t>ごまみそドレッシング</t>
  </si>
  <si>
    <t>神戸壱番館粗挽き金ごまドレッシング</t>
  </si>
  <si>
    <t>ｹﾝｺ-ﾏﾖﾈ-ｽﾞ</t>
  </si>
  <si>
    <t>ガリバーフーズ野菜村Wごまミックス300ml</t>
  </si>
  <si>
    <t>ガリバーフーズ</t>
  </si>
  <si>
    <t>ｶﾞﾘﾊﾞﾌｽﾞ</t>
  </si>
  <si>
    <t>ガリバーフーズ野菜村ごま風味300ml</t>
  </si>
  <si>
    <t>減塩焙煎ごまドレッシング</t>
  </si>
  <si>
    <t>金笛胡麻ドレッシング</t>
  </si>
  <si>
    <t>３９０ｍｌ</t>
  </si>
  <si>
    <t>特性胡麻ドレッシング</t>
  </si>
  <si>
    <t>シーザーサラダドレッシング_6個ｾｯﾄ</t>
  </si>
  <si>
    <t>desicaパルミジャーノのシーザーサラダドレッシング__２５０</t>
  </si>
  <si>
    <t>神戸壱番館シーザーサラダドレッシング</t>
  </si>
  <si>
    <t>モランボン　チョレギのたれ2種セット</t>
  </si>
  <si>
    <t>2種セット</t>
  </si>
  <si>
    <t>チョレギのタレ</t>
  </si>
  <si>
    <t>のりチョレギのたれ</t>
  </si>
  <si>
    <t>生にんじんドレッシング　２本セット</t>
  </si>
  <si>
    <t>２本セット</t>
  </si>
  <si>
    <t>桃華楽堂</t>
  </si>
  <si>
    <t>おおたフレンチドレッシング</t>
  </si>
  <si>
    <t>おおたサウザンドドレッシング</t>
  </si>
  <si>
    <t>ポナペティートオリジナルドレ</t>
  </si>
  <si>
    <t>クリーミィ野菜ドレ</t>
  </si>
  <si>
    <t>フレンチドレッシング（赤）</t>
  </si>
  <si>
    <t>レインボードレッシング</t>
  </si>
  <si>
    <t>５種の野菜ドレッシング</t>
  </si>
  <si>
    <t>野菜がうまい醤油胡麻だれ</t>
  </si>
  <si>
    <t>野菜がうまいねぎ塩ガーリック</t>
  </si>
  <si>
    <t>１０００アイランドドレッシン</t>
  </si>
  <si>
    <t>ゆふいんの森クリーミイ</t>
  </si>
  <si>
    <t>すてきしろドレッシング</t>
  </si>
  <si>
    <t>すてきサラダクリーミー柚子こしょうドレッシング</t>
  </si>
  <si>
    <t>レモンに生姜ドレッシング</t>
  </si>
  <si>
    <t>タルタルドレッシングソース</t>
  </si>
  <si>
    <t>空と大地のトマトドレッシング</t>
  </si>
  <si>
    <t>空と大地のドレッシング　クリーミーポテト</t>
  </si>
  <si>
    <t>ドレッシングクリーミーコーン</t>
  </si>
  <si>
    <t>ソラドレきざみ玉ねぎ</t>
  </si>
  <si>
    <t>ソラドレまるごとトマト</t>
  </si>
  <si>
    <t>空と大地のドレッシング　クリーミーパンプキン</t>
  </si>
  <si>
    <t>サラたまちゃんドレッシングでこぽん</t>
  </si>
  <si>
    <t>サラたまちゃんドレッシングレモン</t>
  </si>
  <si>
    <t>成城石井__フレンチドレッシング__２８０ｍｌ</t>
  </si>
  <si>
    <t>レモンとたまねぎ</t>
  </si>
  <si>
    <t>ドレッシングオリーブリッチ</t>
  </si>
  <si>
    <t>ドレッシングまろやかレモン</t>
  </si>
  <si>
    <t>神戸壱番館コールスロードレッシング</t>
  </si>
  <si>
    <t>神戸壱番館クリーミーナッツドレッシング</t>
  </si>
  <si>
    <t>ドレッシングワフウ</t>
  </si>
  <si>
    <t>和風しょうゆドレッシング3個セット</t>
  </si>
  <si>
    <t>和風しょうゆドレッシング_2個ｾｯﾄ</t>
  </si>
  <si>
    <t>280ml*2</t>
  </si>
  <si>
    <t>四万十あおじそドレッシング</t>
  </si>
  <si>
    <t>四万十とまとドレッシング</t>
  </si>
  <si>
    <t>四万十にんじんドレッシング</t>
  </si>
  <si>
    <t>四万十だいこんドレッシング</t>
  </si>
  <si>
    <t>四万十ゆずごまドレッシング</t>
  </si>
  <si>
    <t>向日葵ドレッシング</t>
  </si>
  <si>
    <t>星取県の冬にんじんドレッシング</t>
  </si>
  <si>
    <t>たっぷり玉ねぎと生姜の万能ドレッシング</t>
  </si>
  <si>
    <t>ｳﾒｼｹﾞｼﾞｮｳｿ</t>
  </si>
  <si>
    <t>大分県院内産まるごと柚子ドレッシング</t>
  </si>
  <si>
    <t>九州4種野菜ドレッシング</t>
  </si>
  <si>
    <t>ＪＡやつしろ生姜が効いたはちべえトマトドレッシング</t>
  </si>
  <si>
    <t>280G</t>
  </si>
  <si>
    <t>八代地域農業協同組合</t>
  </si>
  <si>
    <t>JAﾔﾂｼﾛ</t>
  </si>
  <si>
    <t>やさしい味のはちみつ梅ドレッシング</t>
  </si>
  <si>
    <t>コンフォート</t>
  </si>
  <si>
    <t>ｺﾝﾌｫｰﾄ</t>
  </si>
  <si>
    <t>さっぱりやさしい青パパイヤドレッシング</t>
  </si>
  <si>
    <t>ｸﾞﾗｯﾂｪﾐｰﾚ</t>
  </si>
  <si>
    <t>とろり濃厚ごぼうとごまドレッシング</t>
  </si>
  <si>
    <t>野菜もりもり人参ドレッシング</t>
  </si>
  <si>
    <t>高知のまろやかしょうがドレッシング</t>
  </si>
  <si>
    <t>甘みと旨み焼きたまねぎドレッシング</t>
  </si>
  <si>
    <t>レモンのタラちゃん</t>
  </si>
  <si>
    <t>グーさんの万能ドレッシング</t>
  </si>
  <si>
    <t>ｷｷﾞｮｳﾊｯﾃﾝ</t>
  </si>
  <si>
    <t>きのこ釜めしの素</t>
  </si>
  <si>
    <t>北海道名販</t>
  </si>
  <si>
    <t>ﾎｯｶｲﾄﾞｳﾒｲﾊ</t>
  </si>
  <si>
    <t>お肉野菜タレドレにんにく醤油</t>
  </si>
  <si>
    <t>国産にんじんドレッシング</t>
  </si>
  <si>
    <t>キユーピーすりおろしオニオンドレッシング</t>
  </si>
  <si>
    <t>九州を味わうゆずドレッシング</t>
  </si>
  <si>
    <t>九州を味わうたまねぎドレッシング</t>
  </si>
  <si>
    <t>九州を味わうゆず香るごまドレッシング300ml</t>
  </si>
  <si>
    <t>うまからもやしのたれ</t>
  </si>
  <si>
    <t>ゆふいんの森和風ドレッシング</t>
  </si>
  <si>
    <t>ゆふいんの森和風おろし</t>
  </si>
  <si>
    <t>ゆふいんの森にんじん</t>
  </si>
  <si>
    <t>ゆふいんの森梅と大葉</t>
  </si>
  <si>
    <t>ピュアメイド柚子こしょうドレッシング</t>
  </si>
  <si>
    <t>すてきサラダ和風ドレッシング</t>
  </si>
  <si>
    <t>すてきサラダしょうゆドレッシング</t>
  </si>
  <si>
    <t>すてきサラダまろやか和風ドレッシング</t>
  </si>
  <si>
    <t>たまねぎに黒酢ドレッシング</t>
  </si>
  <si>
    <t>柚子こしょうドレッシング</t>
  </si>
  <si>
    <t>かぼすに日向夏ドレッシング</t>
  </si>
  <si>
    <t>オリーブ薫る和風ドレッシング</t>
  </si>
  <si>
    <t>ごま入り生たまねぎドレッシング</t>
  </si>
  <si>
    <t>まろやかだし醤油ドレッシング</t>
  </si>
  <si>
    <t>ジャポネドレッシングソース</t>
  </si>
  <si>
    <t>ジャポネドレッシング</t>
  </si>
  <si>
    <t>お醤油と玉ねぎのドレッシング</t>
  </si>
  <si>
    <t>お醤油屋の和風イタリアンドレッシング280ml</t>
  </si>
  <si>
    <t>280ML</t>
  </si>
  <si>
    <t>だいこんおろしドレッシング</t>
  </si>
  <si>
    <t>空と大地のきざみ玉ねぎドレ</t>
  </si>
  <si>
    <t>空と大地のドレッシングきのこ</t>
  </si>
  <si>
    <t>シャキシャキ玉ねぎドレッシング</t>
  </si>
  <si>
    <t>VALUEPRICE和風玉ねぎ</t>
  </si>
  <si>
    <t>なんでもいけるイタリアン醤油ドレッシング</t>
  </si>
  <si>
    <t>なんでもいける玉葱ドレッシング</t>
  </si>
  <si>
    <t>なんでもいける柚子ドレッシング</t>
  </si>
  <si>
    <t>野菜サラダのたれごま</t>
  </si>
  <si>
    <t>野菜サラダのたれ辛口</t>
  </si>
  <si>
    <t>ｼﾞﾖｼﾞﾖｴﾝ</t>
  </si>
  <si>
    <t>叙々苑　黒酢サラダドレッシング</t>
  </si>
  <si>
    <t>ドレッシング甘口</t>
  </si>
  <si>
    <t>ドレッシング辛口</t>
  </si>
  <si>
    <t>黒酢玉ねぎドレッシング</t>
  </si>
  <si>
    <t>成城石井　なんでもいける醤油ドレッシング　２８０ｍｌ</t>
  </si>
  <si>
    <t>成城石井__なんでもいける玉葱ドレッシング__２８０ｍｌ</t>
  </si>
  <si>
    <t>desica　杉木桶仕込み醤油の和風ドレッシング　２５０ｍｌ</t>
  </si>
  <si>
    <t>トリュフのドレッシング</t>
  </si>
  <si>
    <t>パスカルドレッシング和風たまねぎ風味</t>
  </si>
  <si>
    <t>にんじんドレッシング　</t>
  </si>
  <si>
    <t>焼き玉ねぎドレッシング　</t>
  </si>
  <si>
    <t>フォロのドレッシングレギュラー</t>
  </si>
  <si>
    <t>やましな</t>
  </si>
  <si>
    <t>ﾔﾏｼﾅ</t>
  </si>
  <si>
    <t>ドレッシングたまねぎリッチ</t>
  </si>
  <si>
    <t>ドレッシングうめ</t>
  </si>
  <si>
    <t>和風しょうが</t>
  </si>
  <si>
    <t>神戸壱番館玉ねぎドレッシング</t>
  </si>
  <si>
    <t>ガリバーフーズ野菜村和風スパイス300ml</t>
  </si>
  <si>
    <t>きざみ玉ねぎドレッシング</t>
  </si>
  <si>
    <t>クリーミーオニオンドレッシング</t>
  </si>
  <si>
    <t>旨すぎるたまねぎドレッシング</t>
  </si>
  <si>
    <t>青じそドレッシング徳用</t>
  </si>
  <si>
    <t>トマトのまんまドレッシング</t>
  </si>
  <si>
    <t>タマネギまんまドレッシング</t>
  </si>
  <si>
    <t>中華ごまドレッシング徳用</t>
  </si>
  <si>
    <t>中華ごま</t>
  </si>
  <si>
    <t>ノンオイル中華ドレッシング</t>
  </si>
  <si>
    <t>梅薫醸造九州人参ドレッシング280ml</t>
  </si>
  <si>
    <t>冷しゃぶＤ　レモンおろし</t>
  </si>
  <si>
    <t>くばら　キャベツのうまたれ3個セット</t>
  </si>
  <si>
    <t>280g*3</t>
  </si>
  <si>
    <t>ノンオイルオクラドレッシング</t>
  </si>
  <si>
    <t>ノンオイル和風ごま</t>
  </si>
  <si>
    <t>冷しゃぶごま塩にんにく</t>
  </si>
  <si>
    <t>ドレッシング梅</t>
  </si>
  <si>
    <t>すてきサラダノンオイル和風ドレッシング</t>
  </si>
  <si>
    <t>ノンオイル梅ドレッシング</t>
  </si>
  <si>
    <t>和風ドレッシング徳用</t>
  </si>
  <si>
    <t>ノンオイルドレ　くせになるうま塩</t>
  </si>
  <si>
    <t>成城石井__なんでもいけるノンオイルゆずドレッシング２８０ｍｌ</t>
  </si>
  <si>
    <t>成城石井__ノンオイル香味野菜ドレッシング__２８０ｍｌ</t>
  </si>
  <si>
    <t>ノンオイルドレッシング</t>
  </si>
  <si>
    <t>くばら　キャベツのうまたれ</t>
  </si>
  <si>
    <t>キャベツのうまたれ</t>
  </si>
  <si>
    <t>ピュアメイド胡麻ドレッシング</t>
  </si>
  <si>
    <t>ゆふいんの森50%和風ハーフ</t>
  </si>
  <si>
    <t>ドレッシングしょうゆ</t>
  </si>
  <si>
    <t>ドレッシングごま</t>
  </si>
  <si>
    <t>ピュアメイド和風ドレッシング</t>
  </si>
  <si>
    <t>ドレッシングライトタイプ</t>
  </si>
  <si>
    <t>ドレッシンググリーン</t>
  </si>
  <si>
    <t>アマニ油入りドレッシングごま</t>
  </si>
  <si>
    <t>成城石井__アマニ油入り胡麻ドレッシング__２８０ｍｌ</t>
  </si>
  <si>
    <t>セレクティ　こく仕立て和風</t>
  </si>
  <si>
    <t>洋食屋さんのドレッシングオメガ3</t>
  </si>
  <si>
    <t>アマニ油入りドレッシング黒酢たまねぎ</t>
  </si>
  <si>
    <t>成城石井__アマニ油入り黒酢生姜ドレッシング__２８０ｍｌ</t>
  </si>
  <si>
    <t>大容量（401ml～）</t>
  </si>
  <si>
    <t>クリーミーごまドレッシング</t>
  </si>
  <si>
    <t>焙煎ごまと花椒入りドレッシング</t>
  </si>
  <si>
    <t>焙煎ごまと粒マスタード入りドレッシング</t>
  </si>
  <si>
    <t>焙煎ごまドレッシング2本セット</t>
  </si>
  <si>
    <t>焙煎ごまだれ</t>
  </si>
  <si>
    <t>ごまどれ２本＆韓国ごまどれ１本</t>
  </si>
  <si>
    <t>200ml×3</t>
  </si>
  <si>
    <t>ｴﾙﾄﾞﾚｯｼﾝｸﾞ_胡麻ｸﾘｰﾐｨ</t>
  </si>
  <si>
    <t>エルドレッシング焙煎胡麻</t>
  </si>
  <si>
    <t>ｷｭｰﾋﾟ</t>
  </si>
  <si>
    <t>まろやかごまドレッシング</t>
  </si>
  <si>
    <t>970ml</t>
  </si>
  <si>
    <t>徳用焙煎ごまドレッシング</t>
  </si>
  <si>
    <t>470ml</t>
  </si>
  <si>
    <t>焙煎ドレッシング</t>
  </si>
  <si>
    <t>580ml</t>
  </si>
  <si>
    <t>培煎ゴマドレ</t>
  </si>
  <si>
    <t>糖質75％オフ焙煎ごまドレッシング</t>
  </si>
  <si>
    <t>深煎り焙煎ごまドレッシング</t>
  </si>
  <si>
    <t>糖質オフ深煎り焙煎ごまドレ</t>
  </si>
  <si>
    <t>ごまクリーミードレッシング</t>
  </si>
  <si>
    <t>徳島_胡麻ﾄﾞﾚｯｼﾝｸﾞ_1000ML</t>
  </si>
  <si>
    <t>ＳＳＫ_プラスサラダ焙煎ごまドレッシング　４９０ｍｌ</t>
  </si>
  <si>
    <t>デリシャスドレッシング和風ごま</t>
  </si>
  <si>
    <t>粗挽き金ごまドレッシング</t>
  </si>
  <si>
    <t>こく味胡麻ドレッシング</t>
  </si>
  <si>
    <t>クリーミー金ごまドレッシング</t>
  </si>
  <si>
    <t>リッチテイスト金ごまドレッシング</t>
  </si>
  <si>
    <t>ごまドレッシングゆず果汁入り</t>
  </si>
  <si>
    <t>プラスシーザーサラダドレシング</t>
  </si>
  <si>
    <t>エスエスケイ</t>
  </si>
  <si>
    <t>エルドレッシング　シーザーサラダ</t>
  </si>
  <si>
    <t>キューピー　シーザーサラダドレッシング</t>
  </si>
  <si>
    <t>コクと旨みシーザーサラダドレッシング</t>
  </si>
  <si>
    <t>シーザークリーミードレッシング</t>
  </si>
  <si>
    <t>徳島_ｼｰｻﾞｰｻﾗﾀﾞﾄﾞﾚｯｼﾝｸﾞ_1L</t>
  </si>
  <si>
    <t>SSKｼｰｻﾞｰｻﾗﾀﾞﾄﾞﾚｯｼﾝｸﾞ490ＭＬ</t>
  </si>
  <si>
    <t>クリーミーシーザーサラダドレッシング</t>
  </si>
  <si>
    <t>イタリアンドレッシング１L</t>
  </si>
  <si>
    <t>イタリアンドレッシングベーコン入り</t>
  </si>
  <si>
    <t>徳島_ｲﾀﾘｱﾝﾄﾞﾚｯｼﾝｸﾞ_1L</t>
  </si>
  <si>
    <t>チョレギサラダあっさり塩</t>
  </si>
  <si>
    <t>フレンチ赤ドレッシング</t>
  </si>
  <si>
    <t>チョレギサラダのたれ</t>
  </si>
  <si>
    <t>980ml</t>
  </si>
  <si>
    <t>フレンチドレッシング赤</t>
  </si>
  <si>
    <t>キューピー　フレンチ白</t>
  </si>
  <si>
    <t>エルドレッシングフレンチ白</t>
  </si>
  <si>
    <t>エルドレッシング_フレンチ_赤</t>
  </si>
  <si>
    <t>ﾌﾙｰﾂﾋﾞﾈｶﾞｰﾄﾞﾚｯｼﾝｸﾞ</t>
  </si>
  <si>
    <t>すりおろしにんじんドレッシング</t>
  </si>
  <si>
    <t>具沢山ドレッシングトマト</t>
  </si>
  <si>
    <t>ｴﾙﾄﾞﾚﾌﾚﾝﾁ赤</t>
  </si>
  <si>
    <t>ｺｰﾙｽﾛｰﾄﾞﾚｯｼﾝｸﾞ</t>
  </si>
  <si>
    <t>ｾﾊﾟﾚｰﾄﾄﾞﾚｯｼﾝｸﾞ</t>
  </si>
  <si>
    <t>コブサラダドレッシング　1L</t>
  </si>
  <si>
    <t>タルタルクリームドレッシング</t>
  </si>
  <si>
    <t>フンドーキン_MILDフレンチドレ_420ml</t>
  </si>
  <si>
    <t>チーズ入りカレー風味ドレッシング</t>
  </si>
  <si>
    <t>アンチョビイタリアンドレッシング</t>
  </si>
  <si>
    <t>セパレートフレンチドレッシング</t>
  </si>
  <si>
    <t>950ml</t>
  </si>
  <si>
    <t>フレンチ白クリーミードレッシング</t>
  </si>
  <si>
    <t>フレンチ赤クリーミードレッシング</t>
  </si>
  <si>
    <t>チョレギたまねぎドレッシング</t>
  </si>
  <si>
    <t>サウザンアイランドドレ</t>
  </si>
  <si>
    <t>神戸サラダ壱番舘コールスロードレッシング</t>
  </si>
  <si>
    <t>キャベツドレッシング</t>
  </si>
  <si>
    <t>生野菜ドレッシング</t>
  </si>
  <si>
    <t>ディライトコールスロー</t>
  </si>
  <si>
    <t>クリーミーサウザンアイランドドレッシング</t>
  </si>
  <si>
    <t>アルハフレンチドレッシング赤</t>
  </si>
  <si>
    <t>アルハフレンチドレッシング白</t>
  </si>
  <si>
    <t>たまねぎと生姜の万能ドレッシング　２個セット</t>
  </si>
  <si>
    <t>ゆふいんの森和風ドレッシング_2個ｾｯﾄ</t>
  </si>
  <si>
    <t>九州産ネギ塩だれ</t>
  </si>
  <si>
    <t>明太子ドレッシング</t>
  </si>
  <si>
    <t>すりおろしｵﾆｵﾝﾄﾞﾚｯｼﾝｸﾞ</t>
  </si>
  <si>
    <t>和風ドレッシングデリシャス</t>
  </si>
  <si>
    <t>エルドレッシング和風</t>
  </si>
  <si>
    <t>和風ドレッシングごましょうゆ</t>
  </si>
  <si>
    <t>和風ドレッシング（ごましょうゆ）</t>
  </si>
  <si>
    <t>具沢山ドレッシングオニオン</t>
  </si>
  <si>
    <t>具沢山ドレッシング和風</t>
  </si>
  <si>
    <t>具沢山ドレッシング黒胡椒</t>
  </si>
  <si>
    <t>具沢山ドレッシングねぎ塩</t>
  </si>
  <si>
    <t>キューピー　和風ドレッシングごましょうゆ</t>
  </si>
  <si>
    <t>和風ﾄﾞﾚｯｼﾝｸﾞﾃﾞﾘｼｬｽ</t>
  </si>
  <si>
    <t>徳用和風ドレッシング</t>
  </si>
  <si>
    <t>おろし大根和風ドレッシング</t>
  </si>
  <si>
    <t>しょうゆドレッシング</t>
  </si>
  <si>
    <t>おろし和風ドレッシング</t>
  </si>
  <si>
    <t>6種の国産野菜和風ドレッシング</t>
  </si>
  <si>
    <t>あっさり和風国産玉ねぎドレッシング</t>
  </si>
  <si>
    <t>すっきり和風国産ゆずドレッシング</t>
  </si>
  <si>
    <t>和風国産おろし大根ドレッシング</t>
  </si>
  <si>
    <t>４２０ｍｌ</t>
  </si>
  <si>
    <t>柚子胡椒ドレッシング</t>
  </si>
  <si>
    <t>MCオニオンドレッシング</t>
  </si>
  <si>
    <t>和風玉葱ドレッシング</t>
  </si>
  <si>
    <t>サラダサポート　和風</t>
  </si>
  <si>
    <t>徳島_香味玉ねぎﾄﾞﾚｯｼﾝｸﾞ_1L</t>
  </si>
  <si>
    <t>徳島_和風ﾄﾞﾚｯｼﾝｸﾞ_1L</t>
  </si>
  <si>
    <t>ＳＳＫ_プラスサラダノンオイル具たっぷりたまねぎ　４９０ｍｌ</t>
  </si>
  <si>
    <t>プラスサラダ和風たまねぎドレシング</t>
  </si>
  <si>
    <t>味かおる和風たまねぎドレッシング</t>
  </si>
  <si>
    <t>たまねぎと生姜の万能ドレッシング</t>
  </si>
  <si>
    <t>ゆずみそドレッシング</t>
  </si>
  <si>
    <t>ドレッシング和風しょうゆ</t>
  </si>
  <si>
    <t>神戸サラダ壱番館和風ドレッシング合わせ味</t>
  </si>
  <si>
    <t>ｹﾝｺｰ</t>
  </si>
  <si>
    <t>すりおろしわさびドレッシング</t>
  </si>
  <si>
    <t>神戸壱番館和風しょうゆドレッシング</t>
  </si>
  <si>
    <t>ゆずしょうゆ味和風ドレッシング</t>
  </si>
  <si>
    <t>盛田淡路島産たまねぎのドレッシング500ml</t>
  </si>
  <si>
    <t>ハピアドレッシングオニオンしょうゆ味</t>
  </si>
  <si>
    <t>ノンオイル＆ノンコレ焙煎ごまドレ</t>
  </si>
  <si>
    <t>オイルフリー　焙煎ごま</t>
  </si>
  <si>
    <t>ノンオイル焙煎ごまドレッシング</t>
  </si>
  <si>
    <t>ノンオイル焙煎ごまドレ</t>
  </si>
  <si>
    <t>野菜のドレス青じそ業務用</t>
  </si>
  <si>
    <t>ノンオイル青じそドレ</t>
  </si>
  <si>
    <t>ノンオイル国産の青じそドレッシング</t>
  </si>
  <si>
    <t>ノンオイル青じそドレ業務用</t>
  </si>
  <si>
    <t>徳島_青じそﾄﾞﾚｯｼﾝｸﾞ_1L</t>
  </si>
  <si>
    <t>S-LINEノンオイルドレ青じそ</t>
  </si>
  <si>
    <t>おろしノンオイル青じそ</t>
  </si>
  <si>
    <t>野菜のドレスクリーミーごま業務用</t>
  </si>
  <si>
    <t>プラスサラダノンオイル具たっぷりたまねぎ</t>
  </si>
  <si>
    <t>野菜のドレス和風たまねぎ業務用</t>
  </si>
  <si>
    <t>ﾉﾝｵｲﾙﾄﾞﾚｯｼﾝｸﾞ香味和風</t>
  </si>
  <si>
    <t>ﾉﾝｵｲﾙﾄﾞﾚｯｼﾝｸﾞ梅づくし</t>
  </si>
  <si>
    <t>ノンオイル香味野菜</t>
  </si>
  <si>
    <t>ノンオイル　ゆずこしょう</t>
  </si>
  <si>
    <t>ノンオイル　ごまと香味野菜</t>
  </si>
  <si>
    <t>ノンオイル　梅づくし</t>
  </si>
  <si>
    <t>ノンオイル和風香味野菜</t>
  </si>
  <si>
    <t>ノンオイル　梅ドレ</t>
  </si>
  <si>
    <t>ノンオイル　玉ねぎドレッシング</t>
  </si>
  <si>
    <t>ノンオイル国産玉ねぎドレ</t>
  </si>
  <si>
    <t>420ML</t>
  </si>
  <si>
    <t>ノンオイル国産玉ねぎドレッシング</t>
  </si>
  <si>
    <t>理研　うま塩ドレ</t>
  </si>
  <si>
    <t>リケンのノンオイル　くせになるうま塩　５００ｍｌ</t>
  </si>
  <si>
    <t>くばらキャベツのうまたれ</t>
  </si>
  <si>
    <t>ノンオイルゆずドレッシング</t>
  </si>
  <si>
    <t>低ｶﾛﾘｰﾉﾝｵｲﾙﾄﾞﾚ玉ねぎ</t>
  </si>
  <si>
    <t>ｹﾝｺｰ_低ｶﾛﾘｰﾉﾝｵｲﾙﾄﾞﾚ柚子ｺｼｮｳ500ML</t>
  </si>
  <si>
    <t>トリプルバランスノンオイルたまねぎ</t>
  </si>
  <si>
    <t>ノンオイル柚子こしょうドレッシング</t>
  </si>
  <si>
    <t>アマニオイルドレッシング</t>
  </si>
  <si>
    <t>フライドオニオン3個セット</t>
  </si>
  <si>
    <t>サラダフライドオニオン</t>
  </si>
  <si>
    <t>MCフライドオニオン</t>
  </si>
  <si>
    <t>パットフッテフライドオニオン＆ナッツ</t>
  </si>
  <si>
    <t>アジョイン</t>
  </si>
  <si>
    <t>ｱｼﾞｮｲﾝ</t>
  </si>
  <si>
    <t>クルトン　(業務用)（ポルトガル産）</t>
  </si>
  <si>
    <t>クルトン（ガーリック味）</t>
  </si>
  <si>
    <t>カリカリチーズクルトン</t>
  </si>
  <si>
    <t>サラダクラブ3色のベジクルトン</t>
  </si>
  <si>
    <t>サラダットピングクルトン</t>
  </si>
  <si>
    <t>クルトン＆パプリカチップ</t>
  </si>
  <si>
    <t>クルトンガーリック＆ハーブ</t>
  </si>
  <si>
    <t>北海道コーンホール</t>
  </si>
  <si>
    <t>スイートコーン北海道産</t>
  </si>
  <si>
    <t>５種類のビーンズ</t>
  </si>
  <si>
    <t>レンズ豆＆ひよこ豆</t>
  </si>
  <si>
    <t>うずらの卵</t>
  </si>
  <si>
    <t>うずら卵水煮SP</t>
  </si>
  <si>
    <t>7個入</t>
  </si>
  <si>
    <t>農産素材</t>
  </si>
  <si>
    <t>大豆北海道産</t>
  </si>
  <si>
    <t>にんじんのﾏﾘﾈ(ｵﾚﾝｼﾞ風味)</t>
  </si>
  <si>
    <t>10種ミックス豆と穀物</t>
  </si>
  <si>
    <t>玄米ミックス（玄米、もち玄米、押麦）</t>
  </si>
  <si>
    <t>和豆ミックス青大豆､白いんげん豆､きんとき豆</t>
  </si>
  <si>
    <t>３種の麦ミックス　キヌアと黒米入</t>
  </si>
  <si>
    <t>大豆ミートミックス</t>
  </si>
  <si>
    <t>チキンささみほぐし肉</t>
  </si>
  <si>
    <t>サラダクラブレッドキドニー</t>
  </si>
  <si>
    <t>サラダクラブミックスビーンズ</t>
  </si>
  <si>
    <t>バンドンマツシユル－ムＰ．Ｓ</t>
  </si>
  <si>
    <t>ｻﾗﾀﾞｸﾗﾌﾞ</t>
  </si>
  <si>
    <t>サラダクラブアスパラガス</t>
  </si>
  <si>
    <t>ほぐしサラダチキン　プレーン</t>
  </si>
  <si>
    <t>ほぐしサラダチキン　ハーブ</t>
  </si>
  <si>
    <t>ﾏｺ-ﾐﾂｸ</t>
  </si>
  <si>
    <t>ベーコンフレーバービッツ</t>
  </si>
  <si>
    <t>ﾍﾞｰｺｽ</t>
  </si>
  <si>
    <t>大豆と玄米のベジフィレ</t>
  </si>
  <si>
    <t>マイセン</t>
  </si>
  <si>
    <t>ﾏｲｾﾝ</t>
  </si>
  <si>
    <t>大豆と玄米ベジミンチ</t>
  </si>
  <si>
    <t>万能バーニャカウダソース</t>
  </si>
  <si>
    <t>ブレスド・フーズ・ジャパン</t>
  </si>
  <si>
    <t>ﾌﾞﾚｽﾄﾞﾌｰｽﾞ</t>
  </si>
  <si>
    <t>アメリカンチョップドピクルス</t>
  </si>
  <si>
    <t>チーズアラカルトチーズフォンデュ</t>
  </si>
  <si>
    <t>チーズアラカルトアリゴ</t>
  </si>
  <si>
    <t>お野菜シェイク_ベーコンポテト風味</t>
  </si>
  <si>
    <t>エバラ　お野菜シェイク</t>
  </si>
  <si>
    <t>4g×6</t>
  </si>
  <si>
    <t>共立食品　CH　フルーツビッツ　60g</t>
  </si>
  <si>
    <t>プロッシモ_ミニラスク_プレーン</t>
  </si>
  <si>
    <t>サラダクラブひじき</t>
  </si>
  <si>
    <t>サラダソルト　レモン_オレンジＭＩＸ</t>
  </si>
  <si>
    <t>サラダソルトバジルオレガノMIX</t>
  </si>
  <si>
    <t>サラダクラブライトツナフレーク</t>
  </si>
  <si>
    <t>サラダ麺_醤油だれ</t>
  </si>
  <si>
    <t>サラダ麺_中華風ごまだれ</t>
  </si>
  <si>
    <t>サラダアーモンド</t>
  </si>
  <si>
    <t>パリパリサラダ麺</t>
  </si>
  <si>
    <t>パリパリサラダ麺小分けタイプ</t>
  </si>
  <si>
    <t>20GX3</t>
  </si>
  <si>
    <t>４種の彩りサラダ麺</t>
  </si>
  <si>
    <t>サクサクサラダ太麺</t>
  </si>
  <si>
    <t>野菜宣言サラダ麺チキン風味</t>
  </si>
  <si>
    <t>野菜宣言サラダ麺チョレギ風味</t>
  </si>
  <si>
    <t>やさしいおからサラダ麺</t>
  </si>
  <si>
    <t>トルティーヤサラダセット</t>
  </si>
  <si>
    <t>アボカドディップソース</t>
  </si>
  <si>
    <t>野菜がおいしいメキシカンサラダセット</t>
  </si>
  <si>
    <t>やみつきサラダセット背徳の焦がしにんにく豚骨味</t>
  </si>
  <si>
    <t>やみつきサラダセット背徳のピリ辛ラー油味</t>
  </si>
  <si>
    <t>トッピングチーズスプリンクル</t>
  </si>
  <si>
    <t>トッピングフルーツミックス</t>
  </si>
  <si>
    <t>トッピングチーズ</t>
  </si>
  <si>
    <t>トッピングワサビ風味</t>
  </si>
  <si>
    <t>ベーコンフレーバードビッツ</t>
  </si>
  <si>
    <t>ベーコンフレバービッツ</t>
  </si>
  <si>
    <t>マコーミック　フライドガーリック</t>
  </si>
  <si>
    <t>フルーツナッツミックス</t>
  </si>
  <si>
    <t>無限サラダシーザー風味</t>
  </si>
  <si>
    <t>無限サラダ和風ごま味</t>
  </si>
  <si>
    <t>無限サラダ黒酢オニオン味</t>
  </si>
  <si>
    <t>無限サラダチョレギ</t>
  </si>
  <si>
    <t>大人のパリ麺サラダ用セット</t>
  </si>
  <si>
    <t>パットフッテフライドオニオン＆五穀と梅じゃこ</t>
  </si>
  <si>
    <t>ケチャップ</t>
  </si>
  <si>
    <t>プレミアムケチャップ　食塩無添加　３００ｇ</t>
  </si>
  <si>
    <t>ライフプロモート</t>
  </si>
  <si>
    <t>ﾊﾟﾊﾟ</t>
  </si>
  <si>
    <t>甘さ控えめカロリーハーフケチャップ</t>
  </si>
  <si>
    <t>濃厚リコピントマトケチャップ</t>
  </si>
  <si>
    <t>ケチャップハーフ</t>
  </si>
  <si>
    <t>家族想いの食塩無添加ケチャップハーフ</t>
  </si>
  <si>
    <t>コーミトマトケチャップ特級500gチューブ</t>
  </si>
  <si>
    <t>自然万歳トマトケチャップ</t>
  </si>
  <si>
    <t>ケチャップ食塩無添加</t>
  </si>
  <si>
    <t>ケチャップソースハーフ</t>
  </si>
  <si>
    <t>有機トマトケチャップ</t>
  </si>
  <si>
    <t>光食品</t>
  </si>
  <si>
    <t>安心安全</t>
  </si>
  <si>
    <t>トマトケチャッププレミアム</t>
  </si>
  <si>
    <t>トマトケチャップホット</t>
  </si>
  <si>
    <t>トマトケチャップエキスト</t>
  </si>
  <si>
    <t>カゴメ　オーガニックケチャップ</t>
  </si>
  <si>
    <t>ケチャップ熟つぶブレンド</t>
  </si>
  <si>
    <t>つぶつぶ元気ケチャップ</t>
  </si>
  <si>
    <t>熟つぶブレンドケチャップ</t>
  </si>
  <si>
    <t>チリホットケチャップ</t>
  </si>
  <si>
    <t>有機トマト使用ケチャップ</t>
  </si>
  <si>
    <t>スパイシーモーニングケチャップ</t>
  </si>
  <si>
    <t>大人のトマトケチャップ</t>
  </si>
  <si>
    <t>トマトケチャップあらごし</t>
  </si>
  <si>
    <t>かけトマ</t>
  </si>
  <si>
    <t>熟つぶケチャップ</t>
  </si>
  <si>
    <t>高リコピントマト使用ケチャップ</t>
  </si>
  <si>
    <t>洋食店のケチャップ</t>
  </si>
  <si>
    <t>愛知県産トマト使用トマトケチャップ</t>
  </si>
  <si>
    <t>有機栽培トマトケチャップ</t>
  </si>
  <si>
    <t>有機トマトケチャップ食塩不使用</t>
  </si>
  <si>
    <t>ホットケチャップ</t>
  </si>
  <si>
    <t>ケチャップつぶ野菜入り</t>
  </si>
  <si>
    <t>965g</t>
  </si>
  <si>
    <t>国産つぶ野菜入りケチャップ</t>
  </si>
  <si>
    <t>ナガノトマト　子どもと食べたいつぶ野菜入りケチャップ　２９５ｇ</t>
  </si>
  <si>
    <t>つぶつぶ野菜入りケチャップ</t>
  </si>
  <si>
    <t>長野県産ケチャップ</t>
  </si>
  <si>
    <t>ベジタブルリッチケチャップ</t>
  </si>
  <si>
    <t>国産トマトケチャップ</t>
  </si>
  <si>
    <t>トマトケチャップリコピンリッチ</t>
  </si>
  <si>
    <t>国産完熟トマトケチャップ</t>
  </si>
  <si>
    <t>285G</t>
  </si>
  <si>
    <t>高橋ソース</t>
  </si>
  <si>
    <t>ﾀｶﾊｼｿｰｽ</t>
  </si>
  <si>
    <t>小容量</t>
  </si>
  <si>
    <t>トマトケチャップ逆さボトル</t>
  </si>
  <si>
    <t>旨辛ホットチリケチャップ</t>
  </si>
  <si>
    <t>スパイシーカリーケチャップ</t>
  </si>
  <si>
    <t>世界の畑のトマトケチャップ</t>
  </si>
  <si>
    <t>オムライス好きのケチャップ</t>
  </si>
  <si>
    <t>プロも認めた味わいトマトケチャップ</t>
  </si>
  <si>
    <t>デルモンテキティーケチャップ</t>
  </si>
  <si>
    <t>バルサミコケチャップパウチタイプ</t>
  </si>
  <si>
    <t>シラチャーケチャップパウチタイプ</t>
  </si>
  <si>
    <t>ピクルス味ケチャップ</t>
  </si>
  <si>
    <t>トマトケチャップデイリー</t>
  </si>
  <si>
    <t>760g×2</t>
  </si>
  <si>
    <t>トマトケチャップ_デイリー_3個ｾｯﾄ</t>
  </si>
  <si>
    <t>760g*3</t>
  </si>
  <si>
    <t>トマトケチャップ業務用</t>
  </si>
  <si>
    <t>トマトケチャップミニアルミ</t>
  </si>
  <si>
    <t>8g*100</t>
  </si>
  <si>
    <t>マイルドトマトケチャップ</t>
  </si>
  <si>
    <t>リコピンリッチトマトケチャップPRO</t>
  </si>
  <si>
    <t>760g</t>
  </si>
  <si>
    <t>トマトケチャップForDaily</t>
  </si>
  <si>
    <t>トマトケチャップ特1号</t>
  </si>
  <si>
    <t>3330g</t>
  </si>
  <si>
    <t>ケチャップ業務用</t>
  </si>
  <si>
    <t>トマトケチャップバリュボトル</t>
  </si>
  <si>
    <t>トマトケチャップマイルド</t>
  </si>
  <si>
    <t>1020g</t>
  </si>
  <si>
    <t>トマトケッチャップ</t>
  </si>
  <si>
    <t>中容量</t>
  </si>
  <si>
    <t>ABCケチャップマニス</t>
  </si>
  <si>
    <t>ABC</t>
  </si>
  <si>
    <t>382g</t>
  </si>
  <si>
    <t>トマトケチャップ500g2個セット</t>
  </si>
  <si>
    <t>トマトケチャップ500g3本セット</t>
  </si>
  <si>
    <t>トマトケチャップ4本セット</t>
  </si>
  <si>
    <t>トマトケチャップ5個セット</t>
  </si>
  <si>
    <t>ポムの樹のトマトケチャップポムケチャップ</t>
  </si>
  <si>
    <t>ポムフード</t>
  </si>
  <si>
    <t>ﾎﾟﾑﾌｰﾄﾞ</t>
  </si>
  <si>
    <t>カレーケチャップ</t>
  </si>
  <si>
    <t>フラット・クラフト</t>
  </si>
  <si>
    <t>ﾌﾗｯﾄｸﾗﾌﾄ</t>
  </si>
  <si>
    <t>太陽ケチャップ極</t>
  </si>
  <si>
    <t>太陽食品工業</t>
  </si>
  <si>
    <t>太陽トマトケチャップ</t>
  </si>
  <si>
    <t>スイートチリソース</t>
  </si>
  <si>
    <t>チリソース</t>
  </si>
  <si>
    <t>キングトムケチャップCLASSIC</t>
  </si>
  <si>
    <t>キングトムケチャップHOTCHILI</t>
  </si>
  <si>
    <t>トマトケチャップチューブ</t>
  </si>
  <si>
    <t>トマトケチャップJAS特級</t>
  </si>
  <si>
    <t>お絵かきケチャップ</t>
  </si>
  <si>
    <t>ハラペーニョケチャップ</t>
  </si>
  <si>
    <t>トマトケチャップパウチタイプ</t>
  </si>
  <si>
    <t>パスカルトマトケチャップ</t>
  </si>
  <si>
    <t>アモラホットケチャップ</t>
  </si>
  <si>
    <t>お弁当</t>
  </si>
  <si>
    <t>トマトケチャップカップ</t>
  </si>
  <si>
    <t>20g*40</t>
  </si>
  <si>
    <t>トマトケチャップパウチ</t>
  </si>
  <si>
    <t>ナガノケチャップハーフ鉄分プラス</t>
  </si>
  <si>
    <t>デリシャスライトケチャップ</t>
  </si>
  <si>
    <t>夏のスペシャルセット</t>
  </si>
  <si>
    <t>ポークチャップの素</t>
  </si>
  <si>
    <t>具入りケチャップ</t>
  </si>
  <si>
    <t>低価格</t>
  </si>
  <si>
    <t>特級ケチャップ</t>
  </si>
  <si>
    <t>ハグルマケチャップ</t>
  </si>
  <si>
    <t>トマト加工品</t>
  </si>
  <si>
    <t>サルサ</t>
  </si>
  <si>
    <t>サルサ　瓶</t>
  </si>
  <si>
    <t>ハバネロＨＯＴペッパー</t>
  </si>
  <si>
    <t>88ml</t>
  </si>
  <si>
    <t>ﾙｲｼﾞｱﾅ</t>
  </si>
  <si>
    <t>ホットチリサルサ</t>
  </si>
  <si>
    <t>454g</t>
  </si>
  <si>
    <t>ｶｻﾌｨｴｽﾀ</t>
  </si>
  <si>
    <t>マイルドサルサ</t>
  </si>
  <si>
    <t>ハバネロソースHOT</t>
  </si>
  <si>
    <t>148ml</t>
  </si>
  <si>
    <t>ﾏﾘ-ｼｬ-ﾌﾟｽ</t>
  </si>
  <si>
    <t>メキシチョイス　サルサソース（マイルド）</t>
  </si>
  <si>
    <t>メキシチョイス　サルサソース（ホット）</t>
  </si>
  <si>
    <t>カサフィエスタタコシーズニングミックス</t>
  </si>
  <si>
    <t>パスタ＆ピザソース</t>
  </si>
  <si>
    <t>パスタ＆ピザソースバジル</t>
  </si>
  <si>
    <t>パスタ＆ピザソースガーリック</t>
  </si>
  <si>
    <t>ホットスイートチリソース</t>
  </si>
  <si>
    <t>トマト　ピザソースガーリック</t>
  </si>
  <si>
    <t>トマト　ホットスイートチリソース</t>
  </si>
  <si>
    <t>鶏肉とキャベツのトマトチーズタッカルビ用</t>
  </si>
  <si>
    <t>豚肉ときのこのトマト炒め煮用ソース</t>
  </si>
  <si>
    <t>レンジで簡単トマトソース</t>
  </si>
  <si>
    <t>チリソース_瓶_210G</t>
  </si>
  <si>
    <t>豚肉となすのトマト味噌炒め</t>
  </si>
  <si>
    <t>旨みぎゅっと_ﾄｯﾋﾟﾝｸﾞﾄﾏﾄ</t>
  </si>
  <si>
    <t>完熟トマトピザソース</t>
  </si>
  <si>
    <t>完熟トマトのピザソース</t>
  </si>
  <si>
    <t>まぜて１分　チキンライス用ソース</t>
  </si>
  <si>
    <t>かけるﾄﾏﾄ_ﾄﾏﾄ＆ﾊﾞｼﾞﾙ</t>
  </si>
  <si>
    <t>ちょっと使いのトマトソース</t>
  </si>
  <si>
    <t>トマト＆あらびきマスタードＤＰ</t>
  </si>
  <si>
    <t>ソース倶楽部　トマト</t>
  </si>
  <si>
    <t>タバスコピザトースト6P</t>
  </si>
  <si>
    <t>具入りケチャッピー</t>
  </si>
  <si>
    <t>サルサソース</t>
  </si>
  <si>
    <t>子どもと食べたいつぶ野菜入りピザソース</t>
  </si>
  <si>
    <t>ピザーラピザトーストソース</t>
  </si>
  <si>
    <t>冷しゃぶＤ　コクとうまみ中華</t>
  </si>
  <si>
    <t>ユフインノモリワフウアジ</t>
  </si>
  <si>
    <t>挽きたて焙煎ドレッシング</t>
  </si>
  <si>
    <t>かぼちゃドレッシング</t>
  </si>
  <si>
    <t>ピザトーストソース</t>
  </si>
  <si>
    <t>スイートチリソースチューブ</t>
  </si>
  <si>
    <t>ゴマミソドレッシング</t>
  </si>
  <si>
    <t>シソドレッシング</t>
  </si>
  <si>
    <t>ハラペーニョ</t>
  </si>
  <si>
    <t>ガーリックソース</t>
  </si>
  <si>
    <t>タバスコペパーソース</t>
  </si>
  <si>
    <t>タバスコハバネロソース</t>
  </si>
  <si>
    <t>チポートレイ　ペッパーソース</t>
  </si>
  <si>
    <t>チリーズ</t>
  </si>
  <si>
    <t>チリーズ青唐辛子</t>
  </si>
  <si>
    <t>つぶつぶ刻み野菜入りピザソース</t>
  </si>
  <si>
    <t>つぶつぶ刻み野菜入りサルサソース</t>
  </si>
  <si>
    <t>サンタマリアサルサディップミディアム</t>
  </si>
  <si>
    <t>ウィズメタックフーズ</t>
  </si>
  <si>
    <t>ｳｨｽﾞﾒﾀｯｸ</t>
  </si>
  <si>
    <t>サンタマリアサルサディップホット</t>
  </si>
  <si>
    <t>チャンキートマトサルサディップマイルド</t>
  </si>
  <si>
    <t>チャンキートマトサルサディップホット</t>
  </si>
  <si>
    <t>オールドエルパソタコシェル</t>
  </si>
  <si>
    <t>オールドエルパソタコスキット</t>
  </si>
  <si>
    <t>オールドエルパソチャンキートマトサルサディップマイルド</t>
  </si>
  <si>
    <t>オールドエルパソチャンキートマトサルサディップミディアム</t>
  </si>
  <si>
    <t>ﾆｼﾓﾄﾎﾞｳｴｷ</t>
  </si>
  <si>
    <t>オールドエルパソフラワートルティーヤ</t>
  </si>
  <si>
    <t>トマト＆バジルソース</t>
  </si>
  <si>
    <t>プリマヴェーラソース</t>
  </si>
  <si>
    <t>サンドライ　トマトソース</t>
  </si>
  <si>
    <t>まかせてトマト</t>
  </si>
  <si>
    <t>ﾋｶﾘｼｮｳ</t>
  </si>
  <si>
    <t>サーモンのトマトチーズ煮トマトパッツァ用</t>
  </si>
  <si>
    <t>洋食屋さんの炒めるケチャップ</t>
  </si>
  <si>
    <t>トマト野菜のスープベース</t>
  </si>
  <si>
    <t>基本のトマトソース</t>
  </si>
  <si>
    <t>煮込み用トマトソース</t>
  </si>
  <si>
    <t>鶏肉のトマト煮用ソース</t>
  </si>
  <si>
    <t>たっぷり野菜のミネストローネ用ソース</t>
  </si>
  <si>
    <t>3種の豆と手羽の煮込み用ソース</t>
  </si>
  <si>
    <t>シチューのためのトマトソース</t>
  </si>
  <si>
    <t>ロールキャベツ用ソース</t>
  </si>
  <si>
    <t>基本のトマトソースパウチ</t>
  </si>
  <si>
    <t>煮込みハンバーグ用ソース</t>
  </si>
  <si>
    <t>タコライスソース</t>
  </si>
  <si>
    <t>鶏肉のトマト煮用</t>
  </si>
  <si>
    <t>完熟トマトの煮込みハンバーグ</t>
  </si>
  <si>
    <t>完熟トマトのミネストローネ</t>
  </si>
  <si>
    <t>トマト料理の素</t>
  </si>
  <si>
    <t>煮込みハンバーグソース</t>
  </si>
  <si>
    <t>ミネストローネ用ソース</t>
  </si>
  <si>
    <t>ハヤシライス用ソース</t>
  </si>
  <si>
    <t>基本のトマトソース　紙パウチ</t>
  </si>
  <si>
    <t>巻かないロールキャベツ用ソース</t>
  </si>
  <si>
    <t>トマトパッツァ用ソース</t>
  </si>
  <si>
    <t>濃厚仕立てのトマトソース</t>
  </si>
  <si>
    <t>旅するトマト　パエリア用ソース</t>
  </si>
  <si>
    <t>旅するトマトタコライス用ソース</t>
  </si>
  <si>
    <t>５種の野菜のピザソース</t>
  </si>
  <si>
    <t>トマトソーストマト＆ガーリック</t>
  </si>
  <si>
    <t>トマトソーストマト＆バジル</t>
  </si>
  <si>
    <t>リコピンリッチトマトソース</t>
  </si>
  <si>
    <t>基本の完熟トマトソース</t>
  </si>
  <si>
    <t>煮込み用完熟トマト</t>
  </si>
  <si>
    <t>鶏肉トマト煮込みソース</t>
  </si>
  <si>
    <t>トマト煮込ハンバーグソース</t>
  </si>
  <si>
    <t>ちょっだけトマトソース</t>
  </si>
  <si>
    <t>トマトソース缶</t>
  </si>
  <si>
    <t>ロールキャベツトマト煮ソース</t>
  </si>
  <si>
    <t>ブラウングレイビーミックス</t>
  </si>
  <si>
    <t>完熟荒ごしトマト</t>
  </si>
  <si>
    <t>スリラチャの赤備え</t>
  </si>
  <si>
    <t>517g</t>
  </si>
  <si>
    <t>サンフレッシュ</t>
  </si>
  <si>
    <t>ｻﾝﾌﾚｯｼｭ</t>
  </si>
  <si>
    <t>ベースソース２号缶</t>
  </si>
  <si>
    <t>サルサピリカラ</t>
  </si>
  <si>
    <t>トマトガーリックソース</t>
  </si>
  <si>
    <t>トマみそ（ディップソース）</t>
  </si>
  <si>
    <t>ピザソース2号缶</t>
  </si>
  <si>
    <t>スパニッシュ　ブラバスソース</t>
  </si>
  <si>
    <t>アオノドウクツホールトマト</t>
  </si>
  <si>
    <t>デルモンテ　ピザソース　２７ｇＸ６</t>
  </si>
  <si>
    <t>27gｶｹﾙ6</t>
  </si>
  <si>
    <t>ｷｯｺ-ﾏﾝｼｮｸﾋ</t>
  </si>
  <si>
    <t>パスタヤ　トマトソース</t>
  </si>
  <si>
    <t>タツヤ・カワゴエトマトソースキャラメリーゼ・オニオン＆黒胡椒</t>
  </si>
  <si>
    <t>サンタマリアタコソースマイルド</t>
  </si>
  <si>
    <t>ｳｨｽﾞﾒﾀｯｸﾌｰ</t>
  </si>
  <si>
    <t>サンタマリアタコソースホット</t>
  </si>
  <si>
    <t>トマト＆バジルペースト</t>
  </si>
  <si>
    <t>素材製品</t>
  </si>
  <si>
    <t>ピューレペースト</t>
  </si>
  <si>
    <t>モッツ　クラマト　トマトカクテル</t>
  </si>
  <si>
    <t>１６３ｍｌ</t>
  </si>
  <si>
    <t>ｽﾞｽﾞｼｮｳ</t>
  </si>
  <si>
    <t>トマトノピューレ</t>
  </si>
  <si>
    <t>トマトピューレ</t>
  </si>
  <si>
    <t>トマトペースト2倍濃縮</t>
  </si>
  <si>
    <t>ムッティ</t>
  </si>
  <si>
    <t>ホールトマト缶ピューレー</t>
  </si>
  <si>
    <t>トマトペースト_ノーマル缶</t>
  </si>
  <si>
    <t>トマトピューレー_ノーマル缶</t>
  </si>
  <si>
    <t>甘熟あらごしトマト</t>
  </si>
  <si>
    <t>濃厚あらごしトマト</t>
  </si>
  <si>
    <t>トマトピューレパウチ</t>
  </si>
  <si>
    <t>トマトペーストミニパック</t>
  </si>
  <si>
    <t>18g×6P</t>
  </si>
  <si>
    <t>トマトペースト</t>
  </si>
  <si>
    <t>基本のラタトゥイユ用ソース</t>
  </si>
  <si>
    <t>トマトピューレー</t>
  </si>
  <si>
    <t>プロッシモカットトマト</t>
  </si>
  <si>
    <t>有機トマトピューレ</t>
  </si>
  <si>
    <t>有機パッサータ・ルスティカ</t>
  </si>
  <si>
    <t>日欧商事ソルレオーネパッサータテトラ</t>
  </si>
  <si>
    <t>アルチェネロ有機トマトピューレ</t>
  </si>
  <si>
    <t>オールドエルパソシック＆チャンキーサルサマイルド</t>
  </si>
  <si>
    <t>ホールトマトカットトマト</t>
  </si>
  <si>
    <t>イタリアンあらごしトマト</t>
  </si>
  <si>
    <t>カンジュクアラゴシトマト</t>
  </si>
  <si>
    <t>ファインカットトマト</t>
  </si>
  <si>
    <t>ホールトマト缶</t>
  </si>
  <si>
    <t>ｶｰｻｲﾀﾘｱ</t>
  </si>
  <si>
    <t>カットトマト缶</t>
  </si>
  <si>
    <t>完熟カットトマト</t>
  </si>
  <si>
    <t>イタリア産完熟カットトマト</t>
  </si>
  <si>
    <t>イタリア産　ホールトマト缶</t>
  </si>
  <si>
    <t>ｹﾞｽﾄｸﾗｼｺ</t>
  </si>
  <si>
    <t>イタリア産　カットトマト缶</t>
  </si>
  <si>
    <t>イタリア産カットトマトケース</t>
  </si>
  <si>
    <t>400g×24個入</t>
  </si>
  <si>
    <t>Ｓｏｆｉａ　完熟カットトマト　４００ｇ　４個セット</t>
  </si>
  <si>
    <t>４個セット</t>
  </si>
  <si>
    <t>SARA完熟カットトマト400g4個セット</t>
  </si>
  <si>
    <t>完熟カットトマト5個セット</t>
  </si>
  <si>
    <t>ホールトマト缶4個セット</t>
  </si>
  <si>
    <t>カットトマトEO缶4個セット</t>
  </si>
  <si>
    <t>カットトマト４缶セット</t>
  </si>
  <si>
    <t>400g×4P</t>
  </si>
  <si>
    <t>トマティーナカットトマト缶４缶セット</t>
  </si>
  <si>
    <t>4缶セット</t>
  </si>
  <si>
    <t>トマティーナ_カットトマト缶_4個ｾｯﾄ</t>
  </si>
  <si>
    <t>イタリアンカットトマト_4個ｾｯﾄ</t>
  </si>
  <si>
    <t>400g*4</t>
  </si>
  <si>
    <t>400g×4</t>
  </si>
  <si>
    <t>Sofia</t>
  </si>
  <si>
    <t>完熟ホールトマト</t>
  </si>
  <si>
    <t>ベッロロッソカットトマト</t>
  </si>
  <si>
    <t>ベッロロッソ　ホールトマト</t>
  </si>
  <si>
    <t>ホールトマト</t>
  </si>
  <si>
    <t>カットトマト紙パック</t>
  </si>
  <si>
    <t>朝日カットトマトピューレーづけ</t>
  </si>
  <si>
    <t>カットトマトジュースづけ</t>
  </si>
  <si>
    <t>ホールトマトジュースづけ</t>
  </si>
  <si>
    <t>ｼｶﾑ</t>
  </si>
  <si>
    <t>ホールトマトケース</t>
  </si>
  <si>
    <t>24缶</t>
  </si>
  <si>
    <t>カットトマトケース</t>
  </si>
  <si>
    <t>ｻﾙｻﾃｨ</t>
  </si>
  <si>
    <t>ｻﾝﾊﾟｵﾘｰﾅ</t>
  </si>
  <si>
    <t>チョップトマト缶</t>
  </si>
  <si>
    <t>トゥーバ完熟カットトマト</t>
  </si>
  <si>
    <t>ﾄｩｰﾊﾞﾄﾚｰﾃﾞ</t>
  </si>
  <si>
    <t>完熟カットトマト缶</t>
  </si>
  <si>
    <t>ﾄｩﾊﾞﾄﾚﾃﾞｨﾝ</t>
  </si>
  <si>
    <t>完熟ホールトマト缶</t>
  </si>
  <si>
    <t>お料理用トマト（イタリア産）</t>
  </si>
  <si>
    <t>ホールイタリア産1号缶</t>
  </si>
  <si>
    <t>2550g</t>
  </si>
  <si>
    <t>カットイタリア産1号缶</t>
  </si>
  <si>
    <t>イタリア産ホールトマト缶</t>
  </si>
  <si>
    <t>イタリア産カットトマト缶</t>
  </si>
  <si>
    <t>ホールトマト_イタリア産</t>
  </si>
  <si>
    <t>ダイストマト_イタリア産</t>
  </si>
  <si>
    <t>2500g</t>
  </si>
  <si>
    <t>カットトマト　紙パウチ</t>
  </si>
  <si>
    <t>荒くつぶしたトマト</t>
  </si>
  <si>
    <t>イタリアの畑からていねいにつくったトマトソース</t>
  </si>
  <si>
    <t>デルモンテ完熟カットトマト</t>
  </si>
  <si>
    <t>デルモンテ_ホールトマト</t>
  </si>
  <si>
    <t>デルモンテ_カットトマト</t>
  </si>
  <si>
    <t>完熟あらごしトマト</t>
  </si>
  <si>
    <t>トマトホール</t>
  </si>
  <si>
    <t>ホールトマト缶詰</t>
  </si>
  <si>
    <t>ﾊﾟﾝｸﾗﾁｵ</t>
  </si>
  <si>
    <t>カットトマト缶詰</t>
  </si>
  <si>
    <t>トマティーナホールトマト缶</t>
  </si>
  <si>
    <t>トマティーナカットトマト缶</t>
  </si>
  <si>
    <t>イタリアンホールトマト</t>
  </si>
  <si>
    <t>イタリアンカットトマト</t>
  </si>
  <si>
    <t>ホールトマト　缶</t>
  </si>
  <si>
    <t>モンテベッロ　ダッテリーニトマト　缶</t>
  </si>
  <si>
    <t>モンテベッロ　ダイストマト　缶　有機</t>
  </si>
  <si>
    <t>パッサータルスティカ</t>
  </si>
  <si>
    <t>イタリアサンカットトマト</t>
  </si>
  <si>
    <t>カットトマト　テトラ</t>
  </si>
  <si>
    <t>イタリアサンホールトマト</t>
  </si>
  <si>
    <t>ジェンティーレ　ホールトマト</t>
  </si>
  <si>
    <t>ｼﾞｪﾝﾃｨｰﾚ</t>
  </si>
  <si>
    <t>ジェンティーレ_カットトマト</t>
  </si>
  <si>
    <t>タイタンカットトマト</t>
  </si>
  <si>
    <t>ﾀｲﾀﾝ</t>
  </si>
  <si>
    <t>ホールトマトＥＯ</t>
  </si>
  <si>
    <t>ベッロロッソカットトマト缶</t>
  </si>
  <si>
    <t>ベッロロッソホールトマト缶</t>
  </si>
  <si>
    <t>ヴォラヴィアカットトマト缶</t>
  </si>
  <si>
    <t>ヴォラヴィアホールトマト缶</t>
  </si>
  <si>
    <t>ルビーノカットトマト缶</t>
  </si>
  <si>
    <t>ルビーノホールトマト缶</t>
  </si>
  <si>
    <t>ﾌﾗｲｱｯﾄ</t>
  </si>
  <si>
    <t>ﾃｯﾗﾃﾞﾙｿｰﾚ</t>
  </si>
  <si>
    <t>ホールトマト4号缶</t>
  </si>
  <si>
    <t>ダイストマト4号缶</t>
  </si>
  <si>
    <t>ﾐﾗｿﾙ</t>
  </si>
  <si>
    <t>ダイストマト</t>
  </si>
  <si>
    <t>ｿﾙﾚｵｰﾈ</t>
  </si>
  <si>
    <t>ソルレオーネダイストマトテトラパック</t>
  </si>
  <si>
    <t>カットトマト　イタリア産</t>
  </si>
  <si>
    <t>アルコアカットトマトＥＯ</t>
  </si>
  <si>
    <t>アルコアホールトマトＥＯ</t>
  </si>
  <si>
    <t>アルゼンチン・メーカー</t>
  </si>
  <si>
    <t>ｱﾙｺｱ</t>
  </si>
  <si>
    <t>カットトマトＥＯ</t>
  </si>
  <si>
    <t>Victoria</t>
  </si>
  <si>
    <t>ﾋﾞｸﾄﾘｱ</t>
  </si>
  <si>
    <t>オルトドーロホールトマト</t>
  </si>
  <si>
    <t>オルトドーロカットトマト</t>
  </si>
  <si>
    <t>ホールトマト缶（イタリア産）</t>
  </si>
  <si>
    <t>カットトマト缶（イタリア産）</t>
  </si>
  <si>
    <t>リビエラドーロ　ダイストマト　缶</t>
  </si>
  <si>
    <t>ﾘﾋﾞｴﾗﾄﾞｰﾛ</t>
  </si>
  <si>
    <t>ﾘﾋﾞｪﾗﾄﾞｰ</t>
  </si>
  <si>
    <t>ﾗﾊﾞﾘｨ</t>
  </si>
  <si>
    <t>ラベリンダホールトマト缶</t>
  </si>
  <si>
    <t>ACﾄﾚｰﾃﾞｨﾝｸ</t>
  </si>
  <si>
    <t>ラベリンダカットトマト缶</t>
  </si>
  <si>
    <t>完熟ホールトマト缶イタリア産</t>
  </si>
  <si>
    <t>完熟_カットトマト缶　イタリア産</t>
  </si>
  <si>
    <t>ベスビアーナホールトマト</t>
  </si>
  <si>
    <t>ｸﾞﾗﾝﾑﾘ</t>
  </si>
  <si>
    <t>ダヴィア完熟カットトマト</t>
  </si>
  <si>
    <t>ｶｽﾃﾛ</t>
  </si>
  <si>
    <t>サルサホット</t>
  </si>
  <si>
    <t>トマトフレーク</t>
  </si>
  <si>
    <t>完熟うらごしトマ紙</t>
  </si>
  <si>
    <t>ヤマモリ　スイートチリソース　１８０ｇ</t>
  </si>
  <si>
    <t>モンテベッロ　ポモドーリ・セッキ</t>
  </si>
  <si>
    <t>セミドライトマト（オイル漬）</t>
  </si>
  <si>
    <t>ﾉﾙﾚｪｲｸ</t>
  </si>
  <si>
    <t>オールドエルパソスライスハラペーニョ</t>
  </si>
  <si>
    <t>オールドエルパソシック＆チャンキーサルサミディアム</t>
  </si>
  <si>
    <t>オールドエルパソナチョストッピング</t>
  </si>
  <si>
    <t>お好み・焼きそば</t>
  </si>
  <si>
    <t>お好み</t>
  </si>
  <si>
    <t>小容量(~300g)</t>
  </si>
  <si>
    <t>千房お好み焼ソース</t>
  </si>
  <si>
    <t>千房</t>
  </si>
  <si>
    <t>ﾁﾎﾞｳﾎｰﾙﾃﾞｨ</t>
  </si>
  <si>
    <t>お好みソース</t>
  </si>
  <si>
    <t>どろスコ</t>
  </si>
  <si>
    <t>どろ仕込みお好みソース</t>
  </si>
  <si>
    <t>オリバーソース</t>
  </si>
  <si>
    <t>ｵﾘﾊﾞｰｿｰｽ</t>
  </si>
  <si>
    <t>お好み家</t>
  </si>
  <si>
    <t>本場関西お好みソース</t>
  </si>
  <si>
    <t>本場浪花のお好みソース</t>
  </si>
  <si>
    <t>お好み焼きソース</t>
  </si>
  <si>
    <t>お好みソースこいくちタイプ</t>
  </si>
  <si>
    <t>本格お好みソース</t>
  </si>
  <si>
    <t>お好み焼ソース</t>
  </si>
  <si>
    <t>大黒屋</t>
  </si>
  <si>
    <t>ﾀﾞｲｺｸﾔ</t>
  </si>
  <si>
    <t>お好みソース有機野菜果実</t>
  </si>
  <si>
    <t>タカワお好みたこ焼きソース</t>
  </si>
  <si>
    <t>和泉食品</t>
  </si>
  <si>
    <t>ｲｽﾞﾐｼｮｸﾋﾝ</t>
  </si>
  <si>
    <t>オタフクお好みソース</t>
  </si>
  <si>
    <t>みっちゃんデラックスお好みソース</t>
  </si>
  <si>
    <t>お好み焼ソースお好み食べたい</t>
  </si>
  <si>
    <t>お好みソース薫辛口</t>
  </si>
  <si>
    <t>野菜と果実をつめこんだお好み</t>
  </si>
  <si>
    <t>１歳からのお好みソース</t>
  </si>
  <si>
    <t>オタフク　お好みカロリーハーフ</t>
  </si>
  <si>
    <t>スパイシーお好みソース</t>
  </si>
  <si>
    <t>お好みソース塩分ひかえめ</t>
  </si>
  <si>
    <t>お好みカロリーハーフ</t>
  </si>
  <si>
    <t>お好みソース　ダブルハーフ</t>
  </si>
  <si>
    <t>お好みソースダブルハーフ</t>
  </si>
  <si>
    <t>お好みソース大人の辛口</t>
  </si>
  <si>
    <t>お好み食べたいソース</t>
  </si>
  <si>
    <t>お好みソース塩分50%オフ</t>
  </si>
  <si>
    <t>お好みソース糖質50%オフ</t>
  </si>
  <si>
    <t>有機お好みソース</t>
  </si>
  <si>
    <t>お好みソース糖類70%オフ</t>
  </si>
  <si>
    <t>オタフクソース　お好みソース野菜と果実　２００ｇ</t>
  </si>
  <si>
    <t>お好みソースガーリーカリー</t>
  </si>
  <si>
    <t>お好みソース野菜と果実</t>
  </si>
  <si>
    <t>無添加お好みソース</t>
  </si>
  <si>
    <t>ケンシヨー食品</t>
  </si>
  <si>
    <t>ﾊｺﾍﾞ</t>
  </si>
  <si>
    <t>中容量(~500g)</t>
  </si>
  <si>
    <t>ﾐﾂﾜ</t>
  </si>
  <si>
    <t>お好みソース2個セット</t>
  </si>
  <si>
    <t>ウェルナお好み焼き粉2個＋オタフクお好み焼きソース1本セット</t>
  </si>
  <si>
    <t>3ｺﾐｯｸｽｾｯﾄ</t>
  </si>
  <si>
    <t>日生カキオコソース</t>
  </si>
  <si>
    <t>お好み焼きソース関西</t>
  </si>
  <si>
    <t>お好みソースちょびっとどろ</t>
  </si>
  <si>
    <t>関西あまからお好みソース</t>
  </si>
  <si>
    <t>コクうまお好みソース</t>
  </si>
  <si>
    <t>コーミコクうまお好みソース</t>
  </si>
  <si>
    <t>お好みソース関西風</t>
  </si>
  <si>
    <t>お好みソース激辛口20番</t>
  </si>
  <si>
    <t>Jソース</t>
  </si>
  <si>
    <t>関西お好みソース</t>
  </si>
  <si>
    <t>もんじゃソース</t>
  </si>
  <si>
    <t>おうちで本格お好み屋さん</t>
  </si>
  <si>
    <t>ﾒｲｼﾞｮｰ</t>
  </si>
  <si>
    <t>お好みフルーツソース</t>
  </si>
  <si>
    <t>鶴橋風月特製お好み焼きソース</t>
  </si>
  <si>
    <t>パロマお好みソース</t>
  </si>
  <si>
    <t>タテソースお好み焼</t>
  </si>
  <si>
    <t>カープお好みソース</t>
  </si>
  <si>
    <t>毛利醸造</t>
  </si>
  <si>
    <t>ﾓｳﾘｼﾞｮｳｿﾞｳ</t>
  </si>
  <si>
    <t>焼きそばソース</t>
  </si>
  <si>
    <t>月星食品</t>
  </si>
  <si>
    <t>ﾂｷﾎﾞｼ</t>
  </si>
  <si>
    <t>オコノミソース</t>
  </si>
  <si>
    <t>コクと旨みのお好みソース</t>
  </si>
  <si>
    <t>カガヤソースお好み焼</t>
  </si>
  <si>
    <t>お好みソース_広島ぢゃけん_袋</t>
  </si>
  <si>
    <t>大容量(501g~)</t>
  </si>
  <si>
    <t>ｵﾘﾊﾞｰ</t>
  </si>
  <si>
    <t>お好みソース辛口</t>
  </si>
  <si>
    <t>加賀屋お好み焼ソースペット1L</t>
  </si>
  <si>
    <t>たこ焼</t>
  </si>
  <si>
    <t>たこ焼ソース</t>
  </si>
  <si>
    <t>たこ焼ソースたこやき家</t>
  </si>
  <si>
    <t>THE大阪たこ焼ソース</t>
  </si>
  <si>
    <t>おうちで本格たこ焼屋さん</t>
  </si>
  <si>
    <t>本格たこ焼ソース</t>
  </si>
  <si>
    <t>パロマたこ焼きソース</t>
  </si>
  <si>
    <t>たこやきソース</t>
  </si>
  <si>
    <t>だしと醤油のたこ焼ソース</t>
  </si>
  <si>
    <t>焼きそば家</t>
  </si>
  <si>
    <t>焼そばソース</t>
  </si>
  <si>
    <t>本場浪花の焼そばソース</t>
  </si>
  <si>
    <t>焼きそばソースこいくちタイプ</t>
  </si>
  <si>
    <t>富士宮風やきそばソース</t>
  </si>
  <si>
    <t>デラックス焼そばソース</t>
  </si>
  <si>
    <t>鈴勝富士宮やきそばソース</t>
  </si>
  <si>
    <t>鈴勝</t>
  </si>
  <si>
    <t>ｽｽﾞｶﾂ</t>
  </si>
  <si>
    <t>下町屋台焼きそばソース</t>
  </si>
  <si>
    <t>本格焼そばソース</t>
  </si>
  <si>
    <t>ぺヤング_ボトルソース</t>
  </si>
  <si>
    <t>塩焼きそばソース</t>
  </si>
  <si>
    <t>関西限定焼そばソース</t>
  </si>
  <si>
    <t>焼そばソース塩分30%オフ</t>
  </si>
  <si>
    <t>焼そばソースガーリック</t>
  </si>
  <si>
    <t>塩焼そばソース</t>
  </si>
  <si>
    <t>にんにくマシマシ焼そばソース</t>
  </si>
  <si>
    <t>鳥居食品焼そばソース200ml</t>
  </si>
  <si>
    <t>鳥居食品</t>
  </si>
  <si>
    <t>ﾄﾘｲｼｮｸﾋﾝ</t>
  </si>
  <si>
    <t>焼そばソース関西</t>
  </si>
  <si>
    <t>焼そばソースちょびっとどろ</t>
  </si>
  <si>
    <t>関西あまから焼そばソース</t>
  </si>
  <si>
    <t>コクうま焼そばソース</t>
  </si>
  <si>
    <t>焼そばソース関西風</t>
  </si>
  <si>
    <t>お家で本格焼そば屋さん</t>
  </si>
  <si>
    <t>焼そばフルーツソース</t>
  </si>
  <si>
    <t>鶴橋風月特製焼きそばソース</t>
  </si>
  <si>
    <t>ウスター</t>
  </si>
  <si>
    <t>有機野菜と果実使用ウスターソース</t>
  </si>
  <si>
    <t>熟成ソース　炒め香るソース</t>
  </si>
  <si>
    <t>醸熟ソース塩分50%カットウスター</t>
  </si>
  <si>
    <t>やさしい味わいウスター</t>
  </si>
  <si>
    <t>デリシャスソースウスター</t>
  </si>
  <si>
    <t>ちびちゃんこいくちソース</t>
  </si>
  <si>
    <t>ブルドックウスターソース</t>
  </si>
  <si>
    <t>こぶりウスターソース</t>
  </si>
  <si>
    <t>ウスターソース　瓶</t>
  </si>
  <si>
    <t>無添加ウスターソース</t>
  </si>
  <si>
    <t>太陽ソース</t>
  </si>
  <si>
    <t>ﾀｲﾖｰｼｮｸﾋﾝ</t>
  </si>
  <si>
    <t>スパイスソースウスター</t>
  </si>
  <si>
    <t>超減塩ウスターソース</t>
  </si>
  <si>
    <t>やさしさブレンドウスターソース</t>
  </si>
  <si>
    <t>テーブルウスターソース</t>
  </si>
  <si>
    <t>こいくち醸熟ボトル</t>
  </si>
  <si>
    <t>醸熟ｿｰｽ_炒め香るｿｰｽ</t>
  </si>
  <si>
    <t>醸熟ソースウスター</t>
  </si>
  <si>
    <t>醸熟ソースこいくち</t>
  </si>
  <si>
    <t>デラックスこいくちソース</t>
  </si>
  <si>
    <t>国産野菜とろみのあるソース</t>
  </si>
  <si>
    <t>国産野菜こいくちソース</t>
  </si>
  <si>
    <t>駒ケ根ソースかつ丼のたれ</t>
  </si>
  <si>
    <t>国産野菜ウスターソース</t>
  </si>
  <si>
    <t>５０％カットウスターソース</t>
  </si>
  <si>
    <t>ﾌﾞﾙﾄﾞｯｸｿｰｽ</t>
  </si>
  <si>
    <t>有機ｳｽﾀｰｿｰｽ</t>
  </si>
  <si>
    <t>有機野菜使用塩分・糖類・カロリー50%カットウスターソース</t>
  </si>
  <si>
    <t>塩分50%カットウスターソース</t>
  </si>
  <si>
    <t>カントリーハーヴェストウスターソース</t>
  </si>
  <si>
    <t>ﾀｶﾊｼｿ-ｽ</t>
  </si>
  <si>
    <t>カントリーソースウスター</t>
  </si>
  <si>
    <t>厳選野菜ソース濃厚</t>
  </si>
  <si>
    <t>有機ウスターソース</t>
  </si>
  <si>
    <t>ミツハ名水ウスターソース</t>
  </si>
  <si>
    <t>早川食品</t>
  </si>
  <si>
    <t>有機ウスターソース　瓶</t>
  </si>
  <si>
    <t>特級ウスターソース壜</t>
  </si>
  <si>
    <t>ユニオンソース</t>
  </si>
  <si>
    <t>ﾕﾆｵﾝｿｰｽ</t>
  </si>
  <si>
    <t>オタフクソース　ユニオンＲ特級ウスターソース　２００ｍｌ</t>
  </si>
  <si>
    <t>オタフクソース　ユニオンＲ生ソースウスター　　２００ｍｌ</t>
  </si>
  <si>
    <t>金蝶ウスターソース</t>
  </si>
  <si>
    <t>金蝶ソースウスター</t>
  </si>
  <si>
    <t>国産野菜ウスターソース瓶</t>
  </si>
  <si>
    <t>鳥居食品ウスターソース200ml</t>
  </si>
  <si>
    <t>鳥居桶底ソース200ml</t>
  </si>
  <si>
    <t>リーペリンウスターソース</t>
  </si>
  <si>
    <t>だしソース</t>
  </si>
  <si>
    <t>ｵﾘﾊﾞ-ｿ-ｽ</t>
  </si>
  <si>
    <t>こいくち醸熟ソース</t>
  </si>
  <si>
    <t>キッコーマン　ウルトラソース　至福の味わい　３５０ｇ</t>
  </si>
  <si>
    <t>三ツ矢JAS特級ウスターソース</t>
  </si>
  <si>
    <t>タテソースウスター</t>
  </si>
  <si>
    <t>七宝タカラソーススーパー</t>
  </si>
  <si>
    <t>山二造酢</t>
  </si>
  <si>
    <t>ﾔﾏﾆｿﾞｳｽ</t>
  </si>
  <si>
    <t>スタンダードウスターソース</t>
  </si>
  <si>
    <t>2.1kg</t>
  </si>
  <si>
    <t>レストランウスターソースハンディ</t>
  </si>
  <si>
    <t>弁当用</t>
  </si>
  <si>
    <t>お弁当用こいくちソース</t>
  </si>
  <si>
    <t>2.5ml×5P</t>
  </si>
  <si>
    <t>ウスターソース_ミニパック</t>
  </si>
  <si>
    <t>8ml×10</t>
  </si>
  <si>
    <t>お弁当パック　ウスター</t>
  </si>
  <si>
    <t>醸熟ソースミニパックウスター</t>
  </si>
  <si>
    <t>ベビーソース</t>
  </si>
  <si>
    <t>中濃</t>
  </si>
  <si>
    <t>有機野菜中濃</t>
  </si>
  <si>
    <t>醸熟ソース塩分50%カット中濃</t>
  </si>
  <si>
    <t>デリシャスソース中濃</t>
  </si>
  <si>
    <t>ミニボトル中濃ソース</t>
  </si>
  <si>
    <t>ブルドック中濃ソース</t>
  </si>
  <si>
    <t>中濃ソース</t>
  </si>
  <si>
    <t>オジカソース復刻版オジカソース220ml</t>
  </si>
  <si>
    <t>スーパー特選太陽ソース</t>
  </si>
  <si>
    <t>日乃鳥ソース</t>
  </si>
  <si>
    <t>太陽ドミソース</t>
  </si>
  <si>
    <t>テーブル中濃ソース</t>
  </si>
  <si>
    <t>カゴメ醸熟ソースミニパック中濃</t>
  </si>
  <si>
    <t>醸熟ソース中濃</t>
  </si>
  <si>
    <t>とろみのあるこいくちソース</t>
  </si>
  <si>
    <t>うまソース</t>
  </si>
  <si>
    <t>うまソースコク旨トマト</t>
  </si>
  <si>
    <t>特級中濃ソース</t>
  </si>
  <si>
    <t>有機野菜使用カロリーハーフ</t>
  </si>
  <si>
    <t>スーパープレミアムソース極</t>
  </si>
  <si>
    <t>塩分５０％カット中濃ソース</t>
  </si>
  <si>
    <t>有機　中濃ソース瓶</t>
  </si>
  <si>
    <t>ユアブレンズ　カロリーハーフ</t>
  </si>
  <si>
    <t>アブレンズ　有機野菜使用</t>
  </si>
  <si>
    <t>有機野菜中濃ソース（塩分・糖類・カロリー50%カット）</t>
  </si>
  <si>
    <t>糖類カロリー50%カットソース</t>
  </si>
  <si>
    <t>塩分50%カット中濃ソース</t>
  </si>
  <si>
    <t>芳醇スパイシークミンソース</t>
  </si>
  <si>
    <t>ﾌﾞﾙﾄﾞｯｸﾞ</t>
  </si>
  <si>
    <t>カントリーハーヴェスト中濃ソース</t>
  </si>
  <si>
    <t>厳選野菜ソース中濃</t>
  </si>
  <si>
    <t>喜一郎ソース</t>
  </si>
  <si>
    <t>ミツハ名水中濃ソース</t>
  </si>
  <si>
    <t>飛騨清見ソース</t>
  </si>
  <si>
    <t>タテソース超･激辛</t>
  </si>
  <si>
    <t>オタフクソース　ユニオンＲ特級中濃ソース　２００ｍｌ</t>
  </si>
  <si>
    <t>オタフクソース　ユニオンＲ生ソース中濃　　２００ｍｌ</t>
  </si>
  <si>
    <t>鳥居食品中濃ソース200ml</t>
  </si>
  <si>
    <t>ブルドッグ中濃ソース×3本セット</t>
  </si>
  <si>
    <t>中濃ソース_2本セット</t>
  </si>
  <si>
    <t>ｵﾘﾊﾞｰ_中濃ｿｰｽ_580g</t>
  </si>
  <si>
    <t>奥美濃ソース</t>
  </si>
  <si>
    <t>中濃ソース　ミニパック</t>
  </si>
  <si>
    <t>お弁当パックチュウノウ</t>
  </si>
  <si>
    <t>お弁当用中濃ソース</t>
  </si>
  <si>
    <t>とんかつ</t>
  </si>
  <si>
    <t>有機野菜とんかつ</t>
  </si>
  <si>
    <t>醸熟ソース塩分50%カットとんかつ</t>
  </si>
  <si>
    <t>やさしい味わいとんかつ</t>
  </si>
  <si>
    <t>やさしい味わいフルーティ</t>
  </si>
  <si>
    <t>デリシャスソースとんかつ</t>
  </si>
  <si>
    <t>ミニボトルとんかつソース</t>
  </si>
  <si>
    <t>ブルドックとんかつソース</t>
  </si>
  <si>
    <t>こぶりとんかつソース</t>
  </si>
  <si>
    <t>スパイスソースとんかつ</t>
  </si>
  <si>
    <t>とんかつソースハニー＆マスタード</t>
  </si>
  <si>
    <t>イカリ　マスタードとんかつソース　３００ｇ</t>
  </si>
  <si>
    <t>超減塩とんかつソース</t>
  </si>
  <si>
    <t>やさしさブレンドとんかつソース</t>
  </si>
  <si>
    <t>テーブルとんかつソース</t>
  </si>
  <si>
    <t>串かつソース</t>
  </si>
  <si>
    <t>醸熟ソースとんかつ</t>
  </si>
  <si>
    <t>有機野菜と果実使用とんかつソース</t>
  </si>
  <si>
    <t>ゴマ入りとんかつソース</t>
  </si>
  <si>
    <t>ごまとんかつソースチューブ</t>
  </si>
  <si>
    <t>有機　とんかつソース瓶</t>
  </si>
  <si>
    <t>有機野菜使用のソース</t>
  </si>
  <si>
    <t>カントリーハーヴェストとんかつソース</t>
  </si>
  <si>
    <t>カントリーソースとんかつ</t>
  </si>
  <si>
    <t>激辛スパイスソース</t>
  </si>
  <si>
    <t>なにわ名物串かつソース</t>
  </si>
  <si>
    <t>ミツハ名水とんかつソース</t>
  </si>
  <si>
    <t>特級とんかつソース壜</t>
  </si>
  <si>
    <t>とんかつソース甘口</t>
  </si>
  <si>
    <t>とんかつソース胡麻</t>
  </si>
  <si>
    <t>とんかつソース辛口</t>
  </si>
  <si>
    <t>オタフクソース　ユニオンＲ特級とんかつソース　２００ｍｌ</t>
  </si>
  <si>
    <t>らくいのおいしいとんかつソース</t>
  </si>
  <si>
    <t>ドロソース</t>
  </si>
  <si>
    <t>辛さ5倍どろソース</t>
  </si>
  <si>
    <t>三ツ矢JAS特級とんかつソース</t>
  </si>
  <si>
    <t>ごま入りたっぷりとんかつ</t>
  </si>
  <si>
    <t>ごまとんかつソース_チューブ</t>
  </si>
  <si>
    <t>大黒フルーツソース</t>
  </si>
  <si>
    <t>太陽ソースとんかつ</t>
  </si>
  <si>
    <t>深瀬昌洋商店</t>
  </si>
  <si>
    <t>ﾌｶｾﾏｻﾋﾛｼｮｳ</t>
  </si>
  <si>
    <t>ポパイとんかつ＆フライソース</t>
  </si>
  <si>
    <t>ポパイ食品工業</t>
  </si>
  <si>
    <t>ﾎﾟﾊﾟｲｼｮｸﾋﾝ</t>
  </si>
  <si>
    <t>タテソースとんかつ</t>
  </si>
  <si>
    <t>タテソース超激辛ソース</t>
  </si>
  <si>
    <t>スタンダードとんかつソース</t>
  </si>
  <si>
    <t>レストランとんかつソースハンディ</t>
  </si>
  <si>
    <t>お弁当用とんかつソース</t>
  </si>
  <si>
    <t>とんかつソース_ミニパック</t>
  </si>
  <si>
    <t>とんかつソースお弁当用</t>
  </si>
  <si>
    <t>12ml×10P</t>
  </si>
  <si>
    <t>お弁当パック　とんかつ</t>
  </si>
  <si>
    <t>醸熟ソースミニパックとんかつ</t>
  </si>
  <si>
    <t>ソースミックス</t>
  </si>
  <si>
    <t>デミグラス</t>
  </si>
  <si>
    <t>デミグラスソース</t>
  </si>
  <si>
    <t>ハインツ　かけて本格　デミグラスソース　２００ｇ</t>
  </si>
  <si>
    <t>ﾊｲﾝﾂﾆﾎﾝｶﾌﾞ</t>
  </si>
  <si>
    <t>デミグラスソースＥＯ缶</t>
  </si>
  <si>
    <t>デミグラミックス</t>
  </si>
  <si>
    <t>煮込料理レシピデミグラソース</t>
  </si>
  <si>
    <t>かけるデミグラスソース</t>
  </si>
  <si>
    <t>かけるデミグラスソースお弁当用</t>
  </si>
  <si>
    <t>12ml×10</t>
  </si>
  <si>
    <t>かけておいしいデミグラスソース</t>
  </si>
  <si>
    <t>ドミグラスソース</t>
  </si>
  <si>
    <t>ソース倶楽部　ドミグラス</t>
  </si>
  <si>
    <t>クッキングソースデミグラス</t>
  </si>
  <si>
    <t>PROTASTEデミグラスソース</t>
  </si>
  <si>
    <t>そのまま使えるデミグラスソース</t>
  </si>
  <si>
    <t>ビストロシェフデミグラスソース</t>
  </si>
  <si>
    <t>洋食倶楽部　ワイン香るデミグラスソース</t>
  </si>
  <si>
    <t>シェフソシエデミグラソース</t>
  </si>
  <si>
    <t>ちょっとだけデミグラスソース</t>
  </si>
  <si>
    <t>デミグラスハンバーグソース袋</t>
  </si>
  <si>
    <t>なすと挽肉のデミチーズソース</t>
  </si>
  <si>
    <t>かけて本格デミグラスソース</t>
  </si>
  <si>
    <t>ハインツデミグラスソース</t>
  </si>
  <si>
    <t>かけるだけデミグラスソース</t>
  </si>
  <si>
    <t>かけるだけデミグラソース</t>
  </si>
  <si>
    <t>グレイビーソース</t>
  </si>
  <si>
    <t>豚ロースチーズカツレツデミソース</t>
  </si>
  <si>
    <t>洋食作り　デミグラスソースの素</t>
  </si>
  <si>
    <t>洋食の味</t>
  </si>
  <si>
    <t>ホワイト</t>
  </si>
  <si>
    <t>ＭｔｏＭ　ホワイトソース　１５０ｇ</t>
  </si>
  <si>
    <t>MtoM</t>
  </si>
  <si>
    <t>栗原はるみのホワイトソース</t>
  </si>
  <si>
    <t>２４５ｇ</t>
  </si>
  <si>
    <t>ソース倶楽部　ホワイト</t>
  </si>
  <si>
    <t>PROTASTEホワイトソース</t>
  </si>
  <si>
    <t>クッキングソースホワイト</t>
  </si>
  <si>
    <t>ビストロシェフホワイトソース</t>
  </si>
  <si>
    <t>鶏肉のクリーム煮込みソース</t>
  </si>
  <si>
    <t>サーモンのクリーム煮込みソース</t>
  </si>
  <si>
    <t>ちょっとだけチーズソース</t>
  </si>
  <si>
    <t>ちょっとだけホワイトソース</t>
  </si>
  <si>
    <t>グラタンソースEO缶</t>
  </si>
  <si>
    <t>ハインツグラタンソース</t>
  </si>
  <si>
    <t>ホワイトソースEO缶</t>
  </si>
  <si>
    <t>ハインツホワイトソース</t>
  </si>
  <si>
    <t>洋食ホワイトソースの素</t>
  </si>
  <si>
    <t>ハンバーグ</t>
  </si>
  <si>
    <t>ハンバーグソースデミグラス</t>
  </si>
  <si>
    <t>ハンバーグソース</t>
  </si>
  <si>
    <t>レモニオンソース</t>
  </si>
  <si>
    <t>かけるハンバーグソース</t>
  </si>
  <si>
    <t>煮込み用ハンバーグソース</t>
  </si>
  <si>
    <t>ハンバーグソース　イタリアン</t>
  </si>
  <si>
    <t>煮込みハンバーグまろやかデミ味</t>
  </si>
  <si>
    <t>洋食屋こだわり煮込みハンバーグソース</t>
  </si>
  <si>
    <t>洋食屋こだわりデミハンバーグソース</t>
  </si>
  <si>
    <t>トマトハンバーグソース</t>
  </si>
  <si>
    <t>チーズハンバーグ</t>
  </si>
  <si>
    <t>ハンバーグソースなすトマト</t>
  </si>
  <si>
    <t>キノコデミハンバーグソース</t>
  </si>
  <si>
    <t>キノコ和風ハンバーグソース</t>
  </si>
  <si>
    <t>きのこたっぷりイタリアン</t>
  </si>
  <si>
    <t>トマト煮込みハンバーグソース</t>
  </si>
  <si>
    <t>煮こみハンバーグソースチーズ</t>
  </si>
  <si>
    <t>熟トマト煮込みハンバーグソース</t>
  </si>
  <si>
    <t>デミグラスハンバーグソース</t>
  </si>
  <si>
    <t>かけるハンバーグソースデミグラス仕込み</t>
  </si>
  <si>
    <t>かけデミフォンドヴォー入り</t>
  </si>
  <si>
    <t>煮込みハンバーグデミソース</t>
  </si>
  <si>
    <t>ハンバーグソース（カレンダー）</t>
  </si>
  <si>
    <t>BistroDishハンバーグソース</t>
  </si>
  <si>
    <t>煮込んでおいしいハンバーグソース</t>
  </si>
  <si>
    <t>煮込みハンバーグ照焼</t>
  </si>
  <si>
    <t>煮込んでおいしいデミグラス</t>
  </si>
  <si>
    <t>煮込みハンバーグソース１２０ｇＲ</t>
  </si>
  <si>
    <t>ＣｏＣｏ壱番屋煮込みハンバーグトマトカレー</t>
  </si>
  <si>
    <t>お肉にのせるソースレモン</t>
  </si>
  <si>
    <t>お肉にのせるソース香味野菜</t>
  </si>
  <si>
    <t>鳥居ハンバーグソース</t>
  </si>
  <si>
    <t>業務用</t>
  </si>
  <si>
    <t>(業)お好み・焼そば・たこ焼</t>
  </si>
  <si>
    <t>広島お好みソース</t>
  </si>
  <si>
    <t>お好み焼ソース徳用</t>
  </si>
  <si>
    <t>徳用_焼そばソース</t>
  </si>
  <si>
    <t>徳用_たこ焼ソース</t>
  </si>
  <si>
    <t>オタフクお好みソースパック</t>
  </si>
  <si>
    <t>ｵﾀﾌｸ_たこ焼きソース　パック１２００ｇ</t>
  </si>
  <si>
    <t>(業)レギュラー</t>
  </si>
  <si>
    <t>トンカツソース</t>
  </si>
  <si>
    <t>ウスターソースレストラン用手付き</t>
  </si>
  <si>
    <t>醸熟レストラン用ウスターソースミニ</t>
  </si>
  <si>
    <t>8g×40P</t>
  </si>
  <si>
    <t>チュウノウソースレストラン</t>
  </si>
  <si>
    <t>とんかつソースレストラン用手付き</t>
  </si>
  <si>
    <t>醸熟レストラン用とんかつソースミニ</t>
  </si>
  <si>
    <t>810g</t>
  </si>
  <si>
    <t>デルモンテ中濃ソース</t>
  </si>
  <si>
    <t>ハグルマ_特級とんかつソース</t>
  </si>
  <si>
    <t>徳用ウスターソース</t>
  </si>
  <si>
    <t>ソースかつ丼のたれ</t>
  </si>
  <si>
    <t>ウスターソース徳用</t>
  </si>
  <si>
    <t>中濃ソース徳用</t>
  </si>
  <si>
    <t>とんかつソース徳用</t>
  </si>
  <si>
    <t>(業)その他</t>
  </si>
  <si>
    <t>バーボンバーベキューソース</t>
  </si>
  <si>
    <t>クラシックバーベキューソース</t>
  </si>
  <si>
    <t>ソースその他</t>
  </si>
  <si>
    <t>オニオンガーリック</t>
  </si>
  <si>
    <t>235ml</t>
  </si>
  <si>
    <t>スモークペッパー</t>
  </si>
  <si>
    <t>オリジナル</t>
  </si>
  <si>
    <t>からあげの素香味しょうゆ味</t>
  </si>
  <si>
    <t>グァカモレディップ</t>
  </si>
  <si>
    <t>サルサコンケソチーズディップ</t>
  </si>
  <si>
    <t>カサフィエスタ　ミディアム　タコソース</t>
  </si>
  <si>
    <t>カサフィエスタ　ホット　タコソース</t>
  </si>
  <si>
    <t>グァカモーレミックス</t>
  </si>
  <si>
    <t>ﾛ-ﾘ-</t>
  </si>
  <si>
    <t>ブラウングレービーミックス</t>
  </si>
  <si>
    <t>２４．９ｇ</t>
  </si>
  <si>
    <t>ターキーグレービーミックス</t>
  </si>
  <si>
    <t>２６．９ｇ</t>
  </si>
  <si>
    <t>フィッシュソース</t>
  </si>
  <si>
    <t>ﾃｨﾊﾟﾛｽ</t>
  </si>
  <si>
    <t>ハバネロソースFIREHOT</t>
  </si>
  <si>
    <t>ハバネロPソースグリーン</t>
  </si>
  <si>
    <t>ハバネロソーストマト大辛</t>
  </si>
  <si>
    <t>ハバネロペッパーソースBEWARE</t>
  </si>
  <si>
    <t>バネロソーススモーキー中辛</t>
  </si>
  <si>
    <t>ハンツBBQソースハニーマスタード</t>
  </si>
  <si>
    <t>ハンツBBQソースオリジナル</t>
  </si>
  <si>
    <t>ナチョチーズ</t>
  </si>
  <si>
    <t>チョルーラホットソースオリジナル150ml</t>
  </si>
  <si>
    <t>ﾘﾄﾞｵﾌｼﾞｬﾊﾟ</t>
  </si>
  <si>
    <t>マイルド　チリサルサ</t>
  </si>
  <si>
    <t>ミディアムチリサルサ</t>
  </si>
  <si>
    <t>ホット　チリサルサ</t>
  </si>
  <si>
    <t>オイスターソース</t>
  </si>
  <si>
    <t>サオーパスタソーストマト＆バジル</t>
  </si>
  <si>
    <t>ｼﾀﾞﾁ</t>
  </si>
  <si>
    <t>サオーパスタソースアラビア－タ</t>
  </si>
  <si>
    <t>メガデスソース</t>
  </si>
  <si>
    <t>ﾌﾞﾚｱｰｽﾞ</t>
  </si>
  <si>
    <t>アフターデスソースジョロキア</t>
  </si>
  <si>
    <t>サドンデスソースジョロキア</t>
  </si>
  <si>
    <t>ジャックダニエルＢＢＱソースハニー　５５３ｇ</t>
  </si>
  <si>
    <t>553g</t>
  </si>
  <si>
    <t>ﾃﾞﾘｶﾌﾛｰﾗ</t>
  </si>
  <si>
    <t>ジャックダニエルＢＢＱソーススイート＆スパイシー　５５３ｇ</t>
  </si>
  <si>
    <t>ジャックダニエルＢＢＱソースオリジナル　５５３ｇ</t>
  </si>
  <si>
    <t>ジャックダニエルBBQソースハニー</t>
  </si>
  <si>
    <t>ジャックダニエルBBQソーススイート＆スパイシー</t>
  </si>
  <si>
    <t>ジャックダニエルBBQソースオリジナル</t>
  </si>
  <si>
    <t>ペルシュロンディジョンマスタード</t>
  </si>
  <si>
    <t>ペルシュロン種入りマスタード</t>
  </si>
  <si>
    <t>京都ハバネロの里ペッパーソース中辛</t>
  </si>
  <si>
    <t>京都ハバネロの里</t>
  </si>
  <si>
    <t>ｷｮｳﾄﾊﾊﾞﾈﾛ</t>
  </si>
  <si>
    <t>京都ハバネロの里ペッパーソース大辛</t>
  </si>
  <si>
    <t>ガーリックバターソース2個セット</t>
  </si>
  <si>
    <t>淡路島ソース旨味</t>
  </si>
  <si>
    <t>香辛丸ゾース</t>
  </si>
  <si>
    <t>激辛調味料ソースコ</t>
  </si>
  <si>
    <t>オジカ欧風ステーキソース</t>
  </si>
  <si>
    <t>オジカ和風ステーキソース</t>
  </si>
  <si>
    <t>監修_ｽﾃｰｷｿｰｽ</t>
  </si>
  <si>
    <t>監修_ﾊﾝﾊﾞｰｸﾞおろしｿｰｽ</t>
  </si>
  <si>
    <t>ゆず万能ソース激辛地獄の一滴</t>
  </si>
  <si>
    <t>Ｈｅｌｌ_Ｃｏｍｐａｎｙ</t>
  </si>
  <si>
    <t>Hell</t>
  </si>
  <si>
    <t>地獄の一撃鬼辛デスソース</t>
  </si>
  <si>
    <t>H</t>
  </si>
  <si>
    <t>信州オーガニックフーズ</t>
  </si>
  <si>
    <t>いきなりステーキソース</t>
  </si>
  <si>
    <t>センターリバー</t>
  </si>
  <si>
    <t>大阪マヨソース</t>
  </si>
  <si>
    <t>205ml</t>
  </si>
  <si>
    <t>博多ニワカそうす</t>
  </si>
  <si>
    <t>フリフリソース</t>
  </si>
  <si>
    <t>若翔</t>
  </si>
  <si>
    <t>ﾜｶｼｮｳ</t>
  </si>
  <si>
    <t>エリソース_マイルド</t>
  </si>
  <si>
    <t>ＫＵＩＫＯ_ＫＥＢＡＢＵ</t>
  </si>
  <si>
    <t>ｸｲｺｹﾊﾞﾌﾞ</t>
  </si>
  <si>
    <t>エリソース_ホット</t>
  </si>
  <si>
    <t>エリソース_チリ</t>
  </si>
  <si>
    <t>エリソース_レモン</t>
  </si>
  <si>
    <t>ナゲットソース　ＢＢＱ味</t>
  </si>
  <si>
    <t>20gx2</t>
  </si>
  <si>
    <t>ナゲットソースマスタード味</t>
  </si>
  <si>
    <t>ステーキソース_ガーリック</t>
  </si>
  <si>
    <t>670Ｇ</t>
  </si>
  <si>
    <t>SOYSAUCE</t>
  </si>
  <si>
    <t>ﾏﾙｶﾋﾟｰﾅ</t>
  </si>
  <si>
    <t>680ml</t>
  </si>
  <si>
    <t>GoodSenseカラマンシーエクストラクト</t>
  </si>
  <si>
    <t>平正商店</t>
  </si>
  <si>
    <t>ﾀｲﾗﾀﾀﾞｼｼｮｳ</t>
  </si>
  <si>
    <t>キャベツ炒めソース</t>
  </si>
  <si>
    <t>もやし炒めソース</t>
  </si>
  <si>
    <t>名古屋みそかつ</t>
  </si>
  <si>
    <t>和風おろしソース</t>
  </si>
  <si>
    <t>やわらかだしソース和</t>
  </si>
  <si>
    <t>しょース</t>
  </si>
  <si>
    <t>ゆずしおソース　</t>
  </si>
  <si>
    <t>ウスターソース特級</t>
  </si>
  <si>
    <t>中濃ソース特級</t>
  </si>
  <si>
    <t>とんかつソース特級</t>
  </si>
  <si>
    <t>すりごまとんかつソース</t>
  </si>
  <si>
    <t>塩だれソース</t>
  </si>
  <si>
    <t>イカリ　ステーキソース　しょうゆベース　袋１００ｇ</t>
  </si>
  <si>
    <t>かける甘酢あんかけソース</t>
  </si>
  <si>
    <t>なすと挽肉のデミ風チーズ焼き用ソース</t>
  </si>
  <si>
    <t>カゴメ　サラダそめんつゆ</t>
  </si>
  <si>
    <t>トマトハヤシ用ソース</t>
  </si>
  <si>
    <t>肉料理ソースてりやき</t>
  </si>
  <si>
    <t>炒メニューソースねぎ塩</t>
  </si>
  <si>
    <t>炒メニューソースオイスター</t>
  </si>
  <si>
    <t>炒メニューソースにんにく醤油</t>
  </si>
  <si>
    <t>ヤサイイタメソースミソアジ</t>
  </si>
  <si>
    <t>ヤサイイタメソースカレーアジ</t>
  </si>
  <si>
    <t>ヤサイイタメソーストンコツアジ</t>
  </si>
  <si>
    <t>チキンソテー</t>
  </si>
  <si>
    <t>洋食屋さんこだわりポーク</t>
  </si>
  <si>
    <t>ステーキソースたまねぎ照り焼き</t>
  </si>
  <si>
    <t>ステーキソース和風</t>
  </si>
  <si>
    <t>ブランド　エーワンソース</t>
  </si>
  <si>
    <t>ウルトラソースごちそう食感</t>
  </si>
  <si>
    <t>大根おろしポン酢風味</t>
  </si>
  <si>
    <t>野菜とゴマの韓国風ピリ辛</t>
  </si>
  <si>
    <t>キユーピー具のソースうまみ肉味噌</t>
  </si>
  <si>
    <t>ディップＳチーズフォンデュ</t>
  </si>
  <si>
    <t>激辛ソース</t>
  </si>
  <si>
    <t>バーベキューソース</t>
  </si>
  <si>
    <t>Smart_Table_オートミール専用ソース_ごま油香る鶏だし</t>
  </si>
  <si>
    <t>Smart_Table_オートミール専用ソース_海老香るトマト雑</t>
  </si>
  <si>
    <t>国産つぶ野菜入り_信州生まれのピザソース</t>
  </si>
  <si>
    <t>そのまま使えるトマトのソース</t>
  </si>
  <si>
    <t>何でも使える生姜そーす</t>
  </si>
  <si>
    <t>シェフソシエフォンドボー</t>
  </si>
  <si>
    <t>鶏のクリーム煮込みソース</t>
  </si>
  <si>
    <t>ハインツ　グラス・ド・ビアン　７</t>
  </si>
  <si>
    <t>ハインツ　フュメ・ド・ポワソン　７</t>
  </si>
  <si>
    <t>ハインツ　アメリカンソース　缶　２９０ｇ</t>
  </si>
  <si>
    <t>うまｿｰｽﾄﾏﾄﾀｲﾌﾟ</t>
  </si>
  <si>
    <t>うまトマソース</t>
  </si>
  <si>
    <t>お家で牛丼風　玉子かけご飯</t>
  </si>
  <si>
    <t>お家でデミ風_目玉焼きご飯</t>
  </si>
  <si>
    <t>旨辛ソース</t>
  </si>
  <si>
    <t>焙煎ごまとガーリックドレッシングソース</t>
  </si>
  <si>
    <t>粒マスタードドレッシングソース</t>
  </si>
  <si>
    <t>ブルドック　レモンのソース</t>
  </si>
  <si>
    <t>ブルドック　トマトのソース</t>
  </si>
  <si>
    <t>ブルドック　玉ねぎのソース</t>
  </si>
  <si>
    <t>ブルドック　トマトとオリーブのソース</t>
  </si>
  <si>
    <t>ブルドック玉ねぎとガーリックのソース</t>
  </si>
  <si>
    <t>コク深果実とみそのソース</t>
  </si>
  <si>
    <t>スパイシーソース</t>
  </si>
  <si>
    <t>ミックスフライソース</t>
  </si>
  <si>
    <t>玉ねぎソース</t>
  </si>
  <si>
    <t>ブルドックうめソース２２０Ｇ</t>
  </si>
  <si>
    <t>ジャポネソース</t>
  </si>
  <si>
    <t>トリュフソース１００ｇ</t>
  </si>
  <si>
    <t>ＭＣ　ガラムマサラソース　ホット　瓶　</t>
  </si>
  <si>
    <t>MCメキシカンチリソース</t>
  </si>
  <si>
    <t>トリュフソース</t>
  </si>
  <si>
    <t>棒々鶏ソース</t>
  </si>
  <si>
    <t>デコル胡麻ソース</t>
  </si>
  <si>
    <t>デコルチーズソース</t>
  </si>
  <si>
    <t>リョクトウハルサメ</t>
  </si>
  <si>
    <t>うにく用ソース</t>
  </si>
  <si>
    <t>レモンチキンソテーの素</t>
  </si>
  <si>
    <t>ガーリックチキンソテーの素</t>
  </si>
  <si>
    <t>デビルチリソース</t>
  </si>
  <si>
    <t>修善寺トリュフドレッシング＆ソース</t>
  </si>
  <si>
    <t>タテ印コロッケ＆フライ</t>
  </si>
  <si>
    <t>ﾄﾖｼﾏ</t>
  </si>
  <si>
    <t>四川の味（うま辛）麻婆ソース</t>
  </si>
  <si>
    <t>シェフズ辛味ソース</t>
  </si>
  <si>
    <t>激辛辛味ソース　瓶</t>
  </si>
  <si>
    <t>辛ごまソース</t>
  </si>
  <si>
    <t>ケチャップソース</t>
  </si>
  <si>
    <t>オタフク　オムライスソース</t>
  </si>
  <si>
    <t>からすみ入オイルソース</t>
  </si>
  <si>
    <t>ガーリックバターソース</t>
  </si>
  <si>
    <t>バターソース</t>
  </si>
  <si>
    <t>イタリアンバジルソース</t>
  </si>
  <si>
    <t>クリーミービスクソース</t>
  </si>
  <si>
    <t>スパニッシュアヒージョソース</t>
  </si>
  <si>
    <t>ジャーマンカリーケチャップ</t>
  </si>
  <si>
    <t>バターソース　　　　　　　　　　　　　　</t>
  </si>
  <si>
    <t>スパニッシュアヒージョソース　　　　　　</t>
  </si>
  <si>
    <t>ガーリックバターソース　　　　　　　　　</t>
  </si>
  <si>
    <t>ハニーバターソース</t>
  </si>
  <si>
    <t>マキノリトクヨウゼンケイ</t>
  </si>
  <si>
    <t>ヤキノリハンキレトクヨウ</t>
  </si>
  <si>
    <t>鳥居食品野菜とくだもの完熟ソース200ml</t>
  </si>
  <si>
    <t>鳥居食品オムライスをおいしくするソース200ml</t>
  </si>
  <si>
    <t>ハバネロソース</t>
  </si>
  <si>
    <t>マグマのしずく赤</t>
  </si>
  <si>
    <t>豊前屋本店</t>
  </si>
  <si>
    <t>ﾌﾞｾﾞﾝﾔ</t>
  </si>
  <si>
    <t>ﾐﾔｺｼｮｳｼﾞ</t>
  </si>
  <si>
    <t>チーズソース</t>
  </si>
  <si>
    <t>マッシュルームソース</t>
  </si>
  <si>
    <t>甘辛チキンソース</t>
  </si>
  <si>
    <t>890g</t>
  </si>
  <si>
    <t>bibigoプルコギソース</t>
  </si>
  <si>
    <t>キムチシーズニングソース</t>
  </si>
  <si>
    <t>ﾄｸｼｮｳ</t>
  </si>
  <si>
    <t>メガシェフ　オイスターソース</t>
  </si>
  <si>
    <t>チョリメックスホットチリソース</t>
  </si>
  <si>
    <t>H＆B</t>
  </si>
  <si>
    <t>ヌクチャム</t>
  </si>
  <si>
    <t>ﾁｮﾘﾒｯｸｽ</t>
  </si>
  <si>
    <t>シーズニングディッピング</t>
  </si>
  <si>
    <t>ヌックマム</t>
  </si>
  <si>
    <t>ﾌﾝﾀﾝ</t>
  </si>
  <si>
    <t>535ml</t>
  </si>
  <si>
    <t>Dua_Belibs</t>
  </si>
  <si>
    <t>小容量（～250g）</t>
  </si>
  <si>
    <t>ピュア</t>
  </si>
  <si>
    <t>ボスコオリーブオイル</t>
  </si>
  <si>
    <t>ベリオピュアオリーブオイル</t>
  </si>
  <si>
    <t>ﾎｰﾈﾝ</t>
  </si>
  <si>
    <t>地中海のオリーブポマスオイル</t>
  </si>
  <si>
    <t>オリーブオイル　ピュア</t>
  </si>
  <si>
    <t>J-オイルミルズ</t>
  </si>
  <si>
    <t>Jｵｲﾙﾐﾙｽﾞ</t>
  </si>
  <si>
    <t>ピュアオリーブオイル</t>
  </si>
  <si>
    <t>J-ｵｲﾙﾐﾙｽﾞ</t>
  </si>
  <si>
    <t>フラントイアエクストラバージンオリーブオイル</t>
  </si>
  <si>
    <t>オリーブオイルエキストラバージン</t>
  </si>
  <si>
    <t>EXバージンオリーブオイル</t>
  </si>
  <si>
    <t>ｼｴﾛ</t>
  </si>
  <si>
    <t>ボスコエキストラバージンオリーブオイル</t>
  </si>
  <si>
    <t>ベリオオリーブオイルＥＸ</t>
  </si>
  <si>
    <t>熟成にんにくオリーブオイル</t>
  </si>
  <si>
    <t>ﾎﾞｽｺEXVｵﾘｰﾌﾞｵｲﾙ</t>
  </si>
  <si>
    <t>やさしく香るエキストラバージンオリーブオイル</t>
  </si>
  <si>
    <t>ボスココラボ企画品RG</t>
  </si>
  <si>
    <t>ボスココラボ企画品L</t>
  </si>
  <si>
    <t>キャノーラ＆オリーブ</t>
  </si>
  <si>
    <t>さらっと軽いオリーブオイル瓶</t>
  </si>
  <si>
    <t>Ｊ-オイルミルズ　味の素オリーブＯＥＶ鮮度キープＢ　１５０ｇ</t>
  </si>
  <si>
    <t>オリーブオイルEXバージン</t>
  </si>
  <si>
    <t>J_BERIOｵﾘｰﾌﾞｵｲﾙｴｸｽﾄﾗﾊﾞｰｼﾞﾝ250G</t>
  </si>
  <si>
    <t>ベルトーリエキストラバージンオリーブオイル</t>
  </si>
  <si>
    <t>ﾍﾞﾙﾄｰﾘ</t>
  </si>
  <si>
    <t>ベルトーリオーガニックEVオリーブオイル</t>
  </si>
  <si>
    <t>BOSCOシーズニングオイルローストガーリック</t>
  </si>
  <si>
    <t>BOSCOシーズニングオイルレモンジンジャー</t>
  </si>
  <si>
    <t>BOSCOシーズニングオイルハーブミックス</t>
  </si>
  <si>
    <t>サンテラモエクストラバージンOグリーン</t>
  </si>
  <si>
    <t>ﾋｶﾘｶﾞｵｶ</t>
  </si>
  <si>
    <t>エクストラバージンOホワイト</t>
  </si>
  <si>
    <t>ペレグリノ_ラ・スピネタＥＸＶオリーブオイルＤＯＰ２５０ｍｌ</t>
  </si>
  <si>
    <t>有機ＥＸＶオリーブオイル</t>
  </si>
  <si>
    <t>ビオカ</t>
  </si>
  <si>
    <t>BIOKA</t>
  </si>
  <si>
    <t>41Oilsエクストラバージンアボカドオイル</t>
  </si>
  <si>
    <t>サミット製油</t>
  </si>
  <si>
    <t>ｻﾐｯﾄｾｲﾕ</t>
  </si>
  <si>
    <t>エクストラバージンオリーブオイル山のオリーバ</t>
  </si>
  <si>
    <t>エクストラバージンオリーブオイル海のオリーバ</t>
  </si>
  <si>
    <t>ガーリックオリーブオイル</t>
  </si>
  <si>
    <t>にごりのオリーブオイル</t>
  </si>
  <si>
    <t>トスカーナＥＸＶオリーブオイル</t>
  </si>
  <si>
    <t>ボスコオーガニックエキストラバージンオリーブオイル</t>
  </si>
  <si>
    <t>ボスコプレミアム_ＥＸＶオリーブオイル　250ｍｌ</t>
  </si>
  <si>
    <t>ボスコトスカーナエキストラバージンオリーブオイル</t>
  </si>
  <si>
    <t>ボスコプレミアムエキストラバージンオリーブオイルボトル</t>
  </si>
  <si>
    <t>ボスコプレミアムエキストラバージンオリーブオイル瓶</t>
  </si>
  <si>
    <t>シーズニングオイルレモン＆オリーブオイル</t>
  </si>
  <si>
    <t>シーズニングオイルバジル＆オリーブオイル</t>
  </si>
  <si>
    <t>シーズニングオイルトリュフ＆オリーブオイル</t>
  </si>
  <si>
    <t>BERIO　オリーブオイルグストフルッタ―ト</t>
  </si>
  <si>
    <t>オリーブEVフルーティアプレミアム</t>
  </si>
  <si>
    <t>ＥＸＶオリーブオイルアルベキーナ</t>
  </si>
  <si>
    <t>ＥＸＶオリーブオイルオヒブランカ</t>
  </si>
  <si>
    <t>ﾊﾞﾙﾄﾘｰﾆｴﾐﾘｵ　DOP_EXﾊﾞｰｼﾞﾝｵﾘｰﾌﾞｵｲﾙ</t>
  </si>
  <si>
    <t>229ｇ</t>
  </si>
  <si>
    <t>ﾊﾞﾙﾄﾘ-ﾆ･ｴﾐ</t>
  </si>
  <si>
    <t>ﾊﾞﾙﾄﾘｰﾆｴﾐﾘｵ　EXﾊﾞｰｼﾞﾝｵﾘｰﾌﾞｵｲﾙ_ﾄｽｶ</t>
  </si>
  <si>
    <t>エクストラバージンオリーブオイル2015ヌーボー</t>
  </si>
  <si>
    <t>ﾊﾞﾙﾍﾞｰﾗ　ｴｷｽﾄﾗﾊﾞｰｼﾞﾝｵﾘｰﾌﾞｵｲﾙ　250m</t>
  </si>
  <si>
    <t>ﾊﾞﾙﾍﾞ-ﾗ</t>
  </si>
  <si>
    <t>エクストラバージンオリーブオイル</t>
  </si>
  <si>
    <t>229ml</t>
  </si>
  <si>
    <t>ﾗﾁｪｰﾉ</t>
  </si>
  <si>
    <t>エキストラヴァージンオリーブオイル</t>
  </si>
  <si>
    <t>有機エクストラバージンオリーブオイルフルッタート</t>
  </si>
  <si>
    <t>サンタテアエクストラバージンオリーブオイルフルットーソ</t>
  </si>
  <si>
    <t>サンタテアエクストラバージンオリーブオイルデリカート</t>
  </si>
  <si>
    <t>ジロロモーニ有機エキストラバージンオリーブ</t>
  </si>
  <si>
    <t>オリーブオイルオレンジラベル</t>
  </si>
  <si>
    <t>光が丘興産</t>
  </si>
  <si>
    <t>オレオスペインＥＸＶオリーブオイルＤ．Ｏ．Ｐ</t>
  </si>
  <si>
    <t>ｵﾚｵｴｽﾃﾊﾟ</t>
  </si>
  <si>
    <t>GOYA_エキストラヴァージンオリーブオイル</t>
  </si>
  <si>
    <t>中容量（251g~500g）</t>
  </si>
  <si>
    <t>OliOVILLAエキストラバージンオリーブオイル</t>
  </si>
  <si>
    <t>オリーブ・ポマスオイル</t>
  </si>
  <si>
    <t>スペシャルブレンドエキストラバージンオリーブ</t>
  </si>
  <si>
    <t>ｵﾘｵｻﾝﾄ</t>
  </si>
  <si>
    <t>エキストラヴァージンフォクッキン</t>
  </si>
  <si>
    <t>アーリーハーベストエキストラバージンオリーブ</t>
  </si>
  <si>
    <t>オリテラオリーブオイル５００ｍｌ</t>
  </si>
  <si>
    <t>オリーブオイルライトテイスト</t>
  </si>
  <si>
    <t>326ｇ</t>
  </si>
  <si>
    <t>456g</t>
  </si>
  <si>
    <t>さらっと軽ーいオリーブオイル</t>
  </si>
  <si>
    <t>さらっと軽いオリーブオイル</t>
  </si>
  <si>
    <t>味の素やさしいオリーブオイル</t>
  </si>
  <si>
    <t>ベリオオリーブオイル</t>
  </si>
  <si>
    <t>バレスタオリーブオイル</t>
  </si>
  <si>
    <t>エキストラバージンオイルスクイーズ</t>
  </si>
  <si>
    <t>ｺｽﾀﾄﾞｰﾛ</t>
  </si>
  <si>
    <t>ｵﾘｰﾌﾞｵｲﾙ</t>
  </si>
  <si>
    <t>ﾀﾞﾝﾃ</t>
  </si>
  <si>
    <t>ｶﾞﾙｼｱ</t>
  </si>
  <si>
    <t>イタリア産エクストラバージンオリーブオイル</t>
  </si>
  <si>
    <t>地中海のEXVｵﾘｰﾌﾞｵｲﾙ</t>
  </si>
  <si>
    <t>458g</t>
  </si>
  <si>
    <t>ＥＸＶ_オリーブオイル（トルコ産）</t>
  </si>
  <si>
    <t>オリテラＥＸオリーブオイル５００ｍｌ</t>
  </si>
  <si>
    <t>いつでも新鮮エクストラバージンオリーブオイル</t>
  </si>
  <si>
    <t>日清キャノーラ＆オリーブ</t>
  </si>
  <si>
    <t>オリーブオイル　スパニッシュ</t>
  </si>
  <si>
    <t>458ml</t>
  </si>
  <si>
    <t>ベルトーリエクストラバージンオリーブオイル</t>
  </si>
  <si>
    <t>458ｇ</t>
  </si>
  <si>
    <t>オリーブオイル　ＥＸ</t>
  </si>
  <si>
    <t>ﾃｨﾙｿ</t>
  </si>
  <si>
    <t>シエロEXVオリーブオイル</t>
  </si>
  <si>
    <t>ボスコエキストラバージンオリーブオイル2個セット</t>
  </si>
  <si>
    <t>ＥＸＶオリーブオイル_2個ｾｯﾄ</t>
  </si>
  <si>
    <t>やさしく香るエクストラバージンオリーブオイル2個セット</t>
  </si>
  <si>
    <t>350ｇ*2</t>
  </si>
  <si>
    <t>オリーブ油エキストラバージン</t>
  </si>
  <si>
    <t>ＥＸバージンオリーブオイル瓶</t>
  </si>
  <si>
    <t>オリーブＥＶ紙パック</t>
  </si>
  <si>
    <t>べリオＥＸオリーブオイル</t>
  </si>
  <si>
    <t>ＥＸＶオリーブオイルクラシコ</t>
  </si>
  <si>
    <t>412ｇ</t>
  </si>
  <si>
    <t>エキストラバージンオリーブオイルブラックレーベル</t>
  </si>
  <si>
    <t>456ml</t>
  </si>
  <si>
    <t>ペレグリノ_ラ・スピネタＥＸＶオリーブオイルＤＯＰ５００ｍｌ</t>
  </si>
  <si>
    <t>エクストラバージンオリーブオイルオリーバプレミアオーガニック</t>
  </si>
  <si>
    <t>ボスコプレミアム_ＥＸＶオリーブオイル　500ｍｌ</t>
  </si>
  <si>
    <t>Jｵｲﾙﾐｽﾞ</t>
  </si>
  <si>
    <t>石井スペイン産有機エクストラバージンオリーブオイル</t>
  </si>
  <si>
    <t>270ｇ</t>
  </si>
  <si>
    <t>石井ギリシャ産有機エクストラバージンオリーブオイル</t>
  </si>
  <si>
    <t>ﾈﾌｪﾘ　ｷﾞﾘｼｬ産EXVｵﾘｰﾌﾞｵｲﾙ　458g</t>
  </si>
  <si>
    <t>ソル　デル　リマリ　ＥＸヴァージン　オリーヴオイル</t>
  </si>
  <si>
    <t>ﾓﾄｯｸｽ</t>
  </si>
  <si>
    <t>ディチェコ　エクストラヴァージンオリーブオイル　クラシコ_PET</t>
  </si>
  <si>
    <t>ﾊﾞﾙﾍﾞｰﾗ　ｴｷｽﾄﾗﾊﾞｰｼﾞﾝｵﾘｰﾌﾞｵｲﾙ　500m</t>
  </si>
  <si>
    <t>エクストラバージンオリーブオイルやめ</t>
  </si>
  <si>
    <t>Laceno</t>
  </si>
  <si>
    <t>ＥＸＶオリーブオイル</t>
  </si>
  <si>
    <t>ﾌﾟﾗﾈﾀ</t>
  </si>
  <si>
    <t>ｴｷｽﾄﾗﾊﾞｰｼﾞﾝｵﾘｰﾌﾞｵｲﾙ</t>
  </si>
  <si>
    <t>ヴィラブランカエキストラバージンオリーブオイル</t>
  </si>
  <si>
    <t>ムエルオリヴァ__エクストラバージンオリーブオイル__４５８ｇ</t>
  </si>
  <si>
    <t>オレオスペイン産_ＥＸＶオリーブオイルＤ．Ｏ．Ｐ_４５８ｇ</t>
  </si>
  <si>
    <t>EV_ｵﾘｰﾌﾞ_ｵｲﾙUNICO</t>
  </si>
  <si>
    <t>アイレスデハエン__スペイン産ＥＸＶオリーブオイル__４５８ｇ</t>
  </si>
  <si>
    <t>大容量（501g～750g）</t>
  </si>
  <si>
    <t>オリーブポマスオイル</t>
  </si>
  <si>
    <t>ボスコピュアオリーブオイル</t>
  </si>
  <si>
    <t>天長食品EXバージンオリーブオイル750ml</t>
  </si>
  <si>
    <t>gusutoオリーブポマスオイル</t>
  </si>
  <si>
    <t>ブレンドオイルスペイン産</t>
  </si>
  <si>
    <t>ユーロリーブ</t>
  </si>
  <si>
    <t>アルベルトオリーブオイル＆レモン</t>
  </si>
  <si>
    <t>アルベルトオリーブオイルブルーラベル</t>
  </si>
  <si>
    <t>アルベルトオリーブオイルバイオロジカルオーガニックグリーンラベル</t>
  </si>
  <si>
    <t>ｴｸｽﾄﾗﾊﾞｰｼﾞﾝｵﾘｰﾌﾞｵｲﾙ</t>
  </si>
  <si>
    <t>ｱﾝﾀﾞﾙｻｰ</t>
  </si>
  <si>
    <t>EVオリーブオイル</t>
  </si>
  <si>
    <t>ｵﾘﾍﾞｯﾀ</t>
  </si>
  <si>
    <t>ガルシアエクストラバージンオリーブオイル</t>
  </si>
  <si>
    <t>ボスコＥＸＶオリーブオイル</t>
  </si>
  <si>
    <t>ボスコＥＸＶオリーブオイル６００ｇ</t>
  </si>
  <si>
    <t>ﾎﾞｽｺ</t>
  </si>
  <si>
    <t>オリーブオイルエキストラバージンペット</t>
  </si>
  <si>
    <t>特大容量（751g～）</t>
  </si>
  <si>
    <t>VIVAEXVオリーブオイル2個セット</t>
  </si>
  <si>
    <t>1000ml×2P</t>
  </si>
  <si>
    <t>スペイン産オリーブポマスオイル</t>
  </si>
  <si>
    <t>オリーブオイル（ピュア）</t>
  </si>
  <si>
    <t>ポマス　オリーブオイル</t>
  </si>
  <si>
    <t>オリーブポスオイル</t>
  </si>
  <si>
    <t>914g</t>
  </si>
  <si>
    <t>サン・フォース</t>
  </si>
  <si>
    <t>ｻﾝﾌｫｰｽ</t>
  </si>
  <si>
    <t>EXVｵﾘｰﾌﾞｵｲﾙ</t>
  </si>
  <si>
    <t>ＥＸライトオリーブオイル</t>
  </si>
  <si>
    <t>ボスコオリーブオイル＆ヘルシ</t>
  </si>
  <si>
    <t>エクストラバージンオイル</t>
  </si>
  <si>
    <t>オリーブオイル　エクストラライト</t>
  </si>
  <si>
    <t>オリーブオイルエキストラライト</t>
  </si>
  <si>
    <t>ﾆｼﾝ</t>
  </si>
  <si>
    <t>オリーブ＆レモンフレーバーオイル</t>
  </si>
  <si>
    <t>ベリオ　オリーブオイル　ピュア</t>
  </si>
  <si>
    <t>エキストラヴァージンオリーブオイ</t>
  </si>
  <si>
    <t>オリーブオイルピュア</t>
  </si>
  <si>
    <t>ﾙｸﾞﾘｵ</t>
  </si>
  <si>
    <t>ｴｷｽﾄﾗﾊﾞｰｼﾞﾝｵｲﾙ</t>
  </si>
  <si>
    <t>DANTE</t>
  </si>
  <si>
    <t>イバーラ　ピュアオリーブオイル</t>
  </si>
  <si>
    <t>ｲﾊﾞｰﾗ</t>
  </si>
  <si>
    <t>アルテオリバオリーブオイル</t>
  </si>
  <si>
    <t>ポマスオリーブオイル</t>
  </si>
  <si>
    <t>オリーブオイルEXV</t>
  </si>
  <si>
    <t>EXバージンオリーブオイル2個セット</t>
  </si>
  <si>
    <t>エクストラバージンオリーブオイル3個セット</t>
  </si>
  <si>
    <t>910g×3P</t>
  </si>
  <si>
    <t>エキストラバージンオイル2個セット</t>
  </si>
  <si>
    <t>エキストラバージンオイル2本セット</t>
  </si>
  <si>
    <t>アシストバルール　エキストラバージンオイル_2本セット</t>
  </si>
  <si>
    <t>地中海のＥＸオリーブオイル</t>
  </si>
  <si>
    <t>オリテラEXVオリーブオイル</t>
  </si>
  <si>
    <t>スペイン産エキストラバージンオリーブオイル</t>
  </si>
  <si>
    <t>ﾄｳｰﾊﾞﾄﾚｰﾃﾞ</t>
  </si>
  <si>
    <t>916g</t>
  </si>
  <si>
    <t>ｻﾝ･ｴﾝﾀ-</t>
  </si>
  <si>
    <t>エクストラオリーブオイル</t>
  </si>
  <si>
    <t>ABACO</t>
  </si>
  <si>
    <t>ＥＸＶ_オリーブオイル（スペイン産）</t>
  </si>
  <si>
    <t>ひまわりとオリーブのブレンドオイル</t>
  </si>
  <si>
    <t>ｶﾙﾒﾝEXｵﾘｰﾌﾞｵｲﾙ</t>
  </si>
  <si>
    <t>ブレンドオイル　(ギリシャ産)</t>
  </si>
  <si>
    <t>ブレンドオリーブオイル</t>
  </si>
  <si>
    <t>ﾏﾝﾏﾛｰｻﾞ</t>
  </si>
  <si>
    <t>エクストラヴァージンオリーブオイル</t>
  </si>
  <si>
    <t>ﾄｯﾚﾃﾞﾙｿｰﾚ</t>
  </si>
  <si>
    <t>スペイン産エクストラヴァージンオリーブ油</t>
  </si>
  <si>
    <t>ｳﾆｺﾘｰｳﾞｧ</t>
  </si>
  <si>
    <t>EXTRAVIRGINオリーブオイル</t>
  </si>
  <si>
    <t>EXTRAVIRGINバージンオリーブオイル</t>
  </si>
  <si>
    <t>バジェステルオリーブオイル</t>
  </si>
  <si>
    <t>エキストラヴァージンオイル</t>
  </si>
  <si>
    <t>913g</t>
  </si>
  <si>
    <t>UMBERTO</t>
  </si>
  <si>
    <t>ＥV_オリーブオイル</t>
  </si>
  <si>
    <t>SoldOlio</t>
  </si>
  <si>
    <t>オリーブオイルＥＸヴァージン</t>
  </si>
  <si>
    <t>ｲｰﾊﾞﾗ</t>
  </si>
  <si>
    <t>OVIDIUS</t>
  </si>
  <si>
    <t>CEDICIUS</t>
  </si>
  <si>
    <t>LUXURIS</t>
  </si>
  <si>
    <t>ｱｼｽﾄﾊﾞｰﾙ</t>
  </si>
  <si>
    <t>ﾕﾆｵﾘﾊﾞ</t>
  </si>
  <si>
    <t>スペイン産　オリーブ　ポマスオイル</t>
  </si>
  <si>
    <t>ｵﾘﾘｭ</t>
  </si>
  <si>
    <t>オリーブオイルエクストラ</t>
  </si>
  <si>
    <t>ガルシアEXVオリーブオイル</t>
  </si>
  <si>
    <t>2L</t>
  </si>
  <si>
    <t>エキストラバージンオイル</t>
  </si>
  <si>
    <t>ｱﾛﾏﾃﾞﾙ</t>
  </si>
  <si>
    <t>シエロオリーブ油エキストラバージン</t>
  </si>
  <si>
    <t>ｺﾐﾘ</t>
  </si>
  <si>
    <t>VIVAエクストラバージンオリーブオイル2本セット</t>
  </si>
  <si>
    <t>やさしく香るエクストラバージンオリーブオイル</t>
  </si>
  <si>
    <t>ベリオ　オリーブオイルEV</t>
  </si>
  <si>
    <t>ﾍﾞﾘｵ</t>
  </si>
  <si>
    <t>jｵｲﾙﾐﾙｽﾞ</t>
  </si>
  <si>
    <t>ベリオオリーブオイルＥＸバージン</t>
  </si>
  <si>
    <t>トルコ産EXバージンオリーブオイル</t>
  </si>
  <si>
    <t>ブエンエスパシオ</t>
  </si>
  <si>
    <t>ﾌﾞｴﾝｴｽﾊﾟｼｵ</t>
  </si>
  <si>
    <t>アリアンザエキストラバージンオリーブオイル</t>
  </si>
  <si>
    <t>アルテオリバＥＸＶオリーブオイル</t>
  </si>
  <si>
    <t>９１０ｇ</t>
  </si>
  <si>
    <t>エドレミル</t>
  </si>
  <si>
    <t>GUSTOオリーブポマスオイル</t>
  </si>
  <si>
    <t>クッキングオイル</t>
  </si>
  <si>
    <t>小容量（~500g）</t>
  </si>
  <si>
    <t>汎用油</t>
  </si>
  <si>
    <t>サラダさらっと大豆油</t>
  </si>
  <si>
    <t>オレインリッチ</t>
  </si>
  <si>
    <t>サラダ油</t>
  </si>
  <si>
    <t>日清サラダ油</t>
  </si>
  <si>
    <t>キャノーラ油ハーフユース</t>
  </si>
  <si>
    <t>キャノーラ油ハーフユース紙パック</t>
  </si>
  <si>
    <t>日清キャノーラ油</t>
  </si>
  <si>
    <t>日清キャノーラ油ヘルシーライト</t>
  </si>
  <si>
    <t>ヘルシーキャノーラ油</t>
  </si>
  <si>
    <t>豊年キャノーラ油</t>
  </si>
  <si>
    <t>サラダ油エコパウチ</t>
  </si>
  <si>
    <t>さらさらキャノーラ油　エコパウチ</t>
  </si>
  <si>
    <t>から揚げの日の油</t>
  </si>
  <si>
    <t>味の素さらさらキャノーラ油</t>
  </si>
  <si>
    <t>味の素健康キャノーラＥ</t>
  </si>
  <si>
    <t>味の素胚芽の恵み玄米油</t>
  </si>
  <si>
    <t>キャノーラ炒め油</t>
  </si>
  <si>
    <t>キャノーラバランスＥ</t>
  </si>
  <si>
    <t>コーン油</t>
  </si>
  <si>
    <t>一番絞り向日葵油</t>
  </si>
  <si>
    <t>ひまわり油　100%</t>
  </si>
  <si>
    <t>VERA</t>
  </si>
  <si>
    <t>グレープシード</t>
  </si>
  <si>
    <t>バローレグレープシードオイル</t>
  </si>
  <si>
    <t>いつでも新鮮　グレープシードオイル</t>
  </si>
  <si>
    <t>ピュアグレープシードオイル</t>
  </si>
  <si>
    <t>ｵﾘｰﾌﾞ＆ｸﾞﾚｰﾌﾟｼｰﾄﾞｵｲﾙ_瓶_200g</t>
  </si>
  <si>
    <t>オリーブ＆グレープシードオイル</t>
  </si>
  <si>
    <t>ヘルシーグレープシードオイル</t>
  </si>
  <si>
    <t>462g</t>
  </si>
  <si>
    <t>健康系（特保など）</t>
  </si>
  <si>
    <t>MCTオイル</t>
  </si>
  <si>
    <t>エコナコレステロール</t>
  </si>
  <si>
    <t>エコナコレステロール　天ぷら粉セット</t>
  </si>
  <si>
    <t>昭和産業オレインリッチ</t>
  </si>
  <si>
    <t>昭和産業健康こめ油</t>
  </si>
  <si>
    <t>日清_ﾍﾙｼｰﾘｾｯﾀ_ﾍﾟｯﾄ_400g</t>
  </si>
  <si>
    <t>健康サララ　エコパウチ</t>
  </si>
  <si>
    <t>Ｊ-オイルミルズ　味の素　アマニブレンド油　４１０ｇ</t>
  </si>
  <si>
    <t>味の素健康サララ</t>
  </si>
  <si>
    <t>マルタえごまオイル</t>
  </si>
  <si>
    <t>太田油脂</t>
  </si>
  <si>
    <t>ｵｵﾀﾕｼ</t>
  </si>
  <si>
    <t>こめ油</t>
  </si>
  <si>
    <t>国産こめ油スプレーRICEBRANOILSPRAY</t>
  </si>
  <si>
    <t>日清オイリオ　こめ油　ＰＥＴ　２００ｇ</t>
  </si>
  <si>
    <t>日清こめ油紙パック</t>
  </si>
  <si>
    <t>味の素こめ油</t>
  </si>
  <si>
    <t>築野食品工業</t>
  </si>
  <si>
    <t>ﾂﾉｼｮｸﾋﾝ</t>
  </si>
  <si>
    <t>キングこめ油</t>
  </si>
  <si>
    <t>専用調理油（ラードなど）</t>
  </si>
  <si>
    <t>ピリ辛ごま香油</t>
  </si>
  <si>
    <t>やみつきオイルごま油にんにく</t>
  </si>
  <si>
    <t>やみつきオイルガーリックバター</t>
  </si>
  <si>
    <t>やみつきオイルアジアンパクチー</t>
  </si>
  <si>
    <t>BOSCOシーズニングオイルレッドペッパー</t>
  </si>
  <si>
    <t>やみつきオイル海老ラー油</t>
  </si>
  <si>
    <t>塩とレモンとオリーブオイル　瓶</t>
  </si>
  <si>
    <t>イタメアブラ</t>
  </si>
  <si>
    <t>エコナクッキングオイル</t>
  </si>
  <si>
    <t>エコナ炒め専用油</t>
  </si>
  <si>
    <t>油っこくない炒め油1/2</t>
  </si>
  <si>
    <t>ボスコオリーブオイルガーリック</t>
  </si>
  <si>
    <t>ボスコハーブオイルオリーブバジ</t>
  </si>
  <si>
    <t>ボスコオリーブオイルトウガラシ</t>
  </si>
  <si>
    <t>日清オイリオ　ピリ辛ごま香油</t>
  </si>
  <si>
    <t>ﾊｰﾌﾞｵｲﾙｶﾞｰﾘｯｸ</t>
  </si>
  <si>
    <t>7g×4</t>
  </si>
  <si>
    <t>ﾊｰﾌﾞｵｲﾙｶﾞｰﾘｯｸ･ﾚｯﾄﾞﾍﾟｯﾊﾟｰ</t>
  </si>
  <si>
    <t>オリーブ＆ガーリックオイル</t>
  </si>
  <si>
    <t>揚げずに唐揚オイル</t>
  </si>
  <si>
    <t>16GX3</t>
  </si>
  <si>
    <t>味つけごま香油ごま油×醤油</t>
  </si>
  <si>
    <t>味つけごま香油ごま油×塩にんにく</t>
  </si>
  <si>
    <t>コクと旨みのやみつきオイル</t>
  </si>
  <si>
    <t>ピエトロシェフズガーリックオイル</t>
  </si>
  <si>
    <t>やみつきオイルガーリックバター風味</t>
  </si>
  <si>
    <t>ピエトロシェフス辛味ガーリックオイル</t>
  </si>
  <si>
    <t>純製ラード</t>
  </si>
  <si>
    <t>さらさらキャノーラ油　あっさり炒め_1/2</t>
  </si>
  <si>
    <t>ＡＪ　オリーブ＆ガーリックフレーバーオイル</t>
  </si>
  <si>
    <t>ＡＪ　オリーブ＆レッドペパーフレーバーオイル</t>
  </si>
  <si>
    <t>ＡＪ　オリーブ＆バジルフレーバーオイル</t>
  </si>
  <si>
    <t>ＡＪＩＮＯＭＯＴＯオリーブ＆ガーリックフレーバーオイル</t>
  </si>
  <si>
    <t>ｵﾘｰﾌﾞ＆ﾊﾞｼﾞﾙ_ﾌﾚｰﾊﾞｰｵｲﾙ</t>
  </si>
  <si>
    <t>ｵﾘｰﾌﾞ＆ﾚｯﾄﾞﾍﾟﾊﾟｰ__ﾌﾚｰﾊﾞｰｵｲﾙ</t>
  </si>
  <si>
    <t>Jｰｵｲﾙﾐﾙｽﾞ</t>
  </si>
  <si>
    <t>大豆レシチン　顆粒分包</t>
  </si>
  <si>
    <t>九鬼胡麻辣油</t>
  </si>
  <si>
    <t>ギーイージーバターオイル</t>
  </si>
  <si>
    <t>中容量（501g～899g）</t>
  </si>
  <si>
    <t>ごま油</t>
  </si>
  <si>
    <t>ひまわり油</t>
  </si>
  <si>
    <t>MIGASA</t>
  </si>
  <si>
    <t>コーンサラダ油ボトル</t>
  </si>
  <si>
    <t>ベニハナアブラ　ペツト</t>
  </si>
  <si>
    <t>衣花咲く揚げ油</t>
  </si>
  <si>
    <t>ごま油好きのごま油</t>
  </si>
  <si>
    <t>サラダユＳＰ</t>
  </si>
  <si>
    <t>キャノーラユＳＰ</t>
  </si>
  <si>
    <t>キャノーラ油　エコパウチ</t>
  </si>
  <si>
    <t>紅花油</t>
  </si>
  <si>
    <t>ごま油本ごま絞り</t>
  </si>
  <si>
    <t>バランスオイルバランス</t>
  </si>
  <si>
    <t>バランスオイルダイエット</t>
  </si>
  <si>
    <t>バランスオイルヘルシーE</t>
  </si>
  <si>
    <t>キャノーラ油ヘルシーライト</t>
  </si>
  <si>
    <t>ベジフルーツオイル</t>
  </si>
  <si>
    <t>キャノーラ油エコアップ</t>
  </si>
  <si>
    <t>ヘルシーベジオイル</t>
  </si>
  <si>
    <t>ヘルシーオフペット</t>
  </si>
  <si>
    <t>ヘルシーべジオイル</t>
  </si>
  <si>
    <t>キャノーラ＆アマニ油</t>
  </si>
  <si>
    <t>ヘルシークリア</t>
  </si>
  <si>
    <t>キャノーラ油健康プラス</t>
  </si>
  <si>
    <t>ヘルシーピュアライト</t>
  </si>
  <si>
    <t>サラダユ１０００ＭＬ</t>
  </si>
  <si>
    <t>Ｊオイル軽-いおいしさ長持ち油</t>
  </si>
  <si>
    <t>サラダユボトル</t>
  </si>
  <si>
    <t>味の素　さらさらキャノーラ油　６００ｇ</t>
  </si>
  <si>
    <t>さらさらｷｬﾉｰﾗ健康ﾌﾟﾗｽ</t>
  </si>
  <si>
    <t>アマニブレンド油</t>
  </si>
  <si>
    <t>コクとうまみの大豆の油</t>
  </si>
  <si>
    <t>Jｵｲﾙ</t>
  </si>
  <si>
    <t>さらさらキャノーラ紙パック</t>
  </si>
  <si>
    <t>AJオリーブたっぷりCオイル600g</t>
  </si>
  <si>
    <t>AJダブルハーフ600g</t>
  </si>
  <si>
    <t>軽くてあっさりしたオリーブオイル720g</t>
  </si>
  <si>
    <t>キャノーラ油エコペット</t>
  </si>
  <si>
    <t>キャノーラ油エコパウチ</t>
  </si>
  <si>
    <t>胚芽の恵みコーン油</t>
  </si>
  <si>
    <t>生でかけて味わうごま油</t>
  </si>
  <si>
    <t>豊年グレープシードオイル</t>
  </si>
  <si>
    <t>ケンコウサラダ</t>
  </si>
  <si>
    <t>健康エコナ体脂肪マヨ付き</t>
  </si>
  <si>
    <t>健康エコナ体脂肪</t>
  </si>
  <si>
    <t>ヘルシーリセッタ</t>
  </si>
  <si>
    <t>ヘルシーコレステ</t>
  </si>
  <si>
    <t>健康オイルアマニプラス</t>
  </si>
  <si>
    <t>こめ油プラスボトル</t>
  </si>
  <si>
    <t>アマニ油プラスペット</t>
  </si>
  <si>
    <t>MCTリセッタ</t>
  </si>
  <si>
    <t>大豆のサラダオイル</t>
  </si>
  <si>
    <t>大豆の油</t>
  </si>
  <si>
    <t>健康サララエコペット</t>
  </si>
  <si>
    <t>松川浦ピリ辛かけるあおさオリーブオイル仕立て</t>
  </si>
  <si>
    <t>マルリフーズ</t>
  </si>
  <si>
    <t>ﾏﾙﾘﾌｰｽﾞ</t>
  </si>
  <si>
    <t>べに花油</t>
  </si>
  <si>
    <t>一番搾りべに花油ペット</t>
  </si>
  <si>
    <t>綿実油</t>
  </si>
  <si>
    <t>綿実油ペット</t>
  </si>
  <si>
    <t>健康こめ油</t>
  </si>
  <si>
    <t>おいしい米油</t>
  </si>
  <si>
    <t>ﾎﾞｰｿｰﾕｼ</t>
  </si>
  <si>
    <t>エコナ揚げ油</t>
  </si>
  <si>
    <t>さらさらキャノーラ油炒めは１／２</t>
  </si>
  <si>
    <t>炒め油</t>
  </si>
  <si>
    <t>カラッとフライオイル</t>
  </si>
  <si>
    <t>純正ラード</t>
  </si>
  <si>
    <t>大容量（900g~1000g）</t>
  </si>
  <si>
    <t>ヘルシーオフ2個セット</t>
  </si>
  <si>
    <t>キャノーラ油2本セット</t>
  </si>
  <si>
    <t>キャノーラ油4個セット</t>
  </si>
  <si>
    <t>昭和キャノーラ油4個セット</t>
  </si>
  <si>
    <t>ヘルシーオフ_8個ｾｯﾄ</t>
  </si>
  <si>
    <t>900g*8</t>
  </si>
  <si>
    <t>ブレンドオイル　(スペイン産)</t>
  </si>
  <si>
    <t>ピュア　ひまわり油</t>
  </si>
  <si>
    <t>サラダ油エコボトル</t>
  </si>
  <si>
    <t>キャノーラ油　ヘルシーライト</t>
  </si>
  <si>
    <t>ヘルシーキャノーラＥ</t>
  </si>
  <si>
    <t>日清ヘルシーキャノーラ油</t>
  </si>
  <si>
    <t>やさしいキャノーラ油</t>
  </si>
  <si>
    <t>ｺｰﾝ油</t>
  </si>
  <si>
    <t>ヘルシーオフ</t>
  </si>
  <si>
    <t>キャノーラ油ナチュメイド</t>
  </si>
  <si>
    <t>キャノーラ＆アマニ油ポリ</t>
  </si>
  <si>
    <t>リノール　サラダ油　ポリ</t>
  </si>
  <si>
    <t>さらさらキャノーラ油健康プラス</t>
  </si>
  <si>
    <t>一番しぼりキャノーラ油エコＰ</t>
  </si>
  <si>
    <t>さらさらキャノーラ油</t>
  </si>
  <si>
    <t>1350g</t>
  </si>
  <si>
    <t>軽-いおいしさ長持ち油</t>
  </si>
  <si>
    <t>味の素_さらさらｷｬﾉｰﾗ油ﾍﾙｼｰﾋﾟｭｱﾗｲﾄ_1Kg</t>
  </si>
  <si>
    <t>ヘルシーオメガバランス</t>
  </si>
  <si>
    <t>さらさらキャノーラ油軽やか仕立て</t>
  </si>
  <si>
    <t>ダブルハーフ</t>
  </si>
  <si>
    <t>サラダ油　エコパック</t>
  </si>
  <si>
    <t>一番搾りキャノーラ油エコＰ</t>
  </si>
  <si>
    <t>キャノーラ油1000ml</t>
  </si>
  <si>
    <t>コーンサラダ油</t>
  </si>
  <si>
    <t>コーン＆キャノーラ油</t>
  </si>
  <si>
    <t>ズッキひまわり油（オリオ・ディ・ジラソーレ）</t>
  </si>
  <si>
    <t>モリーノミックスオイル（サンフラワー、ＥＸＶ）１Ｌ</t>
  </si>
  <si>
    <t>ﾓﾘｰﾉ</t>
  </si>
  <si>
    <t>918g</t>
  </si>
  <si>
    <t>アシストVグレープシードオイルスペイン産</t>
  </si>
  <si>
    <t>日清ヘルシーリセッタ</t>
  </si>
  <si>
    <t>オメガバランス</t>
  </si>
  <si>
    <t>大豆の油健康プラス</t>
  </si>
  <si>
    <t>900ｇ</t>
  </si>
  <si>
    <t>こめ油2本セット</t>
  </si>
  <si>
    <t>こめ油ポリ</t>
  </si>
  <si>
    <t>こめ油たっぷりオイル</t>
  </si>
  <si>
    <t>まいにちの米油</t>
  </si>
  <si>
    <t>三和油脂</t>
  </si>
  <si>
    <t>ｻﾝﾜﾕｼ</t>
  </si>
  <si>
    <t>912g</t>
  </si>
  <si>
    <t>日清フレーバーリッチ　バター</t>
  </si>
  <si>
    <t>日清フレーバーリッチ　レッドペッパー</t>
  </si>
  <si>
    <t>特大容量（1001g～</t>
  </si>
  <si>
    <t>サラダオイル</t>
  </si>
  <si>
    <t>1306g</t>
  </si>
  <si>
    <t>トライアルキャノーラ油1500ｍｌ×3本セット</t>
  </si>
  <si>
    <t>昭和キャノーラ油</t>
  </si>
  <si>
    <t>コーンユ</t>
  </si>
  <si>
    <t>8000g</t>
  </si>
  <si>
    <t>キャノーラ油8ｋｇ</t>
  </si>
  <si>
    <t>8kg</t>
  </si>
  <si>
    <t>日清サラダ油白　綿実油入り3ｋｇ</t>
  </si>
  <si>
    <t>３ｋｇ</t>
  </si>
  <si>
    <t>キャノーラ油＆紅花油</t>
  </si>
  <si>
    <t>日進オイリオヘルシーオイルバラエティギフ</t>
  </si>
  <si>
    <t>調味料御買得品</t>
  </si>
  <si>
    <t>サラダ油　ＴＵＰ</t>
  </si>
  <si>
    <t>さらさらキャノーラ油ライトプラス</t>
  </si>
  <si>
    <t>桜ホワイトサラダ油</t>
  </si>
  <si>
    <t>キャノーラユ</t>
  </si>
  <si>
    <t>Ｊオイルミルズ　サラダ油　オレンジ　１６．５ｋｇ</t>
  </si>
  <si>
    <t>16.5KG</t>
  </si>
  <si>
    <t>菜種白絞油ﾊﾞｯｸｲﾝﾎﾞｯｸｽ9kg</t>
  </si>
  <si>
    <t>大豆白絞油ﾊﾞｯｸｲﾝﾎﾞｯｸｽ9kg</t>
  </si>
  <si>
    <t>一番搾りｷｬﾉｰﾗｻﾗﾀﾞﾊﾞｯｸｲﾝﾎﾞｯｸｽ9kg</t>
  </si>
  <si>
    <t>菜種ｻﾗﾀﾞ油8kg缶</t>
  </si>
  <si>
    <t>1缶</t>
  </si>
  <si>
    <t>大豆白絞油</t>
  </si>
  <si>
    <t>16500g</t>
  </si>
  <si>
    <t>キャノーラサラダ油一斗缶</t>
  </si>
  <si>
    <t>16.5kg</t>
  </si>
  <si>
    <t>1350ml</t>
  </si>
  <si>
    <t>一番搾りキャノーラサラダ油8kg缶</t>
  </si>
  <si>
    <t>ｷｬﾉｰﾗｻﾗﾀﾞﾋﾟﾛｰﾊﾟｯｸ2kg</t>
  </si>
  <si>
    <t>一番搾り純正菜種油</t>
  </si>
  <si>
    <t>平田産業</t>
  </si>
  <si>
    <t>ﾋﾗﾀｻﾝｷﾞｮｳ</t>
  </si>
  <si>
    <t>日清オイル＆調味料バラエティｷﾞﾌﾄ</t>
  </si>
  <si>
    <t>ＳＯＮ-60</t>
  </si>
  <si>
    <t>えごま油</t>
  </si>
  <si>
    <t>焙煎ごま油</t>
  </si>
  <si>
    <t>健康サララ</t>
  </si>
  <si>
    <t>卓上用ごま油</t>
  </si>
  <si>
    <t>ﾀｹﾓﾄﾕｼ</t>
  </si>
  <si>
    <t>えごまオイル</t>
  </si>
  <si>
    <t>１０包</t>
  </si>
  <si>
    <t>ムエルオリヴァ__グレープシードオイル__４６２ｇ</t>
  </si>
  <si>
    <t>こめ油2個セット</t>
  </si>
  <si>
    <t>まいにちのこめ油</t>
  </si>
  <si>
    <t>ボーソー油脂米油</t>
  </si>
  <si>
    <t>米油</t>
  </si>
  <si>
    <t>エコナオイルパック</t>
  </si>
  <si>
    <t>エコナオイルセット</t>
  </si>
  <si>
    <t>エコナ天ぷらセット</t>
  </si>
  <si>
    <t>日清炒め油スペシャル</t>
  </si>
  <si>
    <t>日清炒飯油スタンダード</t>
  </si>
  <si>
    <t>小容量（~100g）</t>
  </si>
  <si>
    <t>純正ごま油</t>
  </si>
  <si>
    <t>九鬼特撰芳醇黒胡麻油</t>
  </si>
  <si>
    <t>ゴマ油</t>
  </si>
  <si>
    <t>８０ｍｌ</t>
  </si>
  <si>
    <t>調合</t>
  </si>
  <si>
    <t>ヘルシーごま香油</t>
  </si>
  <si>
    <t>味の素_香りしっかり調合ごま油_70g</t>
  </si>
  <si>
    <t>健康調合ごま油</t>
  </si>
  <si>
    <t>焙煎ごま香味油</t>
  </si>
  <si>
    <t>中容量（101g~200g）</t>
  </si>
  <si>
    <t>純正黒ごま油</t>
  </si>
  <si>
    <t>かどや_純正ごま油_１５０ｇ</t>
  </si>
  <si>
    <t>健やかごま油</t>
  </si>
  <si>
    <t>香りひきたつごま油</t>
  </si>
  <si>
    <t>純正香りひきたつごま油</t>
  </si>
  <si>
    <t>かけて香るごま油</t>
  </si>
  <si>
    <t>日清純正ごま油</t>
  </si>
  <si>
    <t>味の素ごま油好きごま油</t>
  </si>
  <si>
    <t>マルホンかけ旨ごま油一番搾り</t>
  </si>
  <si>
    <t>竹本油脂</t>
  </si>
  <si>
    <t>純正ごま油ゴールド</t>
  </si>
  <si>
    <t>純正ごま油　ゴールド</t>
  </si>
  <si>
    <t>ﾀｹﾓﾄ</t>
  </si>
  <si>
    <t>胡麻油</t>
  </si>
  <si>
    <t>マルホン圧搾純正胡麻油</t>
  </si>
  <si>
    <t>胡麻油一番搾り</t>
  </si>
  <si>
    <t>マルホンかけ旨ごま油マイルド</t>
  </si>
  <si>
    <t>有機黒ごま油</t>
  </si>
  <si>
    <t>岩井の純正胡麻油金口</t>
  </si>
  <si>
    <t>岩井の胡麻油</t>
  </si>
  <si>
    <t>ｲﾜｲﾉｺﾞﾏｱﾌﾞ</t>
  </si>
  <si>
    <t>横浜特選純正黒胡麻油</t>
  </si>
  <si>
    <t>ｲﾜｲ</t>
  </si>
  <si>
    <t>九鬼ヤマシチ純正胡麻油</t>
  </si>
  <si>
    <t>九鬼　一番搾り純正黒ごま油セサミン５０％アップ　１５０ｇ</t>
  </si>
  <si>
    <t>九鬼純正胡麻油うすくち</t>
  </si>
  <si>
    <t>調合ごま油</t>
  </si>
  <si>
    <t>ヘルシーごま香油セサミンプラス</t>
  </si>
  <si>
    <t>Ｊオイル香りしっかり調合ごま油</t>
  </si>
  <si>
    <t>アマニ油入ごま油</t>
  </si>
  <si>
    <t>えごま油入ごま油</t>
  </si>
  <si>
    <t>味の素焙煎ごま香味油</t>
  </si>
  <si>
    <t>かけ旨ごま油ワイルド</t>
  </si>
  <si>
    <t>セサミンごま油ブレンド</t>
  </si>
  <si>
    <t>濃口</t>
  </si>
  <si>
    <t>純正ごま油濃口</t>
  </si>
  <si>
    <t>味の素濃口ごま油</t>
  </si>
  <si>
    <t>太香胡麻油　濃口</t>
  </si>
  <si>
    <t>岩井の純正胡麻油濃口</t>
  </si>
  <si>
    <t>九鬼純正胡麻油こいくち</t>
  </si>
  <si>
    <t>純白</t>
  </si>
  <si>
    <t>純白ごま油</t>
  </si>
  <si>
    <t>太白胡麻油</t>
  </si>
  <si>
    <t>マルホン　太白胡麻油　150g</t>
  </si>
  <si>
    <t>岩井の純正胡麻油黄白</t>
  </si>
  <si>
    <t>九鬼太白胡麻油瓶</t>
  </si>
  <si>
    <t>大容量（201g～600g）</t>
  </si>
  <si>
    <t>金印純正ごま油PET400g2個セット</t>
  </si>
  <si>
    <t>かどやの純正ごま油600ｇ２本セット</t>
  </si>
  <si>
    <t>金印ごま油2個セット</t>
  </si>
  <si>
    <t>マルホン__圧搾純正胡麻油2本セット</t>
  </si>
  <si>
    <t>450g*2</t>
  </si>
  <si>
    <t>こめ油ペット</t>
  </si>
  <si>
    <t>金印純正ごま油</t>
  </si>
  <si>
    <t>金印ごま油</t>
  </si>
  <si>
    <t>銀印純正ごま油</t>
  </si>
  <si>
    <t>香りひき立つごま油</t>
  </si>
  <si>
    <t>純正香りひき立つごま油</t>
  </si>
  <si>
    <t>純正ごま油紙パック</t>
  </si>
  <si>
    <t>味の素ごま油好きの純正ごま油</t>
  </si>
  <si>
    <t>圧搾純正胡麻油300g</t>
  </si>
  <si>
    <t>圧搾純正胡麻油ペット</t>
  </si>
  <si>
    <t>マルホン　太香胡麻油</t>
  </si>
  <si>
    <t>マルホン　太香胡麻油　ペット　３００ｇ</t>
  </si>
  <si>
    <t>マルホン太香胡麻油ペット</t>
  </si>
  <si>
    <t>太香胡麻油</t>
  </si>
  <si>
    <t>成城石井__有機焙煎胡麻油__４５０ｇ</t>
  </si>
  <si>
    <t>純正胡麻油</t>
  </si>
  <si>
    <t>芳醇胡麻油</t>
  </si>
  <si>
    <t>純正ごま油200g</t>
  </si>
  <si>
    <t>純正ごま油400g</t>
  </si>
  <si>
    <t>一番搾り胡麻油</t>
  </si>
  <si>
    <t>山田製油</t>
  </si>
  <si>
    <t>ﾍﾝｺﾔﾏﾀﾞ</t>
  </si>
  <si>
    <t>ヘルシーごま香油350g2個セット</t>
  </si>
  <si>
    <t>ヘルシーごま油4個セット</t>
  </si>
  <si>
    <t>ヘルシーごま香油3本セット</t>
  </si>
  <si>
    <t>日清ヘルシーごま香油</t>
  </si>
  <si>
    <t>ヘルシーごま油</t>
  </si>
  <si>
    <t>ヘルシーごま香油紙パック</t>
  </si>
  <si>
    <t>味の素_香りしっかり調合ごま油_瓶_340g</t>
  </si>
  <si>
    <t>jｵｲﾙ</t>
  </si>
  <si>
    <t>ごま香るお料理油</t>
  </si>
  <si>
    <t>圧搾純正胡麻油濃口</t>
  </si>
  <si>
    <t>マルホン　太香胡麻油濃口　450g</t>
  </si>
  <si>
    <t>純正胡麻油こいくち</t>
  </si>
  <si>
    <t>純正胡麻油濃口瓶</t>
  </si>
  <si>
    <t>かどやの太白ごま油</t>
  </si>
  <si>
    <t>マルホン　太白胡麻油　ペット　３００ｇ</t>
  </si>
  <si>
    <t>マルホン太白胡麻油ペット</t>
  </si>
  <si>
    <t>マルホン　太白胡麻油</t>
  </si>
  <si>
    <t>太白純正胡麻油</t>
  </si>
  <si>
    <t>金白純正胡麻油瓶</t>
  </si>
  <si>
    <t>特大容量（601g～</t>
  </si>
  <si>
    <t>純正胡麻油700G</t>
  </si>
  <si>
    <t>マルホン圧搾純正胡麻油ペット700g</t>
  </si>
  <si>
    <t>太香胡麻油　ペット</t>
  </si>
  <si>
    <t>九鬼天麩羅胡麻油</t>
  </si>
  <si>
    <t>日清調合ごま油</t>
  </si>
  <si>
    <t>ヘルシーごま香油ポリ</t>
  </si>
  <si>
    <t>銀印ごま油濃口</t>
  </si>
  <si>
    <t>金印ごま油濃口</t>
  </si>
  <si>
    <t>トスサラタイ風エスニック味</t>
  </si>
  <si>
    <t>２６．８Ｇ</t>
  </si>
  <si>
    <t>ﾄｯｻﾗ豆腐と水菜の和風ごまｻﾗ</t>
  </si>
  <si>
    <t>トッサラサラダチキンとサニーラタ</t>
  </si>
  <si>
    <t>19.ｇ</t>
  </si>
  <si>
    <t>えごま油　３ｇＸ３０包</t>
  </si>
  <si>
    <t>アマニ油　袋　３ｇＸ３０包</t>
  </si>
  <si>
    <t>ﾘｹﾝｷｬﾉｰﾗ油</t>
  </si>
  <si>
    <t>味の素バラエティ健康油ギフト</t>
  </si>
  <si>
    <t>ＬＰＫ－２０</t>
  </si>
  <si>
    <t>ｻﾗﾀﾞ仕立ごまあえの素ゆず味</t>
  </si>
  <si>
    <t>ｻﾗﾀﾞ仕立ごまあえの素中華味</t>
  </si>
  <si>
    <t>アマニ油入りドレッシング青じそ</t>
  </si>
  <si>
    <t>日清ｵｲﾘｵﾍﾙｼｰﾘﾉﾚﾝ6</t>
  </si>
  <si>
    <t>からだに大豆　やさしい油</t>
  </si>
  <si>
    <t>サラドレ味わいオリーブフレン</t>
  </si>
  <si>
    <t>サラドレ味わいバルサミコス</t>
  </si>
  <si>
    <t>日清べに花油</t>
  </si>
  <si>
    <t>日清ヘルシーベジオイル</t>
  </si>
  <si>
    <t>日清キャノーラ油Ｅ</t>
  </si>
  <si>
    <t>バターフレーバーオイル</t>
  </si>
  <si>
    <t>プレミアムサラダオイル</t>
  </si>
  <si>
    <t>ごちそうマジックグルメ和風ド</t>
  </si>
  <si>
    <t>太白胡麻油　ペット</t>
  </si>
  <si>
    <t>太白胡麻油ペット</t>
  </si>
  <si>
    <t>山椒香味油</t>
  </si>
  <si>
    <t>カリッとラー油</t>
  </si>
  <si>
    <t>430G</t>
  </si>
  <si>
    <t>生食用</t>
  </si>
  <si>
    <t>アマニ油</t>
  </si>
  <si>
    <t>小分け</t>
  </si>
  <si>
    <t>3g*10包</t>
  </si>
  <si>
    <t>ローストアマニ粉末</t>
  </si>
  <si>
    <t>アマニ油プレミアムリッチ</t>
  </si>
  <si>
    <t>Ｊ-オイルミルズ　味の素　アマニ油　１００ｇ</t>
  </si>
  <si>
    <t>毎日アマニ油</t>
  </si>
  <si>
    <t>紅花有機亜麻仁油</t>
  </si>
  <si>
    <t>紅花食品</t>
  </si>
  <si>
    <t>ﾍﾞﾆﾊﾞﾅ</t>
  </si>
  <si>
    <t>中容量（100g~200g）</t>
  </si>
  <si>
    <t>アマニ油効果180g</t>
  </si>
  <si>
    <t>ﾆﾂﾌﾟﾝ</t>
  </si>
  <si>
    <t>日清オイリオ　アマニ油　試供品つき　３４５ｇ</t>
  </si>
  <si>
    <t>345G</t>
  </si>
  <si>
    <t>アマニ油試供品つき</t>
  </si>
  <si>
    <t>145g+200g</t>
  </si>
  <si>
    <t>日清アマニ油</t>
  </si>
  <si>
    <t>亜麻仁一番搾り</t>
  </si>
  <si>
    <t>亜麻仁油</t>
  </si>
  <si>
    <t>１５０g</t>
  </si>
  <si>
    <t>大容量（200g～）</t>
  </si>
  <si>
    <t>アマニ油フレッシュキープボトル</t>
  </si>
  <si>
    <t>日清アマニ油2本セット</t>
  </si>
  <si>
    <t>成城石井__カナダ産フラックスシードオイル</t>
  </si>
  <si>
    <t>成城石井__エクストラバージン__アボカドオイル__２７０ｇ</t>
  </si>
  <si>
    <t>オーフス　ピュア　ウォールナッツオイル</t>
  </si>
  <si>
    <t>オーフス　ピュア　アーモンドオイル</t>
  </si>
  <si>
    <t>オーフス　マカデミアナッツ　オイル</t>
  </si>
  <si>
    <t>えごま油・紫蘇油</t>
  </si>
  <si>
    <t>有機えごま油瓶</t>
  </si>
  <si>
    <t>サミット製油　しその油　９３ｇ</t>
  </si>
  <si>
    <t>えごま一番</t>
  </si>
  <si>
    <t>えごま油瓶</t>
  </si>
  <si>
    <t>えごまブレンド油</t>
  </si>
  <si>
    <t>生えごま油_瓶_165g</t>
  </si>
  <si>
    <t>41Oilsえごま油</t>
  </si>
  <si>
    <t>生一番しぼり　えごま油　１６５ｇ</t>
  </si>
  <si>
    <t>GOSEI_えごま油　165g</t>
  </si>
  <si>
    <t>ｲﾂﾂﾎﾞｼ</t>
  </si>
  <si>
    <t>生えごま油　低温圧搾一番搾り</t>
  </si>
  <si>
    <t>淳子</t>
  </si>
  <si>
    <t>ｼﾞｭﾝｺｵｲﾙ</t>
  </si>
  <si>
    <t>有機えごま油ボトル</t>
  </si>
  <si>
    <t>有機えごま油フレッシュキープボトル+えごまドレッシング</t>
  </si>
  <si>
    <t>145g+180ml</t>
  </si>
  <si>
    <t>一番しぼり_しその実油_瓶</t>
  </si>
  <si>
    <t>ﾎﾞｰｿｰ</t>
  </si>
  <si>
    <t>紫蘇油一番搾り</t>
  </si>
  <si>
    <t>荏胡麻油</t>
  </si>
  <si>
    <t>黒えごま油</t>
  </si>
  <si>
    <t>ヘピョ生えごま油</t>
  </si>
  <si>
    <t>有機えごま油</t>
  </si>
  <si>
    <t>日清有機えごま油</t>
  </si>
  <si>
    <t>MCTCHARGEオイル</t>
  </si>
  <si>
    <t>6g×14P</t>
  </si>
  <si>
    <t>MCTオイルポーション60g</t>
  </si>
  <si>
    <t>6g×10P</t>
  </si>
  <si>
    <t>MCTオイルポーション</t>
  </si>
  <si>
    <t>中鎖脂肪酸100%オイル</t>
  </si>
  <si>
    <t>ＭＣＴオイルお試しセット</t>
  </si>
  <si>
    <t>85g＋2g×7ﾎﾝ</t>
  </si>
  <si>
    <t>MCTオイルHC</t>
  </si>
  <si>
    <t>MCTオイルお試しセット</t>
  </si>
  <si>
    <t>90g+2g×7本</t>
  </si>
  <si>
    <t>日清オイリオ　日清ＭＣＴオイル　１８０ｇ</t>
  </si>
  <si>
    <t>MCTオイルHCお試しセット</t>
  </si>
  <si>
    <t>200g+50g</t>
  </si>
  <si>
    <t>MCTオイル2本セット</t>
  </si>
  <si>
    <t>ココナッツオイル</t>
  </si>
  <si>
    <t>エクストラバージンココナッツオイル</t>
  </si>
  <si>
    <t>エキストラバージンココナッツオイル</t>
  </si>
  <si>
    <t>成城石井__有機エキストラバージンココナッツオイル__１８５ｇ</t>
  </si>
  <si>
    <t>チャオコーココナッツオイル</t>
  </si>
  <si>
    <t>バージンココナッツオイル　（ジャー）</t>
  </si>
  <si>
    <t>ﾁｬｵｺｰ</t>
  </si>
  <si>
    <t>トロピカナオイル　オーガニックバージンココナッツオイル</t>
  </si>
  <si>
    <t>Ｒ＆Ｓ　ココナッツクッキングオイル</t>
  </si>
  <si>
    <t>バージンココナッツオイル</t>
  </si>
  <si>
    <t>EXTRA_VIRGIN_ココナッツオイル</t>
  </si>
  <si>
    <t>三和通商</t>
  </si>
  <si>
    <t>ｻﾝﾜﾂｳｼｮｳ</t>
  </si>
  <si>
    <t>ココティエ　オーガニックバージンココナッツオイル</t>
  </si>
  <si>
    <t>マンゴーズ有機エクストラバージンココナッツオイル</t>
  </si>
  <si>
    <t>ＭＡＮＧＯＳ</t>
  </si>
  <si>
    <t>ﾏﾝｺﾞ-ｽﾞ</t>
  </si>
  <si>
    <t>ＪＡＳ有機ココナッツオイル</t>
  </si>
  <si>
    <t>その他希少性</t>
  </si>
  <si>
    <t>サミット製油　くるみ油　９３ｇ</t>
  </si>
  <si>
    <t>はねにんにくオイル</t>
  </si>
  <si>
    <t>はねにんにくファーム</t>
  </si>
  <si>
    <t>ｴｶﾞﾁｬﾝﾉｳｴﾝ</t>
  </si>
  <si>
    <t>ﾁｱｼｰﾄﾞｵｲﾙ　___90G</t>
  </si>
  <si>
    <t>ｼﾞｪｲﾌｧ-ﾑ</t>
  </si>
  <si>
    <t>黒トリュフオイル（黒トリュフ入り）</t>
  </si>
  <si>
    <t>エクストラヴァージン　アルガンオイル</t>
  </si>
  <si>
    <t>ﾆﾎﾝﾘｮｸﾁｬ</t>
  </si>
  <si>
    <t>ピュアアルガンオイル　ロースト</t>
  </si>
  <si>
    <t>アボカドオイル</t>
  </si>
  <si>
    <t>麻の実油一番搾り</t>
  </si>
  <si>
    <t>サミット製油　オメガ３　ＭＩＸ　１７０ｇ</t>
  </si>
  <si>
    <t>サルバチア</t>
  </si>
  <si>
    <t>研光通商</t>
  </si>
  <si>
    <t>ﾄｷﾞﾐﾂﾂｳｼｮｳ</t>
  </si>
  <si>
    <t>マカダミアナッツオイル</t>
  </si>
  <si>
    <t>だし菜種油</t>
  </si>
  <si>
    <t>肥後製油</t>
  </si>
  <si>
    <t>摂津製油オレバアボカドオイル</t>
  </si>
  <si>
    <t>攝津製油</t>
  </si>
  <si>
    <t>ｾｯﾂｾｲﾕ</t>
  </si>
  <si>
    <t>有機食用椿油</t>
  </si>
  <si>
    <t>サチャインチオイル</t>
  </si>
  <si>
    <t>２７０ｍｌ</t>
  </si>
  <si>
    <t>クルミオイル</t>
  </si>
  <si>
    <t>アボカドオイル　瓶</t>
  </si>
  <si>
    <t>ニューティバ　オーガニックヘンプオイル</t>
  </si>
  <si>
    <t>２１７ｇ</t>
  </si>
  <si>
    <t>ﾆｭ-ﾃｨﾊﾞ</t>
  </si>
  <si>
    <t>オリバードアボガドオイル</t>
  </si>
  <si>
    <t>洋風調味料</t>
  </si>
  <si>
    <t>茶</t>
  </si>
  <si>
    <t>リーフ</t>
  </si>
  <si>
    <t>小容量（～99g）</t>
  </si>
  <si>
    <t>こだわりの深蒸し八女茶</t>
  </si>
  <si>
    <t>大隈製茶</t>
  </si>
  <si>
    <t>ｵｵｸﾏｾｲﾁｬ</t>
  </si>
  <si>
    <t>伊勢茶煎茶</t>
  </si>
  <si>
    <t>まるやす</t>
  </si>
  <si>
    <t>蘭字デザイン深蒸し銘茶缶富士</t>
  </si>
  <si>
    <t>マルサン中野園</t>
  </si>
  <si>
    <t>ﾏﾙｻﾝﾅｶﾉｴﾝ</t>
  </si>
  <si>
    <t>蘭字デザイン深蒸し銘茶缶着物</t>
  </si>
  <si>
    <t>蘭字デザイン深蒸し銘茶缶日の出</t>
  </si>
  <si>
    <t>蘭字デザイン深蒸し銘茶缶茶摘み</t>
  </si>
  <si>
    <t>茶処めぐり豊後大野茶</t>
  </si>
  <si>
    <t>茶処めぐり八女茶</t>
  </si>
  <si>
    <t>茶処めぐり知覧茶</t>
  </si>
  <si>
    <t>茶処めぐり嬉野茶</t>
  </si>
  <si>
    <t>玉露入り緑茶_八女</t>
  </si>
  <si>
    <t>抹茶入り緑茶_八女</t>
  </si>
  <si>
    <t>選んでｅ　有機緑茶　光旬</t>
  </si>
  <si>
    <t>北限の黒羽茶上煎茶</t>
  </si>
  <si>
    <t>秋笹園</t>
  </si>
  <si>
    <t>ｱｷｻｻｴﾝ</t>
  </si>
  <si>
    <t>北限の黒羽茶特上煎茶</t>
  </si>
  <si>
    <t>鹿児島県産新茶</t>
  </si>
  <si>
    <t>千草屋</t>
  </si>
  <si>
    <t>ﾁｸﾞｻﾔ</t>
  </si>
  <si>
    <t>八女茶白折</t>
  </si>
  <si>
    <t>日頃､粉末緑茶</t>
  </si>
  <si>
    <t>日頃､八女煎茶</t>
  </si>
  <si>
    <t>日頃､知覧煎茶</t>
  </si>
  <si>
    <t>日頃､嬉野煎茶</t>
  </si>
  <si>
    <t>優信舎_国産緑茶_50G</t>
  </si>
  <si>
    <t>優信舎</t>
  </si>
  <si>
    <t>ｺｳｼﾝｼﾔ</t>
  </si>
  <si>
    <t>農家の自家用深蒸し茶</t>
  </si>
  <si>
    <t>半兵衛</t>
  </si>
  <si>
    <t>ﾊﾝﾍﾞｴ</t>
  </si>
  <si>
    <t>静岡産有機栽培茶</t>
  </si>
  <si>
    <t>静岡園</t>
  </si>
  <si>
    <t>ｼｽﾞｵｶｴﾝ</t>
  </si>
  <si>
    <t>いつものお茶玉露1500</t>
  </si>
  <si>
    <t>おーいお茶新茶深蒸し</t>
  </si>
  <si>
    <t>茶師がぞっこん惚れたお茶</t>
  </si>
  <si>
    <t>お～いお茶ぞっこん70ｇ</t>
  </si>
  <si>
    <t>おーいお茶濃い新茶</t>
  </si>
  <si>
    <t>おーいお茶　濃い新茶</t>
  </si>
  <si>
    <t>深むし八女茶</t>
  </si>
  <si>
    <t>お茶の小野園</t>
  </si>
  <si>
    <t>ｵﾁｬﾉｵﾉｴﾝ</t>
  </si>
  <si>
    <t>森半_ゆっくり味わう本玉露_70G</t>
  </si>
  <si>
    <t>共栄製茶</t>
  </si>
  <si>
    <t>ｷｮｳｴｲｾｲﾁｬ</t>
  </si>
  <si>
    <t>特煎茶</t>
  </si>
  <si>
    <t>特白折</t>
  </si>
  <si>
    <t>伊右衛門　煎茶</t>
  </si>
  <si>
    <t>ﾌｸｼﾞｭｾｲﾁｬ</t>
  </si>
  <si>
    <t>伊右衛門　茎茶</t>
  </si>
  <si>
    <t>炭火練りかぶせ茶入り八女玉露</t>
  </si>
  <si>
    <t>濃厚なのにふんわりとした_味わいのお茶</t>
  </si>
  <si>
    <t>鹿児島産新茶</t>
  </si>
  <si>
    <t>鹿児島県産新茶80g</t>
  </si>
  <si>
    <t>種子島新茶50g</t>
  </si>
  <si>
    <t>くらし応援_緑茶</t>
  </si>
  <si>
    <t>水仙</t>
  </si>
  <si>
    <t>龍井茶</t>
  </si>
  <si>
    <t>普茶</t>
  </si>
  <si>
    <t>桂花色種</t>
  </si>
  <si>
    <t>白牡丹</t>
  </si>
  <si>
    <t>黒茶</t>
  </si>
  <si>
    <t>嬉野茶</t>
  </si>
  <si>
    <t>奥八女茶</t>
  </si>
  <si>
    <t>知覧さえみどり</t>
  </si>
  <si>
    <t>煎茶　早乙女</t>
  </si>
  <si>
    <t>熱湯玉露</t>
  </si>
  <si>
    <t>抹茶千代の松</t>
  </si>
  <si>
    <t>煎茶早乙女</t>
  </si>
  <si>
    <t>鹿児島産一番摘み新茶</t>
  </si>
  <si>
    <t>土倉</t>
  </si>
  <si>
    <t>ﾂﾁｸﾗ</t>
  </si>
  <si>
    <t>新茶さつき</t>
  </si>
  <si>
    <t>生原茶</t>
  </si>
  <si>
    <t>丸勝園　深蒸し煎茶</t>
  </si>
  <si>
    <t>まるよ茶屋　一番茶入り　深むし茶_70g</t>
  </si>
  <si>
    <t>赤堀商店</t>
  </si>
  <si>
    <t>ｱｶﾎﾘ</t>
  </si>
  <si>
    <t>徳用御番茶</t>
  </si>
  <si>
    <t>立石園</t>
  </si>
  <si>
    <t>ﾀﾃｲｼｴﾝ</t>
  </si>
  <si>
    <t>新茶ひかり</t>
  </si>
  <si>
    <t>抹茶入り緑茶</t>
  </si>
  <si>
    <t>抹茶入り白折</t>
  </si>
  <si>
    <t>知覧茶　一番</t>
  </si>
  <si>
    <t>８０g</t>
  </si>
  <si>
    <t>煎茶　薮北白撰葉</t>
  </si>
  <si>
    <t>藤原茶問屋</t>
  </si>
  <si>
    <t>ﾌｼﾞﾜﾗﾁｬﾄﾝﾔ</t>
  </si>
  <si>
    <t>福岡の八女茶　かおり</t>
  </si>
  <si>
    <t>ﾕｷｲｴ</t>
  </si>
  <si>
    <t>福岡八女茶冠白折</t>
  </si>
  <si>
    <t>煎茶黒</t>
  </si>
  <si>
    <t>八女煎茶赤</t>
  </si>
  <si>
    <t>全農チキンフーズ</t>
  </si>
  <si>
    <t>ｺｳｷﾞｮｸｴﾝ</t>
  </si>
  <si>
    <t>八女煎茶青</t>
  </si>
  <si>
    <t>八女煎茶緑</t>
  </si>
  <si>
    <t>いりたて煎茶</t>
  </si>
  <si>
    <t>幸家_緑茶</t>
  </si>
  <si>
    <t>柏崎作　煎茶</t>
  </si>
  <si>
    <t>新茶鹿児島県産</t>
  </si>
  <si>
    <t>八女産　　一番茶</t>
  </si>
  <si>
    <t>新茶袋</t>
  </si>
  <si>
    <t>ﾘﾖｸﾄｳｴﾝ</t>
  </si>
  <si>
    <t>古市　産地巡り茶　霧島茶80ｇ</t>
  </si>
  <si>
    <t>ﾌﾙｲﾁｾｲﾁｬ</t>
  </si>
  <si>
    <t>古市　産地巡り茶　奥知覧茶80ｇ</t>
  </si>
  <si>
    <t>古市　農家の自家用仕立て　知覧深むし茶</t>
  </si>
  <si>
    <t>八女茶深むし茶みどり</t>
  </si>
  <si>
    <t>筑邦製茶</t>
  </si>
  <si>
    <t>ﾁｸﾎｳｾｲﾁｬ</t>
  </si>
  <si>
    <t>八女深むし茶　香</t>
  </si>
  <si>
    <t>八女新茶</t>
  </si>
  <si>
    <t>八女の抹茶袋</t>
  </si>
  <si>
    <t>ﾁｸﾎｳ</t>
  </si>
  <si>
    <t>八女茶玉露</t>
  </si>
  <si>
    <t>生産者の見える八女茶</t>
  </si>
  <si>
    <t>生産者の見える知覧茶</t>
  </si>
  <si>
    <t>おもてなしシリーズ神乃舞</t>
  </si>
  <si>
    <t>鹿島園本舗</t>
  </si>
  <si>
    <t>ｶｼﾏｴﾝﾎﾝﾎﾟ</t>
  </si>
  <si>
    <t>玉露入り深蒸し煎茶</t>
  </si>
  <si>
    <t>檸檬草</t>
  </si>
  <si>
    <t>宇治園</t>
  </si>
  <si>
    <t>新茶そのぎ茶金印</t>
  </si>
  <si>
    <t>ｱｷﾂﾞｷｴﾝ</t>
  </si>
  <si>
    <t>新茶嬉野茶金印</t>
  </si>
  <si>
    <t>伊勢茶新茶</t>
  </si>
  <si>
    <t>川原製茶</t>
  </si>
  <si>
    <t>ｶﾜﾊﾗｾｲﾁｬ</t>
  </si>
  <si>
    <t>伊勢茶　やぶきた一番茶</t>
  </si>
  <si>
    <t>煎茶（中国）</t>
  </si>
  <si>
    <t>菱和園</t>
  </si>
  <si>
    <t>ﾋｼﾜｴﾝ</t>
  </si>
  <si>
    <t>雲井の寿</t>
  </si>
  <si>
    <t>原寿園</t>
  </si>
  <si>
    <t>ｺﾄﾌﾞｷｴﾝ</t>
  </si>
  <si>
    <t>祝の白</t>
  </si>
  <si>
    <t>新茶美濃白川茶</t>
  </si>
  <si>
    <t>鹿児島産走り新茶</t>
  </si>
  <si>
    <t>鹿児島産走り新茶上</t>
  </si>
  <si>
    <t>新茶　そのぎ茶</t>
  </si>
  <si>
    <t>月香園製茶</t>
  </si>
  <si>
    <t>ｹﾞｯｺｳｴﾝ</t>
  </si>
  <si>
    <t>とうもろこしひげ茶</t>
  </si>
  <si>
    <t>中容量（100g～300g）</t>
  </si>
  <si>
    <t>ミタカ園　知覧茶みどり１８０ｇ</t>
  </si>
  <si>
    <t>共栄ピクルス食品</t>
  </si>
  <si>
    <t>ﾐﾀｶｴﾝ</t>
  </si>
  <si>
    <t>緑茶、梅干詰合せ</t>
  </si>
  <si>
    <t>ﾘｮｸﾁｬｳﾒ</t>
  </si>
  <si>
    <t>ｲﾜｻｷﾉｳｴﾝ</t>
  </si>
  <si>
    <t>ヤメジョウセンチャ</t>
  </si>
  <si>
    <t>ヤメトクジョウセンチャ</t>
  </si>
  <si>
    <t>ヤメギョクロチャ</t>
  </si>
  <si>
    <t>特上煎茶と上煎茶三袋入り</t>
  </si>
  <si>
    <t>上煎茶詰合三箱セット</t>
  </si>
  <si>
    <t>上煎茶詰合せ二箱セット</t>
  </si>
  <si>
    <t>特上煎茶と上煎茶の二袋入り</t>
  </si>
  <si>
    <t>あまくさの里</t>
  </si>
  <si>
    <t>ちゃちゃむすめ</t>
  </si>
  <si>
    <t>天草新時代</t>
  </si>
  <si>
    <t>あまくさ椿</t>
  </si>
  <si>
    <t>天草一番</t>
  </si>
  <si>
    <t>天草武将</t>
  </si>
  <si>
    <t>天草城</t>
  </si>
  <si>
    <t>お茶詰合わせあららぎ</t>
  </si>
  <si>
    <t>八女茶１０００</t>
  </si>
  <si>
    <t>知覧茶１０００</t>
  </si>
  <si>
    <t>八女茶５００</t>
  </si>
  <si>
    <t>八女茶６００</t>
  </si>
  <si>
    <t>ぎおん茶５００</t>
  </si>
  <si>
    <t>矢部茶５５０</t>
  </si>
  <si>
    <t>矢部茶</t>
  </si>
  <si>
    <t>ﾏﾂｼﾀｴﾝ</t>
  </si>
  <si>
    <t>お茶</t>
  </si>
  <si>
    <t>玉露入八女茶</t>
  </si>
  <si>
    <t>玉露入り八女茶１００ｇ</t>
  </si>
  <si>
    <t>徳用緑茶</t>
  </si>
  <si>
    <t>天草銘茶　橙華</t>
  </si>
  <si>
    <t>さえみどり　金</t>
  </si>
  <si>
    <t>さえみどり　緑</t>
  </si>
  <si>
    <t>天草銘茶　金</t>
  </si>
  <si>
    <t>天草銘茶　緑華</t>
  </si>
  <si>
    <t>徳用　天草銘茶</t>
  </si>
  <si>
    <t>ｲﾉｳｴｾｲﾁｬ</t>
  </si>
  <si>
    <t>神乃舞並袋3個セット</t>
  </si>
  <si>
    <t>たっぷり掛川茶</t>
  </si>
  <si>
    <t>丸山製茶</t>
  </si>
  <si>
    <t>ﾏﾙﾔﾏｾｲﾁｬ</t>
  </si>
  <si>
    <t>茶師のおすすめ静岡掛川茶</t>
  </si>
  <si>
    <t>ｵｵｲｶﾞﾜ</t>
  </si>
  <si>
    <t>茶師のおすすめ鹿児島知覧茶</t>
  </si>
  <si>
    <t>ｵｵｲｶﾞﾜﾁｬｴﾝ</t>
  </si>
  <si>
    <t>茶師のおすすめ福岡八女茶</t>
  </si>
  <si>
    <t>農林水産大臣賞静香園製茶深むし茶　一番茶入</t>
  </si>
  <si>
    <t>農林水産大臣賞静香園製茶深むし茶　香味仕上</t>
  </si>
  <si>
    <t>茶工場のまかない粉末緑茶</t>
  </si>
  <si>
    <t>大井川茶園</t>
  </si>
  <si>
    <t>有機八女煎茶</t>
  </si>
  <si>
    <t>遠赤焙煎仕立八女茶黒</t>
  </si>
  <si>
    <t>遠赤焙煎仕立八女茶白</t>
  </si>
  <si>
    <t>九州限定お徳用白折</t>
  </si>
  <si>
    <t>九州限定荒づくり番茶</t>
  </si>
  <si>
    <t>九州限定一番茶入り粉茶</t>
  </si>
  <si>
    <t>世知原茶清流</t>
  </si>
  <si>
    <t>前田製茶</t>
  </si>
  <si>
    <t>ﾏｴﾀﾞｾｲﾁｬ</t>
  </si>
  <si>
    <t>伊勢茶くき茶</t>
  </si>
  <si>
    <t>やぶきた煎茶_みどり</t>
  </si>
  <si>
    <t>ｼｽﾞｵｶﾁｬﾉﾊ</t>
  </si>
  <si>
    <t>やぶきた煎茶_こまち</t>
  </si>
  <si>
    <t>やぶきた煎茶_かごよせ</t>
  </si>
  <si>
    <t>やぶきた煎茶_五葉の舞</t>
  </si>
  <si>
    <t>奥久慈茶緑</t>
  </si>
  <si>
    <t>ﾒｲﾜ</t>
  </si>
  <si>
    <t>奥久慈銘茶</t>
  </si>
  <si>
    <t>エコファーマー緑茶</t>
  </si>
  <si>
    <t>抹茶入_白折</t>
  </si>
  <si>
    <t>緑茶_みどり</t>
  </si>
  <si>
    <t>煎茶玉露帯セット</t>
  </si>
  <si>
    <t>季の薫_煎茶_八女</t>
  </si>
  <si>
    <t>選んでｅ_九州産_ホームサイズ緑茶</t>
  </si>
  <si>
    <t>選んでe　緑の季　有機緑茶　徳用</t>
  </si>
  <si>
    <t>八女茶　竹印</t>
  </si>
  <si>
    <t>八女ベンダーサービス</t>
  </si>
  <si>
    <t>粉茶</t>
  </si>
  <si>
    <t>自家用煎茶</t>
  </si>
  <si>
    <t>八女産煎茶</t>
  </si>
  <si>
    <t>大福茶</t>
  </si>
  <si>
    <t>秋芽茶</t>
  </si>
  <si>
    <t>茶問屋川村翠香園</t>
  </si>
  <si>
    <t>ｶﾜﾑﾗ</t>
  </si>
  <si>
    <t>川村翠香園掛川茶</t>
  </si>
  <si>
    <t>ｽｲｺｳｴﾝ</t>
  </si>
  <si>
    <t>牧之原大茶園のお茶</t>
  </si>
  <si>
    <t>富士の裾野のお茶</t>
  </si>
  <si>
    <t>安部川上流水系のお茶</t>
  </si>
  <si>
    <t>天竜川上流水系のお茶</t>
  </si>
  <si>
    <t>農家の自家用茶</t>
  </si>
  <si>
    <t>150g×20</t>
  </si>
  <si>
    <t>茶蔵</t>
  </si>
  <si>
    <t>ﾋﾟｭｱﾗｲﾌ</t>
  </si>
  <si>
    <t>ﾎｳﾈﾝ八女茶恵100g</t>
  </si>
  <si>
    <t>佳彬</t>
  </si>
  <si>
    <t>ｶﾘﾝ</t>
  </si>
  <si>
    <t>ちょっとひといき静岡茶</t>
  </si>
  <si>
    <t>深むし茶_緑</t>
  </si>
  <si>
    <t>深むし茶　金</t>
  </si>
  <si>
    <t>九州産抹茶入り粉茶</t>
  </si>
  <si>
    <t>九州産粗仕立て緑茶</t>
  </si>
  <si>
    <t>八女抹茶入りお徳用緑茶</t>
  </si>
  <si>
    <t>九州新茶</t>
  </si>
  <si>
    <t>九州_新茶</t>
  </si>
  <si>
    <t>抹茶入り煎茶強火</t>
  </si>
  <si>
    <t>抹茶入り白折れ強火</t>
  </si>
  <si>
    <t>120g×20</t>
  </si>
  <si>
    <t>さわやか嬉野茶</t>
  </si>
  <si>
    <t>秋づみ新番茶</t>
  </si>
  <si>
    <t>八女産農家の番茶</t>
  </si>
  <si>
    <t>お徳用玉緑茶</t>
  </si>
  <si>
    <t>お徳用白折</t>
  </si>
  <si>
    <t>八女上煎茶竹さやか</t>
  </si>
  <si>
    <t>八女茶白折竹じるし</t>
  </si>
  <si>
    <t>産地直送番茶</t>
  </si>
  <si>
    <t>八女産　白折</t>
  </si>
  <si>
    <t>鹿児島産　新茶　100g</t>
  </si>
  <si>
    <t>粗仕立緑茶</t>
  </si>
  <si>
    <t>宇治茶</t>
  </si>
  <si>
    <t>抹茶入り煎茶</t>
  </si>
  <si>
    <t>お徳用知覧茶</t>
  </si>
  <si>
    <t>お徳用八女茶</t>
  </si>
  <si>
    <t>緑茶粉</t>
  </si>
  <si>
    <t>日頃､知覧茶</t>
  </si>
  <si>
    <t>日頃､八女茶</t>
  </si>
  <si>
    <t>JA農家の自家用深蒸し茶</t>
  </si>
  <si>
    <t>宇治茶まろやか仕立て</t>
  </si>
  <si>
    <t>宇治茶香りし立て</t>
  </si>
  <si>
    <t>香ばし煎茶</t>
  </si>
  <si>
    <t>伊右衛門　抹茶入煎茶</t>
  </si>
  <si>
    <t>ｳｼﾞﾉﾂﾕ</t>
  </si>
  <si>
    <t>伊右衛門かぶせ緑茶</t>
  </si>
  <si>
    <t>伊右衛門旨み濃いめ緑茶</t>
  </si>
  <si>
    <t>伊右衛門深むし茶濃</t>
  </si>
  <si>
    <t>伊右衛門抹茶入煎茶</t>
  </si>
  <si>
    <t>伊右衛門玉露入りかりがね</t>
  </si>
  <si>
    <t>伊右衛門深むし茶</t>
  </si>
  <si>
    <t>農家の自家だし茶</t>
  </si>
  <si>
    <t>おーい一番摘み緑茶</t>
  </si>
  <si>
    <t>おーいお茶_玉露入り</t>
  </si>
  <si>
    <t>ホームサイズかりがね茶</t>
  </si>
  <si>
    <t>宇治抹茶入りくき茶</t>
  </si>
  <si>
    <t>九州若芽．若茎入り緑茶</t>
  </si>
  <si>
    <t>お茶緑茶一茶摘み</t>
  </si>
  <si>
    <t>九州農家の自家だし緑茶</t>
  </si>
  <si>
    <t>九州お－いお茶緑茶</t>
  </si>
  <si>
    <t>すぐでる濃い緑茶</t>
  </si>
  <si>
    <t>おーいお茶若芽若茎入り緑茶</t>
  </si>
  <si>
    <t>特上蒸し緑茶</t>
  </si>
  <si>
    <t>ホームサイズ緑茶</t>
  </si>
  <si>
    <t>九州ホームサイズ緑茶</t>
  </si>
  <si>
    <t>やわらぎ番茶</t>
  </si>
  <si>
    <t>お~いお茶抹茶入り粉茶</t>
  </si>
  <si>
    <t>おーいお茶濃い味</t>
  </si>
  <si>
    <t>お～いお茶抹茶入り緑茶</t>
  </si>
  <si>
    <t>すぐでる緑茶宇治抹茶入り６００</t>
  </si>
  <si>
    <t>おーいお茶宇治茶</t>
  </si>
  <si>
    <t>有機栽培のおいしいお茶１０５０</t>
  </si>
  <si>
    <t>有機肥料で育てたおいしいお茶</t>
  </si>
  <si>
    <t>おーいお茶静岡茶</t>
  </si>
  <si>
    <t>おーいお茶新茶初摘み</t>
  </si>
  <si>
    <t>一番摘みのおいしいお茶</t>
  </si>
  <si>
    <t>お～いお茶一番茶摘み緑茶</t>
  </si>
  <si>
    <t>お～いお茶濃い味緑茶</t>
  </si>
  <si>
    <t>おいお茶若芽若茎入り緑茶</t>
  </si>
  <si>
    <t>おいお茶抹茶入り緑茶</t>
  </si>
  <si>
    <t>お～いお茶八女茶</t>
  </si>
  <si>
    <t>有機の緑茶６００</t>
  </si>
  <si>
    <t>ホームサイズ抹茶入り緑茶</t>
  </si>
  <si>
    <t>おーいお茶旨み新茶</t>
  </si>
  <si>
    <t>一番摘み緑茶1000</t>
  </si>
  <si>
    <t>濃い味緑茶800</t>
  </si>
  <si>
    <t>おーいお茶知覧茶</t>
  </si>
  <si>
    <t>おーいお茶八女茶</t>
  </si>
  <si>
    <t>おーいお茶　旨み新茶</t>
  </si>
  <si>
    <t>おーいお茶1000</t>
  </si>
  <si>
    <t>おーいお茶若茎入り緑茶600</t>
  </si>
  <si>
    <t>一番摘みのおーいお茶ゆたかみどり</t>
  </si>
  <si>
    <t>一番摘みのおーいお茶かなやみどり</t>
  </si>
  <si>
    <t>一番摘みおーいお茶1000</t>
  </si>
  <si>
    <t>一番摘みおーいお茶1200</t>
  </si>
  <si>
    <t>一番摘みおーいお茶1500</t>
  </si>
  <si>
    <t>一番摘みのおーいお茶</t>
  </si>
  <si>
    <t>おーいお茶嬉野茶</t>
  </si>
  <si>
    <t>煎茶菊翠</t>
  </si>
  <si>
    <t>煎茶初摘</t>
  </si>
  <si>
    <t>ふだん使いの深むし煎茶</t>
  </si>
  <si>
    <t>玉露入りうまい緑茶</t>
  </si>
  <si>
    <t>ｳｼﾞｴﾝ</t>
  </si>
  <si>
    <t>深蒸し煎茶</t>
  </si>
  <si>
    <t>あさつゆうまい煎茶</t>
  </si>
  <si>
    <t>上野屋本舗</t>
  </si>
  <si>
    <t>ｳｴﾉﾔ</t>
  </si>
  <si>
    <t>森半_ゆたかに香る煎茶_100G</t>
  </si>
  <si>
    <t>森半_一番摘み深蒸し緑茶100g</t>
  </si>
  <si>
    <t>森半_知覧茶_100g</t>
  </si>
  <si>
    <t>共栄_無農薬有機煎茶_緑_100G</t>
  </si>
  <si>
    <t>森半_旬味おとどけ緑茶のめぐみ_100g</t>
  </si>
  <si>
    <t>森半_宇治茶1000_100G</t>
  </si>
  <si>
    <t>森半_煎茶かりがね_150g</t>
  </si>
  <si>
    <t>優しい煎茶</t>
  </si>
  <si>
    <t>寿老園</t>
  </si>
  <si>
    <t>ｼﾞﾕﾛｳｴﾝ</t>
  </si>
  <si>
    <t>寿老園熱いお湯でさっといれる煎茶S200gc</t>
  </si>
  <si>
    <t>ｼﾞｭﾛｳｴﾝ</t>
  </si>
  <si>
    <t>タケニシキ</t>
  </si>
  <si>
    <t>ヤメタケミドリ</t>
  </si>
  <si>
    <t>ヤメチャカンロ</t>
  </si>
  <si>
    <t>八女茶白折竹ジルシ</t>
  </si>
  <si>
    <t>メイチャセット</t>
  </si>
  <si>
    <t>お徳用煎茶</t>
  </si>
  <si>
    <t>煎茶白折１００ｇ</t>
  </si>
  <si>
    <t>八女茶白折松ジルシ</t>
  </si>
  <si>
    <t>かごしま産新茶</t>
  </si>
  <si>
    <t>秋のお茶</t>
  </si>
  <si>
    <t>緑煎茶</t>
  </si>
  <si>
    <t>八女上煎茶　竹さやか</t>
  </si>
  <si>
    <t>八女茶　竹しずく</t>
  </si>
  <si>
    <t>シラオレ１００Ｇ</t>
  </si>
  <si>
    <t>ジョウシラオレ１００Ｇ</t>
  </si>
  <si>
    <t>トクジョウシラオレ１００Ｇ</t>
  </si>
  <si>
    <t>チランチャ</t>
  </si>
  <si>
    <t>抹茶白折</t>
  </si>
  <si>
    <t>シズオカチャ</t>
  </si>
  <si>
    <t>コナチャ</t>
  </si>
  <si>
    <t>有機栽培茶</t>
  </si>
  <si>
    <t>ヤメチャセット</t>
  </si>
  <si>
    <t>味わい緑茶</t>
  </si>
  <si>
    <t>味わい白折</t>
  </si>
  <si>
    <t>味わい嬉野茶</t>
  </si>
  <si>
    <t>かま煎り茶</t>
  </si>
  <si>
    <t>知覧新茶</t>
  </si>
  <si>
    <t>トクセンシンチャ１００</t>
  </si>
  <si>
    <t>知覧茶・八女茶・玉露</t>
  </si>
  <si>
    <t>おすし屋さんの緑茶粉</t>
  </si>
  <si>
    <t>緑香旬の香り</t>
  </si>
  <si>
    <t>緑香</t>
  </si>
  <si>
    <t>新茶の香り朝露</t>
  </si>
  <si>
    <t>新茶の香り特選</t>
  </si>
  <si>
    <t>味自慢の狭山茶</t>
  </si>
  <si>
    <t>煎茶_お徳用</t>
  </si>
  <si>
    <t>くき茶</t>
  </si>
  <si>
    <t>赤堀さん家のお茶</t>
  </si>
  <si>
    <t>契約農家限定掛川茶</t>
  </si>
  <si>
    <t>新茶の香り　あさぎり　2本パック</t>
  </si>
  <si>
    <t>狭山茶</t>
  </si>
  <si>
    <t>茶葉乃里煎茶掛川茶</t>
  </si>
  <si>
    <t>深むし茶使用掛川茶</t>
  </si>
  <si>
    <t>かごしま茶</t>
  </si>
  <si>
    <t>静岡県産やぶきた一番茶</t>
  </si>
  <si>
    <t>新茶の香り富士みどり</t>
  </si>
  <si>
    <t>秀峰</t>
  </si>
  <si>
    <t>新茶の香り若くき</t>
  </si>
  <si>
    <t>煎茶のみ</t>
  </si>
  <si>
    <t>朝霧茶</t>
  </si>
  <si>
    <t>緑の香り物語　やぶきた</t>
  </si>
  <si>
    <t>緑の香り物語　ゆたかみどり</t>
  </si>
  <si>
    <t>緑の香り物語_ぶれんど</t>
  </si>
  <si>
    <t>生仕立て緑茶</t>
  </si>
  <si>
    <t>香りま専科　煎茶</t>
  </si>
  <si>
    <t>みどり薫る緑茶</t>
  </si>
  <si>
    <t>濃緑茶</t>
  </si>
  <si>
    <t>濃でる緑茶</t>
  </si>
  <si>
    <t>鹿児島県産お徳用緑茶</t>
  </si>
  <si>
    <t>茶草場農法深蒸し茶銀</t>
  </si>
  <si>
    <t>静岡茶草場農法の深むし茶金</t>
  </si>
  <si>
    <t>天皇杯受賞茶園やまま満寿多園の深むし茶</t>
  </si>
  <si>
    <t>農家の緑茶</t>
  </si>
  <si>
    <t>農家直送緑茶</t>
  </si>
  <si>
    <t>鹿児島産農家直送緑茶</t>
  </si>
  <si>
    <t>抹茶入りやぶ北緑茶</t>
  </si>
  <si>
    <t>静岡茶_上煎茶</t>
  </si>
  <si>
    <t>煎茶</t>
  </si>
  <si>
    <t>エコファーマー深むし茶</t>
  </si>
  <si>
    <t>初みどり</t>
  </si>
  <si>
    <t>抹茶入りかおり緑茶</t>
  </si>
  <si>
    <t>やぶ北条</t>
  </si>
  <si>
    <t>お番茶</t>
  </si>
  <si>
    <t>新茶の香り粉茶</t>
  </si>
  <si>
    <t>やぶ北茶</t>
  </si>
  <si>
    <t>静岡新茶</t>
  </si>
  <si>
    <t>静岡産新茶</t>
  </si>
  <si>
    <t>煎茶やぶきた</t>
  </si>
  <si>
    <t>白折</t>
  </si>
  <si>
    <t>うれしの茶</t>
  </si>
  <si>
    <t>茶師厳選煎茶</t>
  </si>
  <si>
    <t>茶師厳選白折</t>
  </si>
  <si>
    <t>トライアル抹茶入煎茶</t>
  </si>
  <si>
    <t>産地直送八女茶</t>
  </si>
  <si>
    <t>産地直送知覧茶</t>
  </si>
  <si>
    <t>静岡産くき茶</t>
  </si>
  <si>
    <t>静岡茶煎茶</t>
  </si>
  <si>
    <t>やぶきた品種のくき茶</t>
  </si>
  <si>
    <t>大子銘茶</t>
  </si>
  <si>
    <t>奥久慈茶</t>
  </si>
  <si>
    <t>煎茶五月緑</t>
  </si>
  <si>
    <t>茶三代一</t>
  </si>
  <si>
    <t>ﾁｬｻﾝﾀﾞｲ</t>
  </si>
  <si>
    <t>熱湯出し煎茶</t>
  </si>
  <si>
    <t>八雲白折銀印</t>
  </si>
  <si>
    <t>栗きんとんが作れるさつまいもあん</t>
  </si>
  <si>
    <t>鹿児島新茶</t>
  </si>
  <si>
    <t>抹茶入り玄米茶</t>
  </si>
  <si>
    <t>煎茶　</t>
  </si>
  <si>
    <t>玉緑茶</t>
  </si>
  <si>
    <t>お茶の職人</t>
  </si>
  <si>
    <t>さしま茶</t>
  </si>
  <si>
    <t>昔づくり風煎茶</t>
  </si>
  <si>
    <t>静岡緑茶</t>
  </si>
  <si>
    <t>特蒸し緑茶</t>
  </si>
  <si>
    <t>抹茶入煎茶</t>
  </si>
  <si>
    <t>徳用煎茶</t>
  </si>
  <si>
    <t>玉露風白折</t>
  </si>
  <si>
    <t>番茶ティーバッグ</t>
  </si>
  <si>
    <t>5GX40</t>
  </si>
  <si>
    <t>ﾅｶﾞﾀﾁｬﾔ</t>
  </si>
  <si>
    <t>ﾅｶﾞﾀﾁｬ</t>
  </si>
  <si>
    <t>嬉野茶肥前路みどり</t>
  </si>
  <si>
    <t>西福製茶</t>
  </si>
  <si>
    <t>ﾆｼﾌｸｾｲﾁｬ</t>
  </si>
  <si>
    <t>深蒸し茶葉入り天玉</t>
  </si>
  <si>
    <t>玉露入り粉茶あがり</t>
  </si>
  <si>
    <t>芽粉茶あがり</t>
  </si>
  <si>
    <t>玉露入かぶせ茶天泉</t>
  </si>
  <si>
    <t>煎茶天玉</t>
  </si>
  <si>
    <t>だからつちくらの緑茶に決めてます１００ｇ</t>
  </si>
  <si>
    <t>煎茶穂高</t>
  </si>
  <si>
    <t>宇治抹茶入り濃い緑茶</t>
  </si>
  <si>
    <t>鹿児島産深蒸し茶</t>
  </si>
  <si>
    <t>玉露入り八女茶</t>
  </si>
  <si>
    <t>鹿児島県産_さえみどりブレンド緑茶１２０</t>
  </si>
  <si>
    <t>急須で入れるおいしい緑茶</t>
  </si>
  <si>
    <t>お徳用粉末緑茶</t>
  </si>
  <si>
    <t>ﾁｬﾉﾀﾞｲｺﾞ</t>
  </si>
  <si>
    <t>丸勝園白折40</t>
  </si>
  <si>
    <t>丸勝園　白折　上</t>
  </si>
  <si>
    <t>丸勝園霧乃ほまれ銀印</t>
  </si>
  <si>
    <t>丸勝園　霧乃ほまれ　城印</t>
  </si>
  <si>
    <t>丸勝園　霧乃ほまれ　都印</t>
  </si>
  <si>
    <t>丸勝園　宮崎深蒸し茶</t>
  </si>
  <si>
    <t>丸勝園都城茶</t>
  </si>
  <si>
    <t>丸勝園九州銘茶都城茶</t>
  </si>
  <si>
    <t>掛川茶_100g</t>
  </si>
  <si>
    <t>茶農家直送深蒸し緑茶</t>
  </si>
  <si>
    <t>ｱｶﾎﾘｼｮｳﾃﾝ</t>
  </si>
  <si>
    <t>赤堀仕立て　つゆひかり_100g</t>
  </si>
  <si>
    <t>赤堀仕立て　あさつゆ_100g</t>
  </si>
  <si>
    <t>極旨濃茶爽</t>
  </si>
  <si>
    <t>極旨濃茶香</t>
  </si>
  <si>
    <t>まるよ茶屋煎茶</t>
  </si>
  <si>
    <t>まるよ茶屋　抹茶入り緑茶_100g</t>
  </si>
  <si>
    <t>エコロジカルライフ　掛川茶_180g</t>
  </si>
  <si>
    <t>赤堀商店お茶屋が本気で作った静岡県産抹茶入り粉末緑茶70g</t>
  </si>
  <si>
    <t>今屋高瀬茶玄米茶</t>
  </si>
  <si>
    <t>今屋老舗</t>
  </si>
  <si>
    <t>ｲﾏﾔ</t>
  </si>
  <si>
    <t>今屋老舗高瀬茶緑茶番茶</t>
  </si>
  <si>
    <t>ｲﾏﾔｼﾆｾ</t>
  </si>
  <si>
    <t>今屋高瀬茶青葉</t>
  </si>
  <si>
    <t>今屋ふるさとの香り高瀬茶</t>
  </si>
  <si>
    <t>相生煎茶</t>
  </si>
  <si>
    <t>大歩危煎茶</t>
  </si>
  <si>
    <t>阿波のさわやか緑茶</t>
  </si>
  <si>
    <t>八女緑茶満船</t>
  </si>
  <si>
    <t>知覧茶緑</t>
  </si>
  <si>
    <t>ﾐﾀｶ粉茶200G</t>
  </si>
  <si>
    <t>ﾐﾀｶ緑茶万泉</t>
  </si>
  <si>
    <t>鹿児島茶みどり</t>
  </si>
  <si>
    <t>ﾐﾀｶ九州銘茶2本ｾｯﾄ</t>
  </si>
  <si>
    <t>ﾐﾀｶ抹茶入白折100g</t>
  </si>
  <si>
    <t>緑茶　いっぷく</t>
  </si>
  <si>
    <t>お徳用　玉露茶</t>
  </si>
  <si>
    <t>おいしい緑茶</t>
  </si>
  <si>
    <t>ﾐﾀｶ玉緑一番茶</t>
  </si>
  <si>
    <t>ﾐﾀｶ有機緑茶清香10</t>
  </si>
  <si>
    <t>ﾐﾀｶ無農薬伝承100g</t>
  </si>
  <si>
    <t>ﾐﾀｶ抹茶入ﾃｨｰﾊﾟｯｸ</t>
  </si>
  <si>
    <t>ﾐﾀｶ抹茶入白折200g</t>
  </si>
  <si>
    <t>緑茶青柳</t>
  </si>
  <si>
    <t>ﾔﾉｾｲﾁｬ</t>
  </si>
  <si>
    <t>特上玉露茶才次郎</t>
  </si>
  <si>
    <t>ﾌｼﾞﾜﾗ</t>
  </si>
  <si>
    <t>薮北茶白撰葉</t>
  </si>
  <si>
    <t>上粉茶</t>
  </si>
  <si>
    <t>かりがね</t>
  </si>
  <si>
    <t>田舎仕立て煎茶</t>
  </si>
  <si>
    <t>三年熟成有機番茶</t>
  </si>
  <si>
    <t>極上　玉緑茶</t>
  </si>
  <si>
    <t>唐津農業協同組合</t>
  </si>
  <si>
    <t>JAｶﾗﾂ</t>
  </si>
  <si>
    <t>特上　玉緑茶</t>
  </si>
  <si>
    <t>白折茶</t>
  </si>
  <si>
    <t>煎茶香玉</t>
  </si>
  <si>
    <t>香川県農業協同組合</t>
  </si>
  <si>
    <t>ｶｶﾞﾜｹﾝﾉｳｷﾞ</t>
  </si>
  <si>
    <t>煎茶彩香</t>
  </si>
  <si>
    <t>煎茶紫雲</t>
  </si>
  <si>
    <t>白折　四季の香り</t>
  </si>
  <si>
    <t>白折_萌香</t>
  </si>
  <si>
    <t>福岡の八女茶煎茶萌</t>
  </si>
  <si>
    <t>天雫の萌</t>
  </si>
  <si>
    <t>八女産番茶強火仕上</t>
  </si>
  <si>
    <t>福岡の八女茶_奥八女</t>
  </si>
  <si>
    <t>煎茶白深蒸し</t>
  </si>
  <si>
    <t>九州緑茶</t>
  </si>
  <si>
    <t>ｷｭｳｼｭｳﾘｮｸﾁ</t>
  </si>
  <si>
    <t>深蒸し茶</t>
  </si>
  <si>
    <t>特上かりがね</t>
  </si>
  <si>
    <t>藤田製茶</t>
  </si>
  <si>
    <t>ﾌｼﾞﾀｾｲﾁｬ</t>
  </si>
  <si>
    <t>特選つちやま</t>
  </si>
  <si>
    <t>玉露かりがね</t>
  </si>
  <si>
    <t>自然農法栽培茶やぶきた茶</t>
  </si>
  <si>
    <t>スケルトン　抹茶入り粉茶</t>
  </si>
  <si>
    <t>銘葉</t>
  </si>
  <si>
    <t>ﾒｲﾊ</t>
  </si>
  <si>
    <t>鹿児島産スケルトン農家のお茶</t>
  </si>
  <si>
    <t>産地直送静岡茶</t>
  </si>
  <si>
    <t>古賀製茶本舗</t>
  </si>
  <si>
    <t>産地直送宇治茶</t>
  </si>
  <si>
    <t>幸家　緑茶</t>
  </si>
  <si>
    <t>幸家　強火白折茶</t>
  </si>
  <si>
    <t>八女茶詰め合わせ</t>
  </si>
  <si>
    <t>銘茶詰め合わせ５０</t>
  </si>
  <si>
    <t>銘茶詰め合わせ１５</t>
  </si>
  <si>
    <t>徳用白折れ茶</t>
  </si>
  <si>
    <t>銘茶詰め合わせ３０</t>
  </si>
  <si>
    <t>銘茶詰め合わせ２０</t>
  </si>
  <si>
    <t>産地直送　八女煎茶</t>
  </si>
  <si>
    <t>熊笹茶</t>
  </si>
  <si>
    <t>びわの葉茶</t>
  </si>
  <si>
    <t>はまちゃ</t>
  </si>
  <si>
    <t>産地直送お番茶</t>
  </si>
  <si>
    <t>エコファーマー深蒸し茶</t>
  </si>
  <si>
    <t>エコファーマー深むし白折</t>
  </si>
  <si>
    <t>かぶせ茶</t>
  </si>
  <si>
    <t>グリンティー</t>
  </si>
  <si>
    <t>深むし茶</t>
  </si>
  <si>
    <t>新緑茶</t>
  </si>
  <si>
    <t>ｵｵｸﾏ</t>
  </si>
  <si>
    <t>産地直送知覧江平作</t>
  </si>
  <si>
    <t>ヤメマッチャイリセンチャ</t>
  </si>
  <si>
    <t>ﾌｴﾀ</t>
  </si>
  <si>
    <t>カゴシマチランサンセンチャ</t>
  </si>
  <si>
    <t>ﾐﾔﾊﾗ</t>
  </si>
  <si>
    <t>ヤメサンセンチャ</t>
  </si>
  <si>
    <t>ごーや茶</t>
  </si>
  <si>
    <t>幸家　煎茶</t>
  </si>
  <si>
    <t>山関園お茶屋が本気で作った川根茶100g</t>
  </si>
  <si>
    <t>山関園製茶</t>
  </si>
  <si>
    <t>ﾔﾏｾｷｴﾝ</t>
  </si>
  <si>
    <t>宮崎県産煎茶</t>
  </si>
  <si>
    <t>釜いり茶（上）</t>
  </si>
  <si>
    <t>高千穂かまいり茶</t>
  </si>
  <si>
    <t>かまいり茶徳用</t>
  </si>
  <si>
    <t>釜入り茶（新茶）</t>
  </si>
  <si>
    <t>知覧茶深蒸し茶</t>
  </si>
  <si>
    <t>姫の園</t>
  </si>
  <si>
    <t>ﾋﾒﾉｴﾝ</t>
  </si>
  <si>
    <t>八女茶ブレンド茶</t>
  </si>
  <si>
    <t>白折れくき茶</t>
  </si>
  <si>
    <t>九州製茶</t>
  </si>
  <si>
    <t>ｷｭｳｼｭｳｾｲﾁｬ</t>
  </si>
  <si>
    <t>八女茶ＰＰ</t>
  </si>
  <si>
    <t>深蒸し煎茶無農薬</t>
  </si>
  <si>
    <t>深蒸し白折</t>
  </si>
  <si>
    <t>特上煎茶</t>
  </si>
  <si>
    <t>白折ＰＰ</t>
  </si>
  <si>
    <t>上白折</t>
  </si>
  <si>
    <t>緑茶粉茶</t>
  </si>
  <si>
    <t>緑茶番茶ＰＰ</t>
  </si>
  <si>
    <t>味一番八女茶</t>
  </si>
  <si>
    <t>仕上げ一番静岡茶</t>
  </si>
  <si>
    <t>シタモミイチバンウジチャ</t>
  </si>
  <si>
    <t>健康一番白川茶</t>
  </si>
  <si>
    <t>一番知覧茶</t>
  </si>
  <si>
    <t>深蒸し嬉野茶</t>
  </si>
  <si>
    <t>初摘み新茶</t>
  </si>
  <si>
    <t>グリーンティー</t>
  </si>
  <si>
    <t>オーガニック深蒸し緑茶</t>
  </si>
  <si>
    <t>古市_深むし茶知覧みどり１００ｇ</t>
  </si>
  <si>
    <t>古市　知覧茶深蒸し茶２００ｇ</t>
  </si>
  <si>
    <t>古市製茶知覧茶150g</t>
  </si>
  <si>
    <t>古市製茶　知覧深むしくき茶１００ｇ</t>
  </si>
  <si>
    <t>知覧茶　新茶８００</t>
  </si>
  <si>
    <t>ﾌﾙｲﾁ</t>
  </si>
  <si>
    <t>知覧茶　新茶５００</t>
  </si>
  <si>
    <t>早春グリーン</t>
  </si>
  <si>
    <t>春木屋</t>
  </si>
  <si>
    <t>ﾊﾙｷﾔ</t>
  </si>
  <si>
    <t>早春ゴールド</t>
  </si>
  <si>
    <t>山水</t>
  </si>
  <si>
    <t>上粉茶　２００ｇ</t>
  </si>
  <si>
    <t>静茶園</t>
  </si>
  <si>
    <t>ｼｽﾞﾁｬｴﾝ</t>
  </si>
  <si>
    <t>美濃いび茶</t>
  </si>
  <si>
    <t>瑞草園</t>
  </si>
  <si>
    <t>ｽﾞｲｿｳｴﾝ</t>
  </si>
  <si>
    <t>美濃いび茶　金印</t>
  </si>
  <si>
    <t>美濃いび茶緑茶青柳</t>
  </si>
  <si>
    <t>美濃いび茶正喜撰</t>
  </si>
  <si>
    <t>美濃いび茶緑茶</t>
  </si>
  <si>
    <t>八女茶華厳</t>
  </si>
  <si>
    <t>ﾁｸﾎｳｾｲﾁﾔ</t>
  </si>
  <si>
    <t>嬉野あおい</t>
  </si>
  <si>
    <t>茶楽人徳用知覧茶</t>
  </si>
  <si>
    <t>八女茶立花</t>
  </si>
  <si>
    <t>八女茶大藤</t>
  </si>
  <si>
    <t>徳用八女茶</t>
  </si>
  <si>
    <t>知覧茶たより</t>
  </si>
  <si>
    <t>八女深むし茶粋</t>
  </si>
  <si>
    <t>徳用嬉野茶</t>
  </si>
  <si>
    <t>知覧家飲み新茶</t>
  </si>
  <si>
    <t>八女茶みどり</t>
  </si>
  <si>
    <t>星野茶銀</t>
  </si>
  <si>
    <t>角袋やぶ北波</t>
  </si>
  <si>
    <t>繁田園茶舗</t>
  </si>
  <si>
    <t>ﾊﾝﾀﾞｴﾝﾁｬﾎ</t>
  </si>
  <si>
    <t>繁田園の朝露</t>
  </si>
  <si>
    <t>掘り出し物玄米茶</t>
  </si>
  <si>
    <t>茶匠の誉</t>
  </si>
  <si>
    <t>小柳津清一商店</t>
  </si>
  <si>
    <t>ｵﾔｲｽﾞ</t>
  </si>
  <si>
    <t>小柳津お茶屋が本気で作った本山茶100g</t>
  </si>
  <si>
    <t>ｵﾔｲｽﾞｾｲｲﾁｼ</t>
  </si>
  <si>
    <t>都城茶</t>
  </si>
  <si>
    <t>高千穂銘茶神乃舞甘露</t>
  </si>
  <si>
    <t>ｶｼﾏｴﾝ</t>
  </si>
  <si>
    <t>神乃舞</t>
  </si>
  <si>
    <t>うれしの茶ブレンド</t>
  </si>
  <si>
    <t>八女茶ブレンド</t>
  </si>
  <si>
    <t>都城茶袋</t>
  </si>
  <si>
    <t>知覧茶ブレンド</t>
  </si>
  <si>
    <t>牧水みどり玉緑茶</t>
  </si>
  <si>
    <t>がばっとどばっと徳用番茶</t>
  </si>
  <si>
    <t>ほうじ茶三角ティーバッグ</t>
  </si>
  <si>
    <t>4g×30P</t>
  </si>
  <si>
    <t>田舎仕上げ煎茶</t>
  </si>
  <si>
    <t>知覧深蒸し煎茶</t>
  </si>
  <si>
    <t>嬉野玉緑茶</t>
  </si>
  <si>
    <t>おもてなしシリーズ神乃夢</t>
  </si>
  <si>
    <t>五ヶ瀬深山ブレンド</t>
  </si>
  <si>
    <t>高千穂釜茶ブレンド</t>
  </si>
  <si>
    <t>深山香る番茶</t>
  </si>
  <si>
    <t>茶匠の恩返し抹茶入煎茶</t>
  </si>
  <si>
    <t>八女蒸製緑茶</t>
  </si>
  <si>
    <t>ほっとひといき煎茶</t>
  </si>
  <si>
    <t>ほっとひといき粉茶</t>
  </si>
  <si>
    <t>ほっとひといきみさき茶</t>
  </si>
  <si>
    <t>ほっとひといき白折茶</t>
  </si>
  <si>
    <t>本格粉茶あがり一番</t>
  </si>
  <si>
    <t>香りを味わう上煎茶</t>
  </si>
  <si>
    <t>都城煎茶</t>
  </si>
  <si>
    <t>九州釜炒り茶</t>
  </si>
  <si>
    <t>すぎな茶</t>
  </si>
  <si>
    <t>番柘榴茶</t>
  </si>
  <si>
    <t>よもぎ野草茶</t>
  </si>
  <si>
    <t>朝一番に飲む緑茶</t>
  </si>
  <si>
    <t>お客さんに淹れる煎茶</t>
  </si>
  <si>
    <t>コクと滋味煎茶</t>
  </si>
  <si>
    <t>煎茶かりがね</t>
  </si>
  <si>
    <t>甘みと香りのくき茶</t>
  </si>
  <si>
    <t>かりがね緑茶</t>
  </si>
  <si>
    <t>宇治森徳</t>
  </si>
  <si>
    <t>ｳｼﾞﾓﾘﾄｸ</t>
  </si>
  <si>
    <t>かおりちゃん十段乃茶深蒸し茶</t>
  </si>
  <si>
    <t>浅蒸し香り大和茶</t>
  </si>
  <si>
    <t>有機栽培　番茶</t>
  </si>
  <si>
    <t>LDC</t>
  </si>
  <si>
    <t>ｱｻﾐﾔ</t>
  </si>
  <si>
    <t>宇治深蒸し煎茶</t>
  </si>
  <si>
    <t>嬉野茶さわやか</t>
  </si>
  <si>
    <t>秋月園嬉野茶おだやか</t>
  </si>
  <si>
    <t>日々彩々彼杵茶さわやか</t>
  </si>
  <si>
    <t>日々彩々彼杵茶はなやか</t>
  </si>
  <si>
    <t>宇治抹茶入お寿司屋さんの粉茶</t>
  </si>
  <si>
    <t>番茶</t>
  </si>
  <si>
    <t>浅井さんちのおすすめ徳用茶</t>
  </si>
  <si>
    <t>菊川浅井さんのおすすめ茶</t>
  </si>
  <si>
    <t>抹茶入り煎茶やぶ北</t>
  </si>
  <si>
    <t>味が濃い静岡茶</t>
  </si>
  <si>
    <t>深蒸し掛川茶</t>
  </si>
  <si>
    <t>茶処茶師の自信作　深蒸し静岡茶</t>
  </si>
  <si>
    <t>煎茶松印</t>
  </si>
  <si>
    <t>荒茶作り</t>
  </si>
  <si>
    <t>熱湯緑茶</t>
  </si>
  <si>
    <t>深むしかりがね</t>
  </si>
  <si>
    <t>無選別荒茶袋</t>
  </si>
  <si>
    <t>天皇杯受賞茶銀</t>
  </si>
  <si>
    <t>契約農家の緑茶</t>
  </si>
  <si>
    <t>深蒸し伊勢茶</t>
  </si>
  <si>
    <t>お徳用　深蒸し茶</t>
  </si>
  <si>
    <t>みどり抹茶入白折</t>
  </si>
  <si>
    <t>甲修園</t>
  </si>
  <si>
    <t>ｺｳｼｭｳｴﾝ</t>
  </si>
  <si>
    <t>昔ながらの天日干しお番茶</t>
  </si>
  <si>
    <t>ちらん茶畑午後3時</t>
  </si>
  <si>
    <t>知覧茶　かおる新茶</t>
  </si>
  <si>
    <t>鹿児島の深むし茶</t>
  </si>
  <si>
    <t>知覧茶新茶</t>
  </si>
  <si>
    <t>知覧茶　翠（みどり）</t>
  </si>
  <si>
    <t>知覧茶深むし茶</t>
  </si>
  <si>
    <t>知覧茶憩</t>
  </si>
  <si>
    <t>あじわい緑茶</t>
  </si>
  <si>
    <t>香楽園製茶</t>
  </si>
  <si>
    <t>ｺｳﾗｸｴﾝ</t>
  </si>
  <si>
    <t>宇治抹茶入り茎茶</t>
  </si>
  <si>
    <t>こだわり茶</t>
  </si>
  <si>
    <t>来客用煎茶紫</t>
  </si>
  <si>
    <t>松南園</t>
  </si>
  <si>
    <t>緑茶　青柳</t>
  </si>
  <si>
    <t>千紀園</t>
  </si>
  <si>
    <t>ｾﾝｷｴﾝ</t>
  </si>
  <si>
    <t>近江かりがね</t>
  </si>
  <si>
    <t>近江煎茶</t>
  </si>
  <si>
    <t>京番茶</t>
  </si>
  <si>
    <t>味の緑茶</t>
  </si>
  <si>
    <t>緑茶（中国）</t>
  </si>
  <si>
    <t>粉茶（中国）</t>
  </si>
  <si>
    <t>抹茶入りケ煎茶（中国）</t>
  </si>
  <si>
    <t>深蒸し茶（国産）</t>
  </si>
  <si>
    <t>抹茶入り白折れ　（国内産）</t>
  </si>
  <si>
    <t>桃翠園</t>
  </si>
  <si>
    <t>ﾄｳｽｲｴﾝ</t>
  </si>
  <si>
    <t>八雲ほまれ</t>
  </si>
  <si>
    <t>熱湯煎茶出雲の露</t>
  </si>
  <si>
    <t>五月みどり</t>
  </si>
  <si>
    <t>出雲番茶</t>
  </si>
  <si>
    <t>三重県産抹茶入り緑茶</t>
  </si>
  <si>
    <t>中島製茶</t>
  </si>
  <si>
    <t>ﾅｶｼﾞﾏｾｲﾁｬ</t>
  </si>
  <si>
    <t>やぶ北ブレンド煎茶</t>
  </si>
  <si>
    <t>ハラダ製茶</t>
  </si>
  <si>
    <t>ﾊﾗﾀﾞｾｲﾁｬ</t>
  </si>
  <si>
    <t>やぶ北ブレンド抹茶入煎茶</t>
  </si>
  <si>
    <t>和</t>
  </si>
  <si>
    <t>深むし煎茶</t>
  </si>
  <si>
    <t>和抹茶入</t>
  </si>
  <si>
    <t>なごみ極</t>
  </si>
  <si>
    <t>ひしだいお茶屋が本気で作った掛川茶100g</t>
  </si>
  <si>
    <t>ひしだい製茶</t>
  </si>
  <si>
    <t>ﾋｼﾀﾞｲｾｲﾁｬ</t>
  </si>
  <si>
    <t>徳用知覧茶</t>
  </si>
  <si>
    <t>はりまえん</t>
  </si>
  <si>
    <t>ﾊﾘﾏｴﾝ</t>
  </si>
  <si>
    <t>生茶</t>
  </si>
  <si>
    <t>寿白折</t>
  </si>
  <si>
    <t>ごぼう入り出雲麦茶TB</t>
  </si>
  <si>
    <t>8gX24P</t>
  </si>
  <si>
    <t>ｺﾄﾌﾞｷｷｴﾝ</t>
  </si>
  <si>
    <t>美濃白川茶　しらとり</t>
  </si>
  <si>
    <t>茶畑より直送緑茶</t>
  </si>
  <si>
    <t>農家より直送・緑茶　</t>
  </si>
  <si>
    <t>農家より直送・かりがね　</t>
  </si>
  <si>
    <t>丸善製茶お茶屋が本気で作った牧之原100g</t>
  </si>
  <si>
    <t>丸善製茶</t>
  </si>
  <si>
    <t>ﾏﾙｾﾞﾝｾｲﾁｬ</t>
  </si>
  <si>
    <t>森のみどり</t>
  </si>
  <si>
    <t>特上煎茶華宝</t>
  </si>
  <si>
    <t>煎茶八雲ほまれ</t>
  </si>
  <si>
    <t>煎茶ひの川</t>
  </si>
  <si>
    <t>煎茶五月みどり</t>
  </si>
  <si>
    <t>青柳</t>
  </si>
  <si>
    <t>ふるさとの味かおり番茶</t>
  </si>
  <si>
    <t>出雲のかおり番茶</t>
  </si>
  <si>
    <t>はま茶香り一番</t>
  </si>
  <si>
    <t>やぶきた茶</t>
  </si>
  <si>
    <t>摘みたてはま茶</t>
  </si>
  <si>
    <t>まかない茶煎茶</t>
  </si>
  <si>
    <t>まかない茶荒茶</t>
  </si>
  <si>
    <t>徳用青柳</t>
  </si>
  <si>
    <t>国産深むし茶</t>
  </si>
  <si>
    <t>国産かりがね茶</t>
  </si>
  <si>
    <t>鹿児島茶</t>
  </si>
  <si>
    <t>徳用知覧産番茶</t>
  </si>
  <si>
    <t>徳用うれしの茶</t>
  </si>
  <si>
    <t>徳用抹茶入り白折</t>
  </si>
  <si>
    <t>徳用八女産番茶</t>
  </si>
  <si>
    <t>鹿児島製茶</t>
  </si>
  <si>
    <t>ｶｺﾞｼﾏｾｲﾁｬ</t>
  </si>
  <si>
    <t>お徳用さしま茶</t>
  </si>
  <si>
    <t>石山製茶工場</t>
  </si>
  <si>
    <t>ｲｼﾔﾏｾｲﾁｬ</t>
  </si>
  <si>
    <t>玉香園</t>
  </si>
  <si>
    <t>中久</t>
  </si>
  <si>
    <t>ﾅｶﾋｻ</t>
  </si>
  <si>
    <t>一服番茶</t>
  </si>
  <si>
    <t>ｹﾞｯｺｳｴﾝｾｲﾁ</t>
  </si>
  <si>
    <t>嬉野茶菊翠</t>
  </si>
  <si>
    <t>そのぎ茶</t>
  </si>
  <si>
    <t>そのぎ茶菊翠</t>
  </si>
  <si>
    <t>煎茶土山茶</t>
  </si>
  <si>
    <t>近江製茶</t>
  </si>
  <si>
    <t>ｵｳﾐｾｲﾁｬ</t>
  </si>
  <si>
    <t>煎茶こうか</t>
  </si>
  <si>
    <t>峠育ちの有機緑茶</t>
  </si>
  <si>
    <t>嬉野茶　金</t>
  </si>
  <si>
    <t>ﾏﾂﾊﾞﾔｼｾｲﾁｬ</t>
  </si>
  <si>
    <t>上煎茶　嬉野茶</t>
  </si>
  <si>
    <t>嬉野茶　白折</t>
  </si>
  <si>
    <t>大容量（301g以上）</t>
  </si>
  <si>
    <t>茶工場のまかない緑茶</t>
  </si>
  <si>
    <t>茶工場の香り立つ宇治抹茶入玄米茶</t>
  </si>
  <si>
    <t>小柳津ワラシナしずおか地元の味深蒸300g</t>
  </si>
  <si>
    <t>ワラシナ茶業</t>
  </si>
  <si>
    <t>大内茶園</t>
  </si>
  <si>
    <t>ｵｵｳﾁﾁｬｴﾝ</t>
  </si>
  <si>
    <t>青柳番茶</t>
  </si>
  <si>
    <t>知覧産農家の抹茶入り白折</t>
  </si>
  <si>
    <t>知覧産農家の煎り立て緑茶</t>
  </si>
  <si>
    <t>森半_茶農家の味わい田舎の緑茶_350g</t>
  </si>
  <si>
    <t>森半_抹茶多めの粉茶_150G</t>
  </si>
  <si>
    <t>御徳用静岡茶</t>
  </si>
  <si>
    <t>ノウカノオバンチャ</t>
  </si>
  <si>
    <t>農家直送静岡茶</t>
  </si>
  <si>
    <t>トクトク煎茶</t>
  </si>
  <si>
    <t>やぶきた番茶袋</t>
  </si>
  <si>
    <t>お得用宇治抹茶入り粉末緑茶</t>
  </si>
  <si>
    <t>農家の隠味_荒茶</t>
  </si>
  <si>
    <t>お買い得　徳用煎茶500</t>
  </si>
  <si>
    <t>静岡茶工房のおいしいお茶</t>
  </si>
  <si>
    <t>ﾐﾀｶ矢部茶500g</t>
  </si>
  <si>
    <t>自然農法栽培初みどり</t>
  </si>
  <si>
    <t>唐もろこし茶</t>
  </si>
  <si>
    <t>山関園製茶山あいの川根茶300g</t>
  </si>
  <si>
    <t>山関園丘陵育ちの掛川茶300g</t>
  </si>
  <si>
    <t>すこやか玉緑番茶</t>
  </si>
  <si>
    <t>茶農家浅井さんのおすすめ徳用茶</t>
  </si>
  <si>
    <t>どくだみ健康茶</t>
  </si>
  <si>
    <t>10種調合どくだみ出雲健康茶</t>
  </si>
  <si>
    <t>徳用番茶</t>
  </si>
  <si>
    <t>ほうじ茶</t>
  </si>
  <si>
    <t>優信舎_国産_ほうじ茶_40G</t>
  </si>
  <si>
    <t>くらし応援_ほうじ茶</t>
  </si>
  <si>
    <t>一番摘み静岡茶</t>
  </si>
  <si>
    <t>一番摘み知覧茶</t>
  </si>
  <si>
    <t>一番摘み八女茶</t>
  </si>
  <si>
    <t>棒ほうじ茶</t>
  </si>
  <si>
    <t>加賀棒ほうじ茶</t>
  </si>
  <si>
    <t>川霧緑茶</t>
  </si>
  <si>
    <t>山竹園</t>
  </si>
  <si>
    <t>ﾔﾏﾀｹｴﾝ</t>
  </si>
  <si>
    <t>白折煎茶</t>
  </si>
  <si>
    <t>茶工場のまかない炙りほうじ茶</t>
  </si>
  <si>
    <t>極み焙煎棒茶ほうじ</t>
  </si>
  <si>
    <t>八女一番茶ほうじ茶</t>
  </si>
  <si>
    <t>ﾔﾒﾍﾞﾝﾀﾞｰｻｰ</t>
  </si>
  <si>
    <t>香りこうばしほうじ茶</t>
  </si>
  <si>
    <t>宇治焙じ茶　浅入り仕立て</t>
  </si>
  <si>
    <t>香ばしいほうじ茶</t>
  </si>
  <si>
    <t>伊右衛門炒り米入りほうじ茶</t>
  </si>
  <si>
    <t>ホームサイズほうじ茶</t>
  </si>
  <si>
    <t>ほうじ茶　茶の間</t>
  </si>
  <si>
    <t>深煎り番茶ほうじ茶</t>
  </si>
  <si>
    <t>一番茶入りほうじ茶</t>
  </si>
  <si>
    <t>ふだん使いの棒ほうじ茶</t>
  </si>
  <si>
    <t>初かおり</t>
  </si>
  <si>
    <t>共栄_味くらべ秋摘みほうじ茶150G</t>
  </si>
  <si>
    <t>煎茶ほうじ茶</t>
  </si>
  <si>
    <t>伊右衛門　ほうじ茶</t>
  </si>
  <si>
    <t>2ｇ×5ｐ×2袋</t>
  </si>
  <si>
    <t>ほうじ茶２００ｇ</t>
  </si>
  <si>
    <t>農家のほうじ茶</t>
  </si>
  <si>
    <t>国内産100%ほうじ茶</t>
  </si>
  <si>
    <t>ほうじ棒茶</t>
  </si>
  <si>
    <t>ｵﾉ</t>
  </si>
  <si>
    <t>国内産農家直送ほうじ茶</t>
  </si>
  <si>
    <t>香味秀逸ほうじ茶</t>
  </si>
  <si>
    <t>香ばしほうじ茶</t>
  </si>
  <si>
    <t>クリーンローストほうじ茶</t>
  </si>
  <si>
    <t>有機健茶　ほうじ茶</t>
  </si>
  <si>
    <t>のむら茨城県産さしまほうじ茶</t>
  </si>
  <si>
    <t>焙茶ゴールデン</t>
  </si>
  <si>
    <t>ゴールデンほうじ茶</t>
  </si>
  <si>
    <t>キングパックパール焙茶</t>
  </si>
  <si>
    <t>茶農家直送深蒸しほうじ茶</t>
  </si>
  <si>
    <t>国産ほうじ茶</t>
  </si>
  <si>
    <t>ほうじ番茶</t>
  </si>
  <si>
    <t>有機ほうじ茶</t>
  </si>
  <si>
    <t>奥八女ほうじ茶</t>
  </si>
  <si>
    <t>特上かりがねほうじ茶</t>
  </si>
  <si>
    <t>こうばしい玄米入りほうじ茶</t>
  </si>
  <si>
    <t>番茶ほうじ茶</t>
  </si>
  <si>
    <t>いりたて棒焙茶</t>
  </si>
  <si>
    <t>古市　1番茶　茎ほうじ茶２００ｇ</t>
  </si>
  <si>
    <t>妙香園</t>
  </si>
  <si>
    <t>ﾐｮｳｺｳｴﾝ</t>
  </si>
  <si>
    <t>ほうじ茶国産ブレンド</t>
  </si>
  <si>
    <t>寝る前に飲む棒ほうじ茶</t>
  </si>
  <si>
    <t>有機栽培　ほうじ茶</t>
  </si>
  <si>
    <t>いりたてほうじ茶</t>
  </si>
  <si>
    <t>京ばん茶（ほうじ番茶）</t>
  </si>
  <si>
    <t>かりがねほうじ</t>
  </si>
  <si>
    <t>ほうじ茶（中国）</t>
  </si>
  <si>
    <t>京番茶　（国内産）</t>
  </si>
  <si>
    <t>黒豆入り玄米ほうじ茶</t>
  </si>
  <si>
    <t>特選ほうじ茶</t>
  </si>
  <si>
    <t>御徳用ほうじ茶</t>
  </si>
  <si>
    <t>玄米茶</t>
  </si>
  <si>
    <t>優信舎_粉末緑茶入り玄米茶</t>
  </si>
  <si>
    <t>ﾐﾀｶ専科抹茶玄米茶</t>
  </si>
  <si>
    <t>緑茶ティーパック</t>
  </si>
  <si>
    <t>3gX40P</t>
  </si>
  <si>
    <t>六条麦茶</t>
  </si>
  <si>
    <t>52P</t>
  </si>
  <si>
    <t>国産抹茶玄米茶</t>
  </si>
  <si>
    <t>茶工場のまかない粉末玄米茶</t>
  </si>
  <si>
    <t>抹茶入玄米茶</t>
  </si>
  <si>
    <t>伊勢茶抹茶入り玄米茶</t>
  </si>
  <si>
    <t>抹茶玄米茶</t>
  </si>
  <si>
    <t>選んでｅ_玄米茶徳用_茶話（さわ）</t>
  </si>
  <si>
    <t>選んでｅ_爽薫_抹茶入玄米茶</t>
  </si>
  <si>
    <t>抹茶入玄米茶　爽薫</t>
  </si>
  <si>
    <t>選んでｅ　茶話　玄米茶徳用</t>
  </si>
  <si>
    <t>国産抹茶入玄米茶</t>
  </si>
  <si>
    <t>徳用玄米茶</t>
  </si>
  <si>
    <t>新茶玄米茶</t>
  </si>
  <si>
    <t>日頃､玄米茶</t>
  </si>
  <si>
    <t>伊右衛門抹茶入玄米茶</t>
  </si>
  <si>
    <t>ホームサイズ玄米茶</t>
  </si>
  <si>
    <t>宇治抹茶入り玄米茶</t>
  </si>
  <si>
    <t>九州抹茶入り玄米</t>
  </si>
  <si>
    <t>こんがり香る玄米茶</t>
  </si>
  <si>
    <t>もち米入玄米茶</t>
  </si>
  <si>
    <t>ひとめぼれ玄米茶</t>
  </si>
  <si>
    <t>少し贅沢な宇治抹茶入りひとめぼれ玄米茶</t>
  </si>
  <si>
    <t>まっ茶入り玄米茶みかど</t>
  </si>
  <si>
    <t>共栄_直送抹茶入り玄米茶_200G</t>
  </si>
  <si>
    <t>マッチャイリゲンマイチャ</t>
  </si>
  <si>
    <t>味わい玄米茶</t>
  </si>
  <si>
    <t>味わい抹茶玄米茶</t>
  </si>
  <si>
    <t>ゲンマイチャ１８０Ｇ</t>
  </si>
  <si>
    <t>トクジョウゲンマイチャ</t>
  </si>
  <si>
    <t>御徳用玄米茶</t>
  </si>
  <si>
    <t>香りま専科玄米茶</t>
  </si>
  <si>
    <t>香りま専科　抹茶入り玄米茶</t>
  </si>
  <si>
    <t>農家の抹茶入玄米茶</t>
  </si>
  <si>
    <t>緑茶玄米茶</t>
  </si>
  <si>
    <t>静岡直送玄米茶</t>
  </si>
  <si>
    <t>抹茶入り玄米茶　お徳用</t>
  </si>
  <si>
    <t>くらし応援_玄米茶</t>
  </si>
  <si>
    <t>くらし応援_抹茶入り玄米茶</t>
  </si>
  <si>
    <t>ほうじ玄米茶</t>
  </si>
  <si>
    <t>のむら　さしま茶抹茶入り玄米茶</t>
  </si>
  <si>
    <t>まるよ茶屋　抹茶入り玄米茶_150g</t>
  </si>
  <si>
    <t>ﾐﾀｶ徳用玄米茶寛3</t>
  </si>
  <si>
    <t>新緑茶玄米茶</t>
  </si>
  <si>
    <t>上玄米茶</t>
  </si>
  <si>
    <t>矢野製茶</t>
  </si>
  <si>
    <t>勾玉玄米茶</t>
  </si>
  <si>
    <t>極上玄米茶</t>
  </si>
  <si>
    <t>大麦若葉入り玄米茶</t>
  </si>
  <si>
    <t>エコファーマー玄米茶</t>
  </si>
  <si>
    <t>宇治抹茶入玄米茶</t>
  </si>
  <si>
    <t>ごはんの時の玄米茶</t>
  </si>
  <si>
    <t>徳用抹茶玄米茶</t>
  </si>
  <si>
    <t>黒豆入り抹茶玄米茶袋</t>
  </si>
  <si>
    <t>玄米茶（ふくよか）</t>
  </si>
  <si>
    <t>ゲンマイ茶（中国）</t>
  </si>
  <si>
    <t>抹茶入りゲンマイ茶（中国）</t>
  </si>
  <si>
    <t>玄米茶　（中国産）</t>
  </si>
  <si>
    <t>香り一番玄米茶</t>
  </si>
  <si>
    <t>国産玄米茶</t>
  </si>
  <si>
    <t>特上玄米茶</t>
  </si>
  <si>
    <t>お徳用玄米茶</t>
  </si>
  <si>
    <t>お買い得　徳用抹茶入玄米茶500g</t>
  </si>
  <si>
    <t>いりたて香る玄米茶</t>
  </si>
  <si>
    <t>さくら茶</t>
  </si>
  <si>
    <t>錦城印</t>
  </si>
  <si>
    <t>ｷﾝｼﾞｮｳｼﾞﾙｼ</t>
  </si>
  <si>
    <t>黒茶（混合茶）</t>
  </si>
  <si>
    <t>黄金桂</t>
  </si>
  <si>
    <t>武夷山鉄観音</t>
  </si>
  <si>
    <t>凍頂烏龍茶</t>
  </si>
  <si>
    <t>春風茉莉花茶</t>
  </si>
  <si>
    <t>茉莉花茶</t>
  </si>
  <si>
    <t>野ばらの実</t>
  </si>
  <si>
    <t>紅花</t>
  </si>
  <si>
    <t>はいびすかす花</t>
  </si>
  <si>
    <t>桜茶</t>
  </si>
  <si>
    <t>ｿｳﾏ</t>
  </si>
  <si>
    <t>不二の花あられ</t>
  </si>
  <si>
    <t>グリーンジャイアントスイートコーン</t>
  </si>
  <si>
    <t>JT</t>
  </si>
  <si>
    <t>キャラメル＆バニラPアソート</t>
  </si>
  <si>
    <t>15mlX6</t>
  </si>
  <si>
    <t>ﾀﾞｳﾞｨﾝﾁ</t>
  </si>
  <si>
    <t>金満福の飲茶セット　花梨</t>
  </si>
  <si>
    <t>ウーロン茶　リーフ</t>
  </si>
  <si>
    <t>能登まるごとはと麦茶</t>
  </si>
  <si>
    <t>はくい農業協同組合</t>
  </si>
  <si>
    <t>JAﾊｸｲ</t>
  </si>
  <si>
    <t>烏龍茶リーフ</t>
  </si>
  <si>
    <t>ウーロン茶</t>
  </si>
  <si>
    <t>烏龍茶２００Ｇ</t>
  </si>
  <si>
    <t>喫茶店のドライカレー</t>
  </si>
  <si>
    <t>茶わん本格雑炊とり雑炊の素</t>
  </si>
  <si>
    <t>茶わん本格雑炊さけ雑炊の基</t>
  </si>
  <si>
    <t>烏龍茶_２００ｇ</t>
  </si>
  <si>
    <t>国産生姜茶　300g</t>
  </si>
  <si>
    <t>南部茶ブレンドかいじ</t>
  </si>
  <si>
    <t>烏龍茶</t>
  </si>
  <si>
    <t>柿の葉茶</t>
  </si>
  <si>
    <t>麦茶バラ</t>
  </si>
  <si>
    <t>はと麦茶ゴールド</t>
  </si>
  <si>
    <t>生姜茶</t>
  </si>
  <si>
    <t>お茶シリーズ</t>
  </si>
  <si>
    <t>ウコン産業_春ウコン茶</t>
  </si>
  <si>
    <t>日本ウコン産業</t>
  </si>
  <si>
    <t>ｳｺﾝｻﾝｷﾞｮｳ</t>
  </si>
  <si>
    <t>アロエ茶</t>
  </si>
  <si>
    <t>ﾌｸﾌﾞｯｻﾝ</t>
  </si>
  <si>
    <t>ティーバッグ</t>
  </si>
  <si>
    <t>カップ用（～20P）</t>
  </si>
  <si>
    <t>煎茶3g×7P</t>
  </si>
  <si>
    <t>山啓製茶</t>
  </si>
  <si>
    <t>ｵｷﾞﾉｼｮｳﾃﾝ</t>
  </si>
  <si>
    <t>ゆず緑茶2.5g×7P</t>
  </si>
  <si>
    <t>さくら緑茶</t>
  </si>
  <si>
    <t>2．5g×5</t>
  </si>
  <si>
    <t>オー・エヌフーズ</t>
  </si>
  <si>
    <t>緑茶ティーバッグ</t>
  </si>
  <si>
    <t>8g*15P</t>
  </si>
  <si>
    <t>カテキン緑茶</t>
  </si>
  <si>
    <t>ワラシナ　駿府御用達　深むし煎茶　２ｇ×１５</t>
  </si>
  <si>
    <t>2GX15</t>
  </si>
  <si>
    <t>ボトルにイン深蒸し煎茶ティーバッグ</t>
  </si>
  <si>
    <t>六車農園</t>
  </si>
  <si>
    <t>ﾑｸﾞﾙﾏﾉｳｴﾝ</t>
  </si>
  <si>
    <t>べらぼう牧之原桜香る茶</t>
  </si>
  <si>
    <t>ｵﾁﾔﾉﾏﾙｺｳ</t>
  </si>
  <si>
    <t>有機煎茶　ＴＢ</t>
  </si>
  <si>
    <t>煎茶テトラ</t>
  </si>
  <si>
    <t>5g×16</t>
  </si>
  <si>
    <t>15P</t>
  </si>
  <si>
    <t>知覧煎茶ティーバッグ</t>
  </si>
  <si>
    <t>日頃知覧新茶ティーバッグ</t>
  </si>
  <si>
    <t>猫庭浜茶</t>
  </si>
  <si>
    <t>プレミアム緑茶ティーバッグ</t>
  </si>
  <si>
    <t>カテキン粉末緑茶</t>
  </si>
  <si>
    <t>伊右衛門煎茶</t>
  </si>
  <si>
    <t>伊右衛門名匠抹茶入煎茶</t>
  </si>
  <si>
    <t>水出し緑茶</t>
  </si>
  <si>
    <t>おーいお茶緑茶ティーバック</t>
  </si>
  <si>
    <t>プレミアムティーバック抹茶入り緑茶</t>
  </si>
  <si>
    <t>1.8g×20P</t>
  </si>
  <si>
    <t>ぞっこんＴＢ20Ｐ</t>
  </si>
  <si>
    <t>深蒸し茶ＴＢ20Ｐ</t>
  </si>
  <si>
    <t>おーいお茶新茶ティーバッグ</t>
  </si>
  <si>
    <t>1.8g×10</t>
  </si>
  <si>
    <t>おーいお茶　新茶プレミアムティーバッグ</t>
  </si>
  <si>
    <t>京都宇治抹茶入りおーいお茶</t>
  </si>
  <si>
    <t>1ﾌｸﾛ</t>
  </si>
  <si>
    <t>おーいお茶エコティーバッグ緑茶</t>
  </si>
  <si>
    <t>1.8g×20</t>
  </si>
  <si>
    <t>おーいお茶濃い茶プレミアムティーバッグ</t>
  </si>
  <si>
    <t>香るAromaBrewTeaグリーンティー×ローズ</t>
  </si>
  <si>
    <t>1.8g×5袋</t>
  </si>
  <si>
    <t>お買得水出しうまい緑茶</t>
  </si>
  <si>
    <t>まろやか緑茶　ボトル付き</t>
  </si>
  <si>
    <t>3g*18P</t>
  </si>
  <si>
    <t>ﾓﾘﾊﾝ</t>
  </si>
  <si>
    <t>世界遺産茶草場ティーパック</t>
  </si>
  <si>
    <t>桜香る茶ティーバッグ</t>
  </si>
  <si>
    <t>新茶の香り急須用銀</t>
  </si>
  <si>
    <t>5gx16</t>
  </si>
  <si>
    <t>お茶割り用ティーバッグ</t>
  </si>
  <si>
    <t>茶処三撰ティーバック</t>
  </si>
  <si>
    <t>20g×18</t>
  </si>
  <si>
    <t>6種の日本茶バラエティーパック</t>
  </si>
  <si>
    <t>カレンダー煎茶</t>
  </si>
  <si>
    <t>粉末緑茶</t>
  </si>
  <si>
    <t>15p</t>
  </si>
  <si>
    <t>一番摘み新茶ティーバッグ</t>
  </si>
  <si>
    <t>抹茶入煎茶ティーバッグ</t>
  </si>
  <si>
    <t>低カフェイン緑茶ティーバッグ</t>
  </si>
  <si>
    <t>蘭字風茶缶侍抹茶入り緑茶ティーバッグ</t>
  </si>
  <si>
    <t>3.5g×10P</t>
  </si>
  <si>
    <t>はま茶パック</t>
  </si>
  <si>
    <t>八女産玉露Ｔ／Ｂ</t>
  </si>
  <si>
    <t>ﾖｼｵｶ</t>
  </si>
  <si>
    <t>三角ティーバッグ緑茶</t>
  </si>
  <si>
    <t>山本山</t>
  </si>
  <si>
    <t>ﾔﾏﾓﾄﾔﾏ</t>
  </si>
  <si>
    <t>抹茶入緑茶ティーパック</t>
  </si>
  <si>
    <t>緑茶TB</t>
  </si>
  <si>
    <t>ﾉﾑﾗﾉﾁｬｴﾝ</t>
  </si>
  <si>
    <t>緑茶ＴＢ</t>
  </si>
  <si>
    <t>３ｇ×１２Ｐ</t>
  </si>
  <si>
    <t>一煎用緑茶ティーバッグ</t>
  </si>
  <si>
    <t>1.8gx20P</t>
  </si>
  <si>
    <t>大人の贅沢緑茶ティーバッグ</t>
  </si>
  <si>
    <t>農直静岡Ｔ／Ｂ２０ｐ</t>
  </si>
  <si>
    <t>5g×20</t>
  </si>
  <si>
    <t>水宗園本舗</t>
  </si>
  <si>
    <t>ｽｲｿｳｴﾝ</t>
  </si>
  <si>
    <t>すし粉茶Ｔ／Ｂ２０ｐ</t>
  </si>
  <si>
    <t>丸勝園　三角ティーパック</t>
  </si>
  <si>
    <t>５ｇ×２０Ｐ</t>
  </si>
  <si>
    <t>極旨濃茶彩ティーバッグ</t>
  </si>
  <si>
    <t>5g20P</t>
  </si>
  <si>
    <t>まるよ茶屋　抹茶入り緑茶ティーバッグ_3g×20</t>
  </si>
  <si>
    <t>阿波晩茶ティーパック</t>
  </si>
  <si>
    <t>2gX12P</t>
  </si>
  <si>
    <t>煎茶ティーパック</t>
  </si>
  <si>
    <t>番茶ティーパック</t>
  </si>
  <si>
    <t>煎茶ティーバッグ</t>
  </si>
  <si>
    <t>4gx14P</t>
  </si>
  <si>
    <t>5ｇ×20Ｐ</t>
  </si>
  <si>
    <t>2g×18</t>
  </si>
  <si>
    <t>静岡茶ティーバッグ一番摘み静岡緑茶</t>
  </si>
  <si>
    <t>2.5gx7P</t>
  </si>
  <si>
    <t>葉桐</t>
  </si>
  <si>
    <t>ﾊｷﾘ</t>
  </si>
  <si>
    <t>知覧茶プレミアムティーバッグ</t>
  </si>
  <si>
    <t>神乃舞三角ティーバッグ</t>
  </si>
  <si>
    <t>2.8g×10P</t>
  </si>
  <si>
    <t>おうまい緑茶</t>
  </si>
  <si>
    <t>ｱｷｽﾞｷｴﾝ</t>
  </si>
  <si>
    <t>お寿司屋さんの粉茶急須用ＴＢ</t>
  </si>
  <si>
    <t>三角ＴＢ　煎茶　２０Ｐ</t>
  </si>
  <si>
    <t>国太楼　宇治抹茶入り緑茶　三角ＴＢ　２２個</t>
  </si>
  <si>
    <t>22ｺ</t>
  </si>
  <si>
    <t>ｺｸﾆﾀﾛｳ</t>
  </si>
  <si>
    <t>川原製茶濃い緑茶ティーバッグ</t>
  </si>
  <si>
    <t>直火焙煎抹茶入り緑茶</t>
  </si>
  <si>
    <t>5ｇ*20P</t>
  </si>
  <si>
    <t>JAかごしま茶業知覧茶ティーパック</t>
  </si>
  <si>
    <t>JAかごしま茶業知覧茶旨味一滴ティーパック２０P</t>
  </si>
  <si>
    <t>４ｇｘ２０Ｐ</t>
  </si>
  <si>
    <t>緑あざやか緑茶抹茶入</t>
  </si>
  <si>
    <t>出雲番茶ＴＢ</t>
  </si>
  <si>
    <t>6g×20</t>
  </si>
  <si>
    <t>山本山三角ティーバッグ緑茶</t>
  </si>
  <si>
    <t>原寿園煎茶八雲ほまれティーバック3g×12</t>
  </si>
  <si>
    <t>3GX12</t>
  </si>
  <si>
    <t>原寿園煎茶五月緑ティーバック3g×12</t>
  </si>
  <si>
    <t>かおり番茶ティーバッグ</t>
  </si>
  <si>
    <t>水出しそのぎ茶ティーバッグ</t>
  </si>
  <si>
    <t>カップ用（21P以上）</t>
  </si>
  <si>
    <t>4g×50</t>
  </si>
  <si>
    <t>知覧茶ティーバッグ</t>
  </si>
  <si>
    <t>新茶ティーバッグ</t>
  </si>
  <si>
    <t>日頃､緑茶テトラパック</t>
  </si>
  <si>
    <t>香りひろがるお茶緑茶ティーバック</t>
  </si>
  <si>
    <t>2.0g×40P</t>
  </si>
  <si>
    <t>1.8g×50P</t>
  </si>
  <si>
    <t>1.8g×22P</t>
  </si>
  <si>
    <t>辻利　宇治煎茶</t>
  </si>
  <si>
    <t>2ｇ*50ｐ</t>
  </si>
  <si>
    <t>辻利　煎茶</t>
  </si>
  <si>
    <t>辻利　宇治玉露</t>
  </si>
  <si>
    <t>煎茶ＴＢ</t>
  </si>
  <si>
    <t>やぶ北番茶ティーバック</t>
  </si>
  <si>
    <t>5g×32</t>
  </si>
  <si>
    <t>つちくら大入り緑茶ティーバッグ</t>
  </si>
  <si>
    <t>バラエティティーバッグ</t>
  </si>
  <si>
    <t>25個</t>
  </si>
  <si>
    <t>バラエティパック</t>
  </si>
  <si>
    <t>エコロジカルライフ　掛川茶ティーバッグ　3g×26</t>
  </si>
  <si>
    <t>3ｇ×26</t>
  </si>
  <si>
    <t>わが家のティ~タイム緑茶</t>
  </si>
  <si>
    <t>今屋高瀬茶抹茶入り緑茶ティーパック4g×30</t>
  </si>
  <si>
    <t>かおりちゃん八女茶シルキー３０Ｐ　</t>
  </si>
  <si>
    <t>3gX30</t>
  </si>
  <si>
    <t>抹茶入り知覧茶三角ティーバッグ</t>
  </si>
  <si>
    <t>2gx40P</t>
  </si>
  <si>
    <t>国太楼お徳用宇治抹茶入緑茶三角</t>
  </si>
  <si>
    <t>50個入</t>
  </si>
  <si>
    <t>JAかごしま茶業べにふうき緑茶ティーバッグ２１P</t>
  </si>
  <si>
    <t>３ｇｘ２１Ｐ</t>
  </si>
  <si>
    <t>緑茶三角ティーバッグ</t>
  </si>
  <si>
    <t>1.8g×50</t>
  </si>
  <si>
    <t>ノンカフェ２０種国産ブレンド</t>
  </si>
  <si>
    <t>36p</t>
  </si>
  <si>
    <t>5g×22P</t>
  </si>
  <si>
    <t>5g×25</t>
  </si>
  <si>
    <t>山城宇治園</t>
  </si>
  <si>
    <t>ﾔﾏｼﾛｳｼﾞｴﾝ</t>
  </si>
  <si>
    <t>ポット用（～40P）</t>
  </si>
  <si>
    <t>ワンポット緑茶３４Ｐ_2個ｾｯﾄ</t>
  </si>
  <si>
    <t>34p*2</t>
  </si>
  <si>
    <t>鹿児島さわやかスッキリ有機桑の葉茶</t>
  </si>
  <si>
    <t>2gx16</t>
  </si>
  <si>
    <t>小川生薬</t>
  </si>
  <si>
    <t>ｵｶﾞﾜｷｸﾞｽﾘ</t>
  </si>
  <si>
    <t>抹茶入り緑茶ティーバッグ</t>
  </si>
  <si>
    <t>3g×33</t>
  </si>
  <si>
    <t>日頃､緑茶ティーバッグ</t>
  </si>
  <si>
    <t>3g×35P</t>
  </si>
  <si>
    <t>日頃､緑茶六車農園</t>
  </si>
  <si>
    <t>ワンポット緑茶ＴＢ３４Ｐ</t>
  </si>
  <si>
    <t>34P</t>
  </si>
  <si>
    <t>ワンポット緑茶</t>
  </si>
  <si>
    <t>香るColdBrewTeaグリーンティー×レモンライム</t>
  </si>
  <si>
    <t>森半_さっとでる緑茶4G×40P</t>
  </si>
  <si>
    <t>4g×40袋</t>
  </si>
  <si>
    <t>森半_抹茶入り緑茶TB_2G*40袋</t>
  </si>
  <si>
    <t>2g×40</t>
  </si>
  <si>
    <t>10g×100P</t>
  </si>
  <si>
    <t>新茶の香りＴ／Ｂ_１０ｐ</t>
  </si>
  <si>
    <t>2gx10</t>
  </si>
  <si>
    <t>深蒸し緑茶</t>
  </si>
  <si>
    <t>5g×30P</t>
  </si>
  <si>
    <t>お茶生活抹茶入り緑茶ティーバッグ</t>
  </si>
  <si>
    <t>2g×40P</t>
  </si>
  <si>
    <t>野村茶園　水出し緑茶</t>
  </si>
  <si>
    <t>4g×40</t>
  </si>
  <si>
    <t>緑茶ティーバック</t>
  </si>
  <si>
    <t>3g×30P</t>
  </si>
  <si>
    <t>3g×32P</t>
  </si>
  <si>
    <t>マイボトル用緑茶ティーバッグ</t>
  </si>
  <si>
    <t>2.7gx30P</t>
  </si>
  <si>
    <t>5gx40P</t>
  </si>
  <si>
    <t>お茶屋が本気で作った抹茶入煎茶TB</t>
  </si>
  <si>
    <t>抹茶入り緑茶ティーパック</t>
  </si>
  <si>
    <t>宇治抹茶入り緑茶ティーパック</t>
  </si>
  <si>
    <t>３６P</t>
  </si>
  <si>
    <t>淹れっぱなしでも苦くならない緑茶ティーパック</t>
  </si>
  <si>
    <t>3g×30p</t>
  </si>
  <si>
    <t>ｵﾔｲﾂﾞｼｮｳﾃﾝ</t>
  </si>
  <si>
    <t>私のお茶会緑茶ＴＰ</t>
  </si>
  <si>
    <t>6g×40</t>
  </si>
  <si>
    <t>京の番茶ＴＢ</t>
  </si>
  <si>
    <t>8g×30</t>
  </si>
  <si>
    <t>お番茶ティーパック</t>
  </si>
  <si>
    <t>17ブレンド茶</t>
  </si>
  <si>
    <t>6gX30</t>
  </si>
  <si>
    <t>お番茶ティーバッグ</t>
  </si>
  <si>
    <t>6g×32P</t>
  </si>
  <si>
    <t>5g×40袋入</t>
  </si>
  <si>
    <t>かおりちゃん濃いめの緑茶TB</t>
  </si>
  <si>
    <t>7gx30</t>
  </si>
  <si>
    <t>深むし緑茶ティーバッグ</t>
  </si>
  <si>
    <t>深むし緑茶</t>
  </si>
  <si>
    <t>西尾の抹茶入り緑茶ＴＢ</t>
  </si>
  <si>
    <t>4gx30</t>
  </si>
  <si>
    <t>おいしい煎茶ティーバッグ</t>
  </si>
  <si>
    <t>豊かに香る煎茶ティーバック</t>
  </si>
  <si>
    <t>5g×30p</t>
  </si>
  <si>
    <t>ポット用（41P以上）</t>
  </si>
  <si>
    <t>茶工場のまかない緑茶ティーバッグ</t>
  </si>
  <si>
    <t>2g×50P</t>
  </si>
  <si>
    <t>5g×55</t>
  </si>
  <si>
    <t>3g×50</t>
  </si>
  <si>
    <t>52p</t>
  </si>
  <si>
    <t>4g×60</t>
  </si>
  <si>
    <t>日頃、緑茶</t>
  </si>
  <si>
    <t>4ｇｘ52Ｐ</t>
  </si>
  <si>
    <t>ワンポット緑茶ティーバック</t>
  </si>
  <si>
    <t>50袋入</t>
  </si>
  <si>
    <t>ワンポット緑茶エコティーバック</t>
  </si>
  <si>
    <t>3.0g×50P</t>
  </si>
  <si>
    <t>抹茶入緑茶</t>
  </si>
  <si>
    <t>4gX50</t>
  </si>
  <si>
    <t>煎茶ティーバック</t>
  </si>
  <si>
    <t>2g×50</t>
  </si>
  <si>
    <t>トライアル煎茶ティーパック</t>
  </si>
  <si>
    <t>徳用ばん茶ティーバック</t>
  </si>
  <si>
    <t>5g×52P</t>
  </si>
  <si>
    <t>水出し緑茶ティーパック</t>
  </si>
  <si>
    <t>3g×50P</t>
  </si>
  <si>
    <t>５４袋</t>
  </si>
  <si>
    <t>水出しバラエティパック</t>
  </si>
  <si>
    <t>55P</t>
  </si>
  <si>
    <t>水出し深蒸しブレンド緑茶ＴＰ５５Ｐ</t>
  </si>
  <si>
    <t>深蒸し緑茶ティーバッグ　50P</t>
  </si>
  <si>
    <t>5ｇ×50</t>
  </si>
  <si>
    <t>徳用緑茶ＴＰ</t>
  </si>
  <si>
    <t>おいしい抹茶入り緑茶</t>
  </si>
  <si>
    <t>2gx50袋</t>
  </si>
  <si>
    <t>宇治抹茶入水出し緑茶ティーバッグ</t>
  </si>
  <si>
    <t>3.5g×50P</t>
  </si>
  <si>
    <t>センパック　徳用緑茶</t>
  </si>
  <si>
    <t>5gx50</t>
  </si>
  <si>
    <t>お茶パックＭ</t>
  </si>
  <si>
    <t>トキワ工業</t>
  </si>
  <si>
    <t>ハラダ製茶やぶ北B徳用水出し緑茶TB4g×52</t>
  </si>
  <si>
    <t>4GX52</t>
  </si>
  <si>
    <t>ﾊﾗﾀﾞ</t>
  </si>
  <si>
    <t>かんたん緑茶TB</t>
  </si>
  <si>
    <t>4gx52</t>
  </si>
  <si>
    <t>徳用煎茶ティーバッグ</t>
  </si>
  <si>
    <t>5g×50P</t>
  </si>
  <si>
    <t>徳用番茶ティーバッグ</t>
  </si>
  <si>
    <t>55p</t>
  </si>
  <si>
    <t>5gx45</t>
  </si>
  <si>
    <t>ほうじ茶3g×7P</t>
  </si>
  <si>
    <t>ボトルにインほうじ茶ティーバッグ</t>
  </si>
  <si>
    <t>有機ほうじ茶　ＴＢ</t>
  </si>
  <si>
    <t>ほうじテトラ</t>
  </si>
  <si>
    <t>ほうじ茶ティーバッグ</t>
  </si>
  <si>
    <t>伊右衛門炒り米いりほうじ茶</t>
  </si>
  <si>
    <t>おーいお茶ほうじ茶ティーバック</t>
  </si>
  <si>
    <t>2.0g×20P</t>
  </si>
  <si>
    <t>プレミアムティーバックほうじ茶</t>
  </si>
  <si>
    <t>おーいお茶エコティーバッグほうじ茶</t>
  </si>
  <si>
    <t>香るAromaBrewTeaほうじ茶×カモミール</t>
  </si>
  <si>
    <t>ほうじ茶ＴＢ</t>
  </si>
  <si>
    <t>お茶生活ほうじ茶ティーバッグ</t>
  </si>
  <si>
    <t>カレンダーほうじ茶</t>
  </si>
  <si>
    <t>ほうじはま茶ＴＢ</t>
  </si>
  <si>
    <t>蘭字風茶缶富士山ほうじ茶ティーバッグ</t>
  </si>
  <si>
    <t>三角ティーバッグほうじ茶</t>
  </si>
  <si>
    <t>焙煎仕込みほうじ茶ティーパック</t>
  </si>
  <si>
    <t>一煎用ほうじ茶ティーバッグ</t>
  </si>
  <si>
    <t>まるよ茶屋　ほうじ茶ティーバッグ　3g×20</t>
  </si>
  <si>
    <t>ﾐﾀｶほうじ茶TP2g×20p</t>
  </si>
  <si>
    <t>5g*15p</t>
  </si>
  <si>
    <t>ほうじ茶紗パック</t>
  </si>
  <si>
    <t>6g×20P</t>
  </si>
  <si>
    <t>油谷製茶加賀棒ほうじ茶100g</t>
  </si>
  <si>
    <t>油谷製茶</t>
  </si>
  <si>
    <t>ｱﾌﾞﾗﾀﾆ</t>
  </si>
  <si>
    <t>三角ＴＢ　ほうじ茶　２０Ｐ</t>
  </si>
  <si>
    <t>甘く香ばしいほうじ茶</t>
  </si>
  <si>
    <t>センパックほうじ茶番茶</t>
  </si>
  <si>
    <t>5gx20</t>
  </si>
  <si>
    <t>山本山三角ティーバッグほうじ茶</t>
  </si>
  <si>
    <t>国産棒茶ほうじ袋</t>
  </si>
  <si>
    <t>日頃､焙じ茶テトラパック</t>
  </si>
  <si>
    <t>伊右衛門ほうじ茶</t>
  </si>
  <si>
    <t>国産棒ほうじ茶</t>
  </si>
  <si>
    <t>香りひろがるお茶ほうじ茶ティーバック</t>
  </si>
  <si>
    <t>1.8g×40P</t>
  </si>
  <si>
    <t>森半_ほうじ茶_ﾃｨｰﾊﾞｯｸ_40P</t>
  </si>
  <si>
    <t>ほうじ番茶ティーバッグ</t>
  </si>
  <si>
    <t>直火焙煎ほうじ茶</t>
  </si>
  <si>
    <t>ほうじ茶ティーバック</t>
  </si>
  <si>
    <t>マイボトル用ほうじ茶ティーバッグ</t>
  </si>
  <si>
    <t>つちくら大入りほうじ茶ティーバッグ</t>
  </si>
  <si>
    <t>ﾐﾀｶ十六爽健ほうじ茶7g×24p</t>
  </si>
  <si>
    <t>茶がゆティーバッグ</t>
  </si>
  <si>
    <t>10gx21</t>
  </si>
  <si>
    <t>国太楼　豊かな香りほうじ茶　三角ＴＢ　２２個</t>
  </si>
  <si>
    <t>京ばん茶ＴＢ</t>
  </si>
  <si>
    <t>加賀棒ほうじ茶ティーバック</t>
  </si>
  <si>
    <t>おいしいほうじ茶ティーバッグ</t>
  </si>
  <si>
    <t>香るColdBrewTeaほうじ茶×オレンジ</t>
  </si>
  <si>
    <t>森半_京のお番茶_5G*40P</t>
  </si>
  <si>
    <t>5g×40</t>
  </si>
  <si>
    <t>森半_さっとできるほうじ茶_40P</t>
  </si>
  <si>
    <t>煎茶釜ほうじ茶</t>
  </si>
  <si>
    <t>ほうじ番茶ティーパック</t>
  </si>
  <si>
    <t>淹れっぱなしでも苦くならないほうじ茶ティーパック</t>
  </si>
  <si>
    <t>私のお茶会ほうじＴＰ</t>
  </si>
  <si>
    <t>かおりちゃん濃いめのほうじ茶TB</t>
  </si>
  <si>
    <t>8g×33p</t>
  </si>
  <si>
    <t>京風味ほうじ茶</t>
  </si>
  <si>
    <t>梶商店</t>
  </si>
  <si>
    <t>ｶｼﾞｼｮｳﾃﾝ</t>
  </si>
  <si>
    <t>ほうじ番茶ＴＢ</t>
  </si>
  <si>
    <t>棒茶ティーパック</t>
  </si>
  <si>
    <t>ワンポットほうじ茶エコTB50袋　_2個ｾｯﾄ</t>
  </si>
  <si>
    <t>3.5g×50P*2</t>
  </si>
  <si>
    <t>ワンポットほうじ茶</t>
  </si>
  <si>
    <t>ワンポットほうじ茶ティーバック</t>
  </si>
  <si>
    <t>ワンポットほうじ茶エコティーバック</t>
  </si>
  <si>
    <t>6g×100P</t>
  </si>
  <si>
    <t>釜炒りほうじ茶</t>
  </si>
  <si>
    <t>ﾔﾏｼﾛﾌﾞｯｻﾝ</t>
  </si>
  <si>
    <t>水出しほうじ茶ティーパック</t>
  </si>
  <si>
    <t>ほうじ茶ティーバッグ　50P</t>
  </si>
  <si>
    <t>ほうじ茶ティーパック</t>
  </si>
  <si>
    <t>8gx50袋</t>
  </si>
  <si>
    <t>水出しほうじ茶　ティーバッグ</t>
  </si>
  <si>
    <t>３．５ｇ×５０</t>
  </si>
  <si>
    <t>センパック徳用ほうじ茶</t>
  </si>
  <si>
    <t>かんたんほうじ茶TB</t>
  </si>
  <si>
    <t>抹茶入り玄米茶3g×7P</t>
  </si>
  <si>
    <t>抹茶入り玄米茶テトラ</t>
  </si>
  <si>
    <t>抹茶入玄米茶ティーバッグ</t>
  </si>
  <si>
    <t>一番茶抹茶玄米</t>
  </si>
  <si>
    <t>20PRS</t>
  </si>
  <si>
    <t>伊右衛門玄米</t>
  </si>
  <si>
    <t>お-いお茶_玄米茶</t>
  </si>
  <si>
    <t>プレミアムティーバック玄米茶</t>
  </si>
  <si>
    <t>2.3g×20P</t>
  </si>
  <si>
    <t>おーいお茶抹茶入り玄米茶ティーバッグ</t>
  </si>
  <si>
    <t>おーいお茶エコティーバッグ玄米茶</t>
  </si>
  <si>
    <t>1.9g×20</t>
  </si>
  <si>
    <t>抹茶入り玄米茶ティーバッグ</t>
  </si>
  <si>
    <t>三角ティーバッグ玄米茶</t>
  </si>
  <si>
    <t>抹茶入玄米茶ティーパック</t>
  </si>
  <si>
    <t>一煎用抹茶入り玄米茶ティーバッグ</t>
  </si>
  <si>
    <t>まるよ茶屋　抹茶入り玄米茶ティーバッグ　3g×20</t>
  </si>
  <si>
    <t>三角ＴＢ玄米茶２０Ｐ</t>
  </si>
  <si>
    <t>濃い玄米茶ティーバッグ</t>
  </si>
  <si>
    <t>炒り米香る玄米茶抹茶入</t>
  </si>
  <si>
    <t>山本山三角ティーバッグ玄米茶</t>
  </si>
  <si>
    <t>2.3g×50P</t>
  </si>
  <si>
    <t>玄米茶ＴＢ</t>
  </si>
  <si>
    <t>つちくら大入り抹茶入り玄米茶ティーバッグ</t>
  </si>
  <si>
    <t>玄米茶三角ティーバッグ</t>
  </si>
  <si>
    <t>やぶ北ブレンド水出し緑茶</t>
  </si>
  <si>
    <t>5g×30</t>
  </si>
  <si>
    <t>やぶ北ブレンド水出し玄米茶</t>
  </si>
  <si>
    <t>7g×30</t>
  </si>
  <si>
    <t>石川産番茶ほうじ茶TB</t>
  </si>
  <si>
    <t>新米玄米茶ティーバッグ</t>
  </si>
  <si>
    <t>3g×40</t>
  </si>
  <si>
    <t>日頃､玄米茶テトラパック</t>
  </si>
  <si>
    <t>森半_玄米茶ﾃｨｰﾊﾞｯｸﾞ_2gx40</t>
  </si>
  <si>
    <t>お茶生活抹茶入り玄米茶ティーバッグ</t>
  </si>
  <si>
    <t>緑のまろやか抹茶入玄米茶</t>
  </si>
  <si>
    <t>抹茶入り玄米茶ティーバック</t>
  </si>
  <si>
    <t>マイボトル用抹茶入り玄米茶ティーバッグ</t>
  </si>
  <si>
    <t>香味抹茶入玄米茶ティーバッグ</t>
  </si>
  <si>
    <t>33P</t>
  </si>
  <si>
    <t>5gx40袋</t>
  </si>
  <si>
    <t>玄米茶ティーバッグ</t>
  </si>
  <si>
    <t>ワンポット玄米茶</t>
  </si>
  <si>
    <t>ワンポット抹茶入り玄米茶ティーバック</t>
  </si>
  <si>
    <t>3.3g×50袋入</t>
  </si>
  <si>
    <t>ワンポット玄米茶エコティーバック</t>
  </si>
  <si>
    <t>3.3g×50P</t>
  </si>
  <si>
    <t>8g×100P</t>
  </si>
  <si>
    <t>抹茶入玄米茶TB55袋</t>
  </si>
  <si>
    <t>3.5g×55</t>
  </si>
  <si>
    <t>かんたん抹茶入り玄米茶ＴＢ</t>
  </si>
  <si>
    <t>玄米茶ティーバック</t>
  </si>
  <si>
    <t>麦茶</t>
  </si>
  <si>
    <t>～40Ｐ（粉砕麦）</t>
  </si>
  <si>
    <t>金の胡麻麦茶</t>
  </si>
  <si>
    <t>5ｇ*18</t>
  </si>
  <si>
    <t>お茶屋の胡麻麦茶</t>
  </si>
  <si>
    <t>麦茶ティーバッグ</t>
  </si>
  <si>
    <t>水出し煎茶ＴＰ</t>
  </si>
  <si>
    <t>5g14</t>
  </si>
  <si>
    <t>麦茶ティーバック</t>
  </si>
  <si>
    <t>7.5g×32P</t>
  </si>
  <si>
    <t>麦茶深海の恵み</t>
  </si>
  <si>
    <t>15g×16</t>
  </si>
  <si>
    <t>ツインパック麦茶</t>
  </si>
  <si>
    <t>4g*40P</t>
  </si>
  <si>
    <t>ｺﾀﾆ</t>
  </si>
  <si>
    <t>オーガニック麦茶</t>
  </si>
  <si>
    <t>国産黒豆麦茶</t>
  </si>
  <si>
    <t>延寿</t>
  </si>
  <si>
    <t>エコパック水出し緑茶24袋</t>
  </si>
  <si>
    <t>麦茶ＴＢ２０Ｐ</t>
  </si>
  <si>
    <t>黒豆入り国産むぎ茶ティーバック</t>
  </si>
  <si>
    <t>8.0g×30P</t>
  </si>
  <si>
    <t>天然ミネラルむぎ茶２０袋</t>
  </si>
  <si>
    <t>香り薫るむぎ茶国産プレミアムティーバック</t>
  </si>
  <si>
    <t>7.0g×24P</t>
  </si>
  <si>
    <t>香り薫るむぎ茶ティーバッグケース</t>
  </si>
  <si>
    <t>健康茶ブレンド麦茶ティーバック</t>
  </si>
  <si>
    <t>健康ブレンド麦茶ＴＢ20Ｐ</t>
  </si>
  <si>
    <t>健康ミネラル麦茶ティーバッグ</t>
  </si>
  <si>
    <t>3.8g×30P</t>
  </si>
  <si>
    <t>健康ミネラルむぎ茶オーツ麦ブレンド</t>
  </si>
  <si>
    <t>森半_冷温兼用_麦茶_ﾊﾟｯｸ_10gX21</t>
  </si>
  <si>
    <t>10g×21</t>
  </si>
  <si>
    <t>四国産麦茶TB</t>
  </si>
  <si>
    <t>8g×40</t>
  </si>
  <si>
    <t>国産十七種健美麦茶</t>
  </si>
  <si>
    <t>黒豆麦茶</t>
  </si>
  <si>
    <t>三栄興産</t>
  </si>
  <si>
    <t>ｻﾝｴｲｺｳｻﾝ</t>
  </si>
  <si>
    <t>国産黒豆入り麦茶</t>
  </si>
  <si>
    <t>佐賀麦茶ティーバッグ</t>
  </si>
  <si>
    <t>10g×40P</t>
  </si>
  <si>
    <t>うまさ薫る麦茶</t>
  </si>
  <si>
    <t>ほうじ入麦茶</t>
  </si>
  <si>
    <t>佐賀県産まるつぶ麦茶</t>
  </si>
  <si>
    <t>さわやか麦茶</t>
  </si>
  <si>
    <t>香り豊かな炒りたて麦茶</t>
  </si>
  <si>
    <t>麦芽麦茶</t>
  </si>
  <si>
    <t>はくばく麦芽麦茶</t>
  </si>
  <si>
    <t>こども喜ぶ麦茶</t>
  </si>
  <si>
    <t>9G*20P</t>
  </si>
  <si>
    <t>ほっと香る麦茶</t>
  </si>
  <si>
    <t>5G*15</t>
  </si>
  <si>
    <t>水出でおいしい麦茶ﾏｲﾎﾞﾄﾙ用</t>
  </si>
  <si>
    <t>10G*30</t>
  </si>
  <si>
    <t>はくばく　香ばし麦茶</t>
  </si>
  <si>
    <t>8G*16P</t>
  </si>
  <si>
    <t>バクガムギチャ</t>
  </si>
  <si>
    <t>黒豆入り麦茶ティーバック</t>
  </si>
  <si>
    <t>10g×30P</t>
  </si>
  <si>
    <t>緑茶麦茶ティーバッグ</t>
  </si>
  <si>
    <t>10g×32P</t>
  </si>
  <si>
    <t>国産麦茶ティーパック</t>
  </si>
  <si>
    <t>水出し緑茶ティーバック</t>
  </si>
  <si>
    <t>ごまブレンド麦茶</t>
  </si>
  <si>
    <t>7g×24</t>
  </si>
  <si>
    <t>国産原料五種ブレンド茶</t>
  </si>
  <si>
    <t>ブレンド茶ティーバッグ</t>
  </si>
  <si>
    <t>丹波黒豆入麦茶</t>
  </si>
  <si>
    <t>麦茶ジャーミー</t>
  </si>
  <si>
    <t>10ｇ×20袋</t>
  </si>
  <si>
    <t>出雲産麦茶ティーパック</t>
  </si>
  <si>
    <t>黒豆入り麦茶</t>
  </si>
  <si>
    <t>のむら茨城産六条大麦麦茶</t>
  </si>
  <si>
    <t>8g×32P</t>
  </si>
  <si>
    <t>北海道大地の恵みティーパック袋</t>
  </si>
  <si>
    <t>3.5g×40P</t>
  </si>
  <si>
    <t>北海道産麦茶ティーバッグ</t>
  </si>
  <si>
    <t>8g×40袋入</t>
  </si>
  <si>
    <t>北海道産麦茶</t>
  </si>
  <si>
    <t>胡麻入り麦茶ティーパック</t>
  </si>
  <si>
    <t>水出しほうじ茶ティーバッグ</t>
  </si>
  <si>
    <t>4g×32P</t>
  </si>
  <si>
    <t>ちば麦茶</t>
  </si>
  <si>
    <t>今屋老舗香川県産麦茶</t>
  </si>
  <si>
    <t>ごま入り麦茶ブレンド</t>
  </si>
  <si>
    <t>24Ｐ</t>
  </si>
  <si>
    <t>ウーロン入麦茶</t>
  </si>
  <si>
    <t>杜仲葉入麦茶</t>
  </si>
  <si>
    <t>有機麦茶ＴＢ</t>
  </si>
  <si>
    <t>ﾘｷｭｳﾝ</t>
  </si>
  <si>
    <t>仙人麦茶</t>
  </si>
  <si>
    <t>健幸茶園</t>
  </si>
  <si>
    <t>九州の麦茶</t>
  </si>
  <si>
    <t>36P</t>
  </si>
  <si>
    <t>ｲﾌｸｺｸﾌﾝ</t>
  </si>
  <si>
    <t>ペットボトルで有機麦茶ＴＢ</t>
  </si>
  <si>
    <t>有機むぎ茶ＴＢ</t>
  </si>
  <si>
    <t>十六爽健麦茶</t>
  </si>
  <si>
    <t>嘉木園</t>
  </si>
  <si>
    <t>ｶｷｴﾝ</t>
  </si>
  <si>
    <t>健茶館　ペットボトル麦茶　15ｇ×5P</t>
  </si>
  <si>
    <t>国産原料ブレンド麦茶</t>
  </si>
  <si>
    <t>長谷川商店</t>
  </si>
  <si>
    <t>ﾊｾｶﾞﾜ</t>
  </si>
  <si>
    <t>はと麦入り麦茶</t>
  </si>
  <si>
    <t>41Ｐ以上（粉砕麦）</t>
  </si>
  <si>
    <t>ムギチャ</t>
  </si>
  <si>
    <t>麦茶ティーパック</t>
  </si>
  <si>
    <t>10g×52</t>
  </si>
  <si>
    <t>国産麦茶ティーバック</t>
  </si>
  <si>
    <t>54p</t>
  </si>
  <si>
    <t>香り薫るむぎ茶</t>
  </si>
  <si>
    <t>香り薫るむぎ茶ティーバッグ</t>
  </si>
  <si>
    <t>7.5g×54P×2</t>
  </si>
  <si>
    <t>日本伝承麦茶</t>
  </si>
  <si>
    <t>54P</t>
  </si>
  <si>
    <t>8g×50</t>
  </si>
  <si>
    <t>10g×50</t>
  </si>
  <si>
    <t>田嶋通商</t>
  </si>
  <si>
    <t>ﾀｼﾞﾏ</t>
  </si>
  <si>
    <t>7g×50</t>
  </si>
  <si>
    <t>九州産麦茶</t>
  </si>
  <si>
    <t>52Ｐ</t>
  </si>
  <si>
    <t>九州産麦茶_10ｇｘ52P</t>
  </si>
  <si>
    <t>健祥</t>
  </si>
  <si>
    <t>10g×54</t>
  </si>
  <si>
    <t>ﾌﾀﾊﾞｼｮｳｶｲ</t>
  </si>
  <si>
    <t>日頃､黒豆入り麦茶</t>
  </si>
  <si>
    <t>日頃､麦茶ティーバッグ</t>
  </si>
  <si>
    <t>7g×56P</t>
  </si>
  <si>
    <t>北極麦茶パック</t>
  </si>
  <si>
    <t>12.5g×50P</t>
  </si>
  <si>
    <t>麦茶パック冷水用</t>
  </si>
  <si>
    <t>ムギチャヨウパック</t>
  </si>
  <si>
    <t>ＯＳＫ　ムギチャ５２Ｐ</t>
  </si>
  <si>
    <t>香り薫る麦茶</t>
  </si>
  <si>
    <t>8g×54P</t>
  </si>
  <si>
    <t>香り薫るむぎ茶ティーバック</t>
  </si>
  <si>
    <t>7.5g×54P</t>
  </si>
  <si>
    <t>生活派麦茶</t>
  </si>
  <si>
    <t>麦茶ＴＰ５２Ｐ</t>
  </si>
  <si>
    <t>SKK</t>
  </si>
  <si>
    <t>烏龍麦茶</t>
  </si>
  <si>
    <t>国産大麦100%麦茶</t>
  </si>
  <si>
    <t>8g×52P</t>
  </si>
  <si>
    <t>国産麦茶ティーバッグ</t>
  </si>
  <si>
    <t>8g*52P</t>
  </si>
  <si>
    <t>8g×52</t>
  </si>
  <si>
    <t>お徳用サンちゃん麦茶</t>
  </si>
  <si>
    <t>すこやか麦茶</t>
  </si>
  <si>
    <t>麦茶ティ－パック</t>
  </si>
  <si>
    <t>麦茶ＴＢ徳用</t>
  </si>
  <si>
    <t>麦茶ペットボトル用</t>
  </si>
  <si>
    <t>麦茶（煮出し）</t>
  </si>
  <si>
    <t>麦茶（冷水）</t>
  </si>
  <si>
    <t>麦茶煮出し用</t>
  </si>
  <si>
    <t>発芽玄米麦茶</t>
  </si>
  <si>
    <t>麦茶冷水用</t>
  </si>
  <si>
    <t>水出しでおいしい麦茶</t>
  </si>
  <si>
    <t>はくばく香ばい麦茶</t>
  </si>
  <si>
    <t>香ばし麦茶</t>
  </si>
  <si>
    <t>はくばく_むぎ屋の麦茶_420G</t>
  </si>
  <si>
    <t>364g</t>
  </si>
  <si>
    <t>10g×51</t>
  </si>
  <si>
    <t>昔ながらのむぎ茶</t>
  </si>
  <si>
    <t>8g×52p</t>
  </si>
  <si>
    <t>ボウムギチャ</t>
  </si>
  <si>
    <t>泰平食糧</t>
  </si>
  <si>
    <t>ﾀｲﾍｲｼｮｸﾘｮｳ</t>
  </si>
  <si>
    <t>ﾐﾀｶ九州麦茶10g×40p</t>
  </si>
  <si>
    <t>ジャンボ麦茶54P</t>
  </si>
  <si>
    <t>8.5G*54P</t>
  </si>
  <si>
    <t>ﾐﾀｶ麦茶10g×52p</t>
  </si>
  <si>
    <t>JA香川ほんまもん麦茶TB10g×52</t>
  </si>
  <si>
    <t>10GX52</t>
  </si>
  <si>
    <t>8g×60</t>
  </si>
  <si>
    <t>ジャンボ麦茶</t>
  </si>
  <si>
    <t>ﾆｼﾑﾗ</t>
  </si>
  <si>
    <t>麦茶１ｋｇ</t>
  </si>
  <si>
    <t>熱風焙煎むぎ茶</t>
  </si>
  <si>
    <t>国産麦茶</t>
  </si>
  <si>
    <t>健康麦茶</t>
  </si>
  <si>
    <t>デラパックムギチャ</t>
  </si>
  <si>
    <t>麦茶ＴＢ</t>
  </si>
  <si>
    <t>ミツレフーズ</t>
  </si>
  <si>
    <t>岡山県産大麦麦茶</t>
  </si>
  <si>
    <t>10g×52P</t>
  </si>
  <si>
    <t>兵庫県産六条大麦むぎ茶</t>
  </si>
  <si>
    <t>8g×52袋入</t>
  </si>
  <si>
    <t>国内産六条大麦釜煎り麦茶業務用</t>
  </si>
  <si>
    <t>水出し緑茶ＴＢ</t>
  </si>
  <si>
    <t>松阪産麦茶</t>
  </si>
  <si>
    <t>博多麦茶</t>
  </si>
  <si>
    <t>ゴクゴク黒豆杜仲麦茶</t>
  </si>
  <si>
    <t>シンセイ商事鳥土本舗</t>
  </si>
  <si>
    <t>ｼﾝｾｲｼｮｳｼﾞ</t>
  </si>
  <si>
    <t>ﾐﾀｶ十六爽健麦茶</t>
  </si>
  <si>
    <t>徳用水出し緑茶</t>
  </si>
  <si>
    <t>52袋</t>
  </si>
  <si>
    <t>大塚　麦茶ＴＰ</t>
  </si>
  <si>
    <t>10g/54</t>
  </si>
  <si>
    <t>ほうじ茶入むぎ茶TB</t>
  </si>
  <si>
    <t>～40Ｐ（丸麦）</t>
  </si>
  <si>
    <t>丸粒麦茶</t>
  </si>
  <si>
    <t>30g×30P</t>
  </si>
  <si>
    <t>まる粒麦茶</t>
  </si>
  <si>
    <t>13g×20</t>
  </si>
  <si>
    <t>25g×16P</t>
  </si>
  <si>
    <t>41Ｐ以上（丸麦）</t>
  </si>
  <si>
    <t>まるつぶ麦茶</t>
  </si>
  <si>
    <t>中国茶</t>
  </si>
  <si>
    <t>烏龍茶ティーパック</t>
  </si>
  <si>
    <t>マグポット凍頂烏龍茶</t>
  </si>
  <si>
    <t>Ｔｏｋｙｏ_Ｔｅａ_Ｔｒａｄｉｎｇ</t>
  </si>
  <si>
    <t>ﾄｰｷｮｰﾃｨｰ</t>
  </si>
  <si>
    <t>ウーロン茶ＴＢ</t>
  </si>
  <si>
    <t>ウーロンチャティーパック</t>
  </si>
  <si>
    <t>5g×33</t>
  </si>
  <si>
    <t>ウーロンチャティーバック</t>
  </si>
  <si>
    <t>黒烏龍茶ティーバック</t>
  </si>
  <si>
    <t>5g×34</t>
  </si>
  <si>
    <t>ロイヤル物産</t>
  </si>
  <si>
    <t>ﾛｲﾔﾙﾌﾞｯｻﾝ</t>
  </si>
  <si>
    <t>烏龍茶ＴＢ</t>
  </si>
  <si>
    <t>健祥黒烏龍茶</t>
  </si>
  <si>
    <t>4g×40P</t>
  </si>
  <si>
    <t>黒烏龍茶</t>
  </si>
  <si>
    <t>52ｐ</t>
  </si>
  <si>
    <t>想庵</t>
  </si>
  <si>
    <t>福健烏龍茶</t>
  </si>
  <si>
    <t>茶善の大地烏龍茶</t>
  </si>
  <si>
    <t>日薬壮健</t>
  </si>
  <si>
    <t>烏龍茶５２Ｐ</t>
  </si>
  <si>
    <t>5g×52</t>
  </si>
  <si>
    <t>烏龍茶　福建茶房5g×52ｐ</t>
  </si>
  <si>
    <t>黒ウーロン麦茶２０Ｐ</t>
  </si>
  <si>
    <t>黒烏龍茶_ステック</t>
  </si>
  <si>
    <t>6g×4</t>
  </si>
  <si>
    <t>新福建茶房烏龍茶</t>
  </si>
  <si>
    <t>52袋入</t>
  </si>
  <si>
    <t>ＯＳＫ黒烏龍茶</t>
  </si>
  <si>
    <t>黒ウーロン茶</t>
  </si>
  <si>
    <t>5g×18P</t>
  </si>
  <si>
    <t>ウーロンチャ</t>
  </si>
  <si>
    <t>凍頂ウーロン茶</t>
  </si>
  <si>
    <t>ウーロン茶ＴＰ５２Ｐ</t>
  </si>
  <si>
    <t>インスタントスティックウーロン茶</t>
  </si>
  <si>
    <t>烏龍茶ＴＢ５４Ｐ</t>
  </si>
  <si>
    <t>ウーロン茶ティーパック５４Ｐ</t>
  </si>
  <si>
    <t>濃いｳｰﾛﾝ茶ﾃｨｰﾊﾞｯｸﾞ　３０Ｐ</t>
  </si>
  <si>
    <t>ウーロン茶ティーバック</t>
  </si>
  <si>
    <t>4.5g×54P</t>
  </si>
  <si>
    <t>ワンポットウーロン茶エコティーバック</t>
  </si>
  <si>
    <t>4.0g×50P</t>
  </si>
  <si>
    <t>香るColdBrewTea台湾烏龍茶×ピーチアプリコット</t>
  </si>
  <si>
    <t>お買得水出しうまいウーロン茶</t>
  </si>
  <si>
    <t>水出しうまい烏龍茶ＴＢ</t>
  </si>
  <si>
    <t>黒烏龍茶ＴＢ</t>
  </si>
  <si>
    <t>3g×18</t>
  </si>
  <si>
    <t>大阪ぎょくろえん</t>
  </si>
  <si>
    <t>生活派_烏龍茶ﾃｨｰﾊﾟｯｸ_5g×36包</t>
  </si>
  <si>
    <t>5g×36</t>
  </si>
  <si>
    <t>ペットボトル用黒烏龍茶</t>
  </si>
  <si>
    <t>黒烏龍茶ティーバッグ</t>
  </si>
  <si>
    <t>凍頂葉入りウーロン茶</t>
  </si>
  <si>
    <t>24p</t>
  </si>
  <si>
    <t>烏龍茶Ｔ／Ｂ_１０ｐ</t>
  </si>
  <si>
    <t>5g×54P</t>
  </si>
  <si>
    <t>4g×44P</t>
  </si>
  <si>
    <t>黒烏龍茶ﾃｨｰﾊﾞｯｸﾞ</t>
  </si>
  <si>
    <t>烏龍茶ティーバッグ</t>
  </si>
  <si>
    <t>炭火焙煎烏龍茶</t>
  </si>
  <si>
    <t>5g×35</t>
  </si>
  <si>
    <t>鉄観音ウーロン茶</t>
  </si>
  <si>
    <t>アイスウーロン茶_Ｔ／Ｂ</t>
  </si>
  <si>
    <t>水出し烏龍茶ティーバック</t>
  </si>
  <si>
    <t>鉄観音茶　TB30袋</t>
  </si>
  <si>
    <t>黒ウーロン茶ティーバック</t>
  </si>
  <si>
    <t>ウーロン茶　ティーバック</t>
  </si>
  <si>
    <t>国産ウーロン茶</t>
  </si>
  <si>
    <t>国産黒烏龍茶ティーバッグ</t>
  </si>
  <si>
    <t>4g×52P</t>
  </si>
  <si>
    <t>ウーロン香茶Ｔ／Ｂ３０ｐ</t>
  </si>
  <si>
    <t>ﾐﾀｶｳｰﾛﾝ茶5GX52P</t>
  </si>
  <si>
    <t>京都茶_黒式烏龍茶_ﾃｨｰﾊﾞｯｸﾞ_5gX52P</t>
  </si>
  <si>
    <t>がんこ茶屋黒烏龍茶</t>
  </si>
  <si>
    <t>がんこ茶家</t>
  </si>
  <si>
    <t>ｶﾞﾝｺﾁｬﾔ</t>
  </si>
  <si>
    <t>ｸﾛｳｰﾛﾝﾁｬ5G×30H</t>
  </si>
  <si>
    <t>有機烏龍茶</t>
  </si>
  <si>
    <t>黒烏龍茶ＴＰ</t>
  </si>
  <si>
    <t>ｶｵﾘﾁｬﾝ</t>
  </si>
  <si>
    <t>ペットボトルで烏龍茶ＴＢ</t>
  </si>
  <si>
    <t>ウーロンチャイナ６０</t>
  </si>
  <si>
    <t>5g×60</t>
  </si>
  <si>
    <t>4．5×52</t>
  </si>
  <si>
    <t>徳用ウ－ロン茶</t>
  </si>
  <si>
    <t>ｺｳｼｭｴﾝ</t>
  </si>
  <si>
    <t>ＤＮ　　ウーロン茶</t>
  </si>
  <si>
    <t>ジャスミン茶</t>
  </si>
  <si>
    <t>台湾ジャスミンティー</t>
  </si>
  <si>
    <t>蓼科高原食品</t>
  </si>
  <si>
    <t>べっぴんジャスミン茶</t>
  </si>
  <si>
    <t>ジャスミンティ</t>
  </si>
  <si>
    <t>5g×16P</t>
  </si>
  <si>
    <t>ジャスミン茶ティーバック</t>
  </si>
  <si>
    <t>ワンポットジャスミン茶エコティーバック</t>
  </si>
  <si>
    <t>香るColdBrewTeaジャスミン茶×ライチ</t>
  </si>
  <si>
    <t>香るAromaBrewTeaジャスミン茶×ホワイトリリー</t>
  </si>
  <si>
    <t>お得用ジャスミン茶ティーバッグ100P</t>
  </si>
  <si>
    <t>2g×100</t>
  </si>
  <si>
    <t>ジャスミンティー</t>
  </si>
  <si>
    <t>ジャスミン茶　30H</t>
  </si>
  <si>
    <t>ジャスミン茶ＴＢ</t>
  </si>
  <si>
    <t>6g×36</t>
  </si>
  <si>
    <t>マグポット東方美人茶</t>
  </si>
  <si>
    <t>プアール茶</t>
  </si>
  <si>
    <t>プアール茶５２Ｐ</t>
  </si>
  <si>
    <t>プアールチャ</t>
  </si>
  <si>
    <t>プアール茶ＴＢ</t>
  </si>
  <si>
    <t>プーアル茶</t>
  </si>
  <si>
    <t>プーアル茶ＴＢ</t>
  </si>
  <si>
    <t>プアール雲南</t>
  </si>
  <si>
    <t>3g×52</t>
  </si>
  <si>
    <t>健康茶</t>
  </si>
  <si>
    <t>ダブルルイボスティー</t>
  </si>
  <si>
    <t>ﾔｵﾄﾒ</t>
  </si>
  <si>
    <t>日頃､ルイボスティ</t>
  </si>
  <si>
    <t>3g×33P</t>
  </si>
  <si>
    <t>ルイボスティ</t>
  </si>
  <si>
    <t>グリーンルイボス＆さくら</t>
  </si>
  <si>
    <t>1.5g×10</t>
  </si>
  <si>
    <t>茶のみ仲間</t>
  </si>
  <si>
    <t>ﾁｬﾉﾐﾅｶﾏ</t>
  </si>
  <si>
    <t>ルイボス＆ミント</t>
  </si>
  <si>
    <t>ルイボス＆カモミール</t>
  </si>
  <si>
    <t>グリーンルイボス＆生姜</t>
  </si>
  <si>
    <t>グリーンルイボス＆柚子</t>
  </si>
  <si>
    <t>2.0g×10</t>
  </si>
  <si>
    <t>ルイボス＆ハイビスカス</t>
  </si>
  <si>
    <t>グリーンルイボス＆檸檬</t>
  </si>
  <si>
    <t>1.5g×14</t>
  </si>
  <si>
    <t>グリーンルイボスティー</t>
  </si>
  <si>
    <t>ルイボス＆クローブ</t>
  </si>
  <si>
    <t>ルイボス＆カルダモン</t>
  </si>
  <si>
    <t>ルイボス＆シナモン</t>
  </si>
  <si>
    <t>るいぼす茶</t>
  </si>
  <si>
    <t>6g×24</t>
  </si>
  <si>
    <t>うる姫ルイボスブレンド</t>
  </si>
  <si>
    <t>有機ルイボスティー</t>
  </si>
  <si>
    <t>3.8g×16P</t>
  </si>
  <si>
    <t>スティックルイボスティー</t>
  </si>
  <si>
    <t>ピュアライフルイボスティー</t>
  </si>
  <si>
    <t>アサイー＆ルイボス</t>
  </si>
  <si>
    <t>3g×32</t>
  </si>
  <si>
    <t>ヘルシールイボスティーティーバック</t>
  </si>
  <si>
    <t>3g×60P</t>
  </si>
  <si>
    <t>ヘルシールイボスティーティーバッグ</t>
  </si>
  <si>
    <t>60袋</t>
  </si>
  <si>
    <t>ルイボスティティーバッグ　ボトル付き</t>
  </si>
  <si>
    <t>3g*18</t>
  </si>
  <si>
    <t>3.5g×20P</t>
  </si>
  <si>
    <t>やさしいルイボスブレンド茶</t>
  </si>
  <si>
    <t>お得用ルイボスティーティーバッグ</t>
  </si>
  <si>
    <t>ルイボスティーティーバッグ</t>
  </si>
  <si>
    <t>ルイボスティーパウダー</t>
  </si>
  <si>
    <t>マイボトル有機ルイボスティー</t>
  </si>
  <si>
    <t>マイボトルジンジャー＆ルイボスティー</t>
  </si>
  <si>
    <t>1.5g×20</t>
  </si>
  <si>
    <t>アフタヌーンティールイボスティー</t>
  </si>
  <si>
    <t>ｱﾌﾀﾇｰﾝﾃｨｰ</t>
  </si>
  <si>
    <t>メガサイズルイボスティーティーバッグ</t>
  </si>
  <si>
    <t>60P</t>
  </si>
  <si>
    <t>お徳用ルイボスティーTB34P</t>
  </si>
  <si>
    <t>95.2g</t>
  </si>
  <si>
    <t>SIP有機ルイボスティー三角ティーバッグ</t>
  </si>
  <si>
    <t>ポット用ルイボスティー三角ティーバッグ</t>
  </si>
  <si>
    <t>プレミアムルイボステｨ</t>
  </si>
  <si>
    <t>ｸﾆﾄﾛｳ</t>
  </si>
  <si>
    <t>健茶館ハピネス　Wルイボスティー3ｇ×24P</t>
  </si>
  <si>
    <t>健茶館　ジンジャールイボスティー2ｇ×14P</t>
  </si>
  <si>
    <t>2ｇ×14</t>
  </si>
  <si>
    <t>ルイボス１００％</t>
  </si>
  <si>
    <t>3.5g×12</t>
  </si>
  <si>
    <t>オーガニックルイボス＆ハニーブッシュティーティーバッグ</t>
  </si>
  <si>
    <t>3g×16P</t>
  </si>
  <si>
    <t>山陽商事</t>
  </si>
  <si>
    <t>ｻﾝﾖｳｼｮｳｼﾞ</t>
  </si>
  <si>
    <t>ごぼう茶</t>
  </si>
  <si>
    <t>鹿児島県産ごぼう茶ティーバッグ</t>
  </si>
  <si>
    <t>2g×18P</t>
  </si>
  <si>
    <t>国産ごぼうの皮茶</t>
  </si>
  <si>
    <t>ＨＩＫＡＲＩ</t>
  </si>
  <si>
    <t>HIKARI</t>
  </si>
  <si>
    <t>熊本県産ごぼう茶</t>
  </si>
  <si>
    <t>まるごと粉末ごぼう茶</t>
  </si>
  <si>
    <t>2g×15</t>
  </si>
  <si>
    <t>ごぼう茶ティーバッグ</t>
  </si>
  <si>
    <t>自然工房ゴボウ茶</t>
  </si>
  <si>
    <t>のむら国産ごぼう茶TB</t>
  </si>
  <si>
    <t>1.5g15</t>
  </si>
  <si>
    <t>ﾉﾑﾗ</t>
  </si>
  <si>
    <t>土倉北海道産ごぼう茶40P</t>
  </si>
  <si>
    <t>九州産ごぼう茶　　　　</t>
  </si>
  <si>
    <t>２４p</t>
  </si>
  <si>
    <t>1.5ｇ×30ｐ</t>
  </si>
  <si>
    <t>2.0ｇ×30包入</t>
  </si>
  <si>
    <t>おいしいごぼう茶</t>
  </si>
  <si>
    <t>1g×15</t>
  </si>
  <si>
    <t>あじかん</t>
  </si>
  <si>
    <t>ｱｼﾞｶﾝ</t>
  </si>
  <si>
    <t>ごぼうの茶</t>
  </si>
  <si>
    <t>1.5gx15</t>
  </si>
  <si>
    <t>健茶館　鹿児島県産ごぼう茶1.5ｇ×12P</t>
  </si>
  <si>
    <t>1.5ｇ×12</t>
  </si>
  <si>
    <t>はと麦茶</t>
  </si>
  <si>
    <t>Wはと麦茶ティーバッグ</t>
  </si>
  <si>
    <t>はとむぎどくだみ茶</t>
  </si>
  <si>
    <t>はとむぎ茶</t>
  </si>
  <si>
    <t>8g×24</t>
  </si>
  <si>
    <t>べっぴん国産はと麦茶</t>
  </si>
  <si>
    <t>べっぴんはと麦茶</t>
  </si>
  <si>
    <t>5.5g×24P</t>
  </si>
  <si>
    <t>はと麦茶１６Ｐ</t>
  </si>
  <si>
    <t>生はと麦粉末</t>
  </si>
  <si>
    <t>はと麦茶延寿袋</t>
  </si>
  <si>
    <t>32袋</t>
  </si>
  <si>
    <t>国産はと麦茶ティーバッグ</t>
  </si>
  <si>
    <t>はと麦茶　16P</t>
  </si>
  <si>
    <t>はと麦ブレンド茶</t>
  </si>
  <si>
    <t>はと麦ティーパック</t>
  </si>
  <si>
    <t>8gx24</t>
  </si>
  <si>
    <t>国産はと麦入り麦茶ティーバック</t>
  </si>
  <si>
    <t>はと麦茶ティーバッグ</t>
  </si>
  <si>
    <t>のむら　栃木県産　はと麦茶</t>
  </si>
  <si>
    <t>富山県産はと麦茶</t>
  </si>
  <si>
    <t>８ｇ×１６Ｐ</t>
  </si>
  <si>
    <t>国産はと麦入り麦茶</t>
  </si>
  <si>
    <t>8gx22P</t>
  </si>
  <si>
    <t>はと麦入り麦茶ティーバッグ</t>
  </si>
  <si>
    <t>8gx22</t>
  </si>
  <si>
    <t>ﾐﾀｶはと麦麦茶8g×24p</t>
  </si>
  <si>
    <t>マイボトル国内産はと麦茶</t>
  </si>
  <si>
    <t>はと麦入りむぎ茶</t>
  </si>
  <si>
    <t>健茶館　国内産はと麦茶4ｇ×15P</t>
  </si>
  <si>
    <t>4ｇ×15P</t>
  </si>
  <si>
    <t>梶商店健茶館はと麦茶</t>
  </si>
  <si>
    <t>6g×12</t>
  </si>
  <si>
    <t>はと麦１００％</t>
  </si>
  <si>
    <t>5g12</t>
  </si>
  <si>
    <t>7g×18P</t>
  </si>
  <si>
    <t>くるみ・はと麦茶</t>
  </si>
  <si>
    <t>20ｇ*7P</t>
  </si>
  <si>
    <t>ｳﾘｼｮｳｼﾞ</t>
  </si>
  <si>
    <t>プレンド健康茶</t>
  </si>
  <si>
    <t>国内産ノンカフェイン19種類のブレンド茶</t>
  </si>
  <si>
    <t>16種調合健康茶</t>
  </si>
  <si>
    <t>毎日の健康茶ごぼうブレンドティーバッグ</t>
  </si>
  <si>
    <t>有機健康茶</t>
  </si>
  <si>
    <t>もち麦入り水出しブレンド茶</t>
  </si>
  <si>
    <t>11種国産原料ブレンド茶</t>
  </si>
  <si>
    <t>18P</t>
  </si>
  <si>
    <t>十種健康茶</t>
  </si>
  <si>
    <t>国内産雑穀ブレンド茶ティーバッグ</t>
  </si>
  <si>
    <t>18g×6</t>
  </si>
  <si>
    <t>健茶館　赤ちゃんとママ向けブレンド茶5ｇ×16P</t>
  </si>
  <si>
    <t>5ｇ×16</t>
  </si>
  <si>
    <t>健茶館　国産ノンカフェイン十六種ブレンド茶8ｇ×24P</t>
  </si>
  <si>
    <t>8ｇ×24</t>
  </si>
  <si>
    <t>優爽美茶</t>
  </si>
  <si>
    <t>5g×54</t>
  </si>
  <si>
    <t>ｾﾞﾝﾔｸﾉ-</t>
  </si>
  <si>
    <t>黒豆茶</t>
  </si>
  <si>
    <t>べっぴん黒豆茶</t>
  </si>
  <si>
    <t>22P</t>
  </si>
  <si>
    <t>4g×16P</t>
  </si>
  <si>
    <t>黒豆茶１４Ｐ</t>
  </si>
  <si>
    <t>黒豆茶ティーバッグ</t>
  </si>
  <si>
    <t>7.5g×14袋入</t>
  </si>
  <si>
    <t>北海道産100%黒豆茶ティーバッグ</t>
  </si>
  <si>
    <t>生活派_黒豆ﾌﾞﾚﾝﾄﾞ六種調合茶ﾃｨｰ</t>
  </si>
  <si>
    <t>黒豆むぎ茶</t>
  </si>
  <si>
    <t>黒豆優幸茶</t>
  </si>
  <si>
    <t>ﾐﾀｶ黒豆健康茶8g×24p</t>
  </si>
  <si>
    <t>マイボトル国内産黒豆茶</t>
  </si>
  <si>
    <t>丹波黒　黒豆茶</t>
  </si>
  <si>
    <t>6gx24袋</t>
  </si>
  <si>
    <t>丹波黒黒豆茶</t>
  </si>
  <si>
    <t>5gx24</t>
  </si>
  <si>
    <t>北海道産黒豆茶</t>
  </si>
  <si>
    <t>10g×52p</t>
  </si>
  <si>
    <t>健茶館　ノンカフェイン国内産黒豆茶5ｇ×20P</t>
  </si>
  <si>
    <t>5ｇ×20</t>
  </si>
  <si>
    <t>黒豆かおり茶ティーバッグ</t>
  </si>
  <si>
    <t>鳥取の黒豆茶ティーバッグ</t>
  </si>
  <si>
    <t>黒豆１００％</t>
  </si>
  <si>
    <t>黒豆健康茶</t>
  </si>
  <si>
    <t>黒豆ほうじ茶</t>
  </si>
  <si>
    <t>そば茶</t>
  </si>
  <si>
    <t>ダッタソバチャ</t>
  </si>
  <si>
    <t>韃靼そば茶</t>
  </si>
  <si>
    <t>北海道産韃靼そば茶ティーバッグ</t>
  </si>
  <si>
    <t>そば茶１５０Ｇ</t>
  </si>
  <si>
    <t>そば茶ＴＢ１４Ｐ</t>
  </si>
  <si>
    <t>韃靼そば茶ティーバッグ</t>
  </si>
  <si>
    <t>6.0g×14袋入</t>
  </si>
  <si>
    <t>ダッタンそば茶</t>
  </si>
  <si>
    <t>杜仲茶ティーパック</t>
  </si>
  <si>
    <t>杜仲葉茶</t>
  </si>
  <si>
    <t>6g×54</t>
  </si>
  <si>
    <t>杜仲葉茶Ｔ／Ｂ</t>
  </si>
  <si>
    <t>4g×16</t>
  </si>
  <si>
    <t>杜仲葉麦茶</t>
  </si>
  <si>
    <t>杜仲茶ティーバッグ</t>
  </si>
  <si>
    <t>3g×60</t>
  </si>
  <si>
    <t>どくだみ茶</t>
  </si>
  <si>
    <t>どくだみ入り麦茶</t>
  </si>
  <si>
    <t>どくだみ茶Ｔ／Ｂ</t>
  </si>
  <si>
    <t>中国どくだみ茶</t>
  </si>
  <si>
    <t>八種配合どくだみ健康茶</t>
  </si>
  <si>
    <t>どくだみ霊けん茶</t>
  </si>
  <si>
    <t>どくだみ杜仲麦茶</t>
  </si>
  <si>
    <t>八種調合どくだみ健康茶</t>
  </si>
  <si>
    <t>どくだみ茶ティーバッグ</t>
  </si>
  <si>
    <t>どくだみ健美茶</t>
  </si>
  <si>
    <t>どくだみ入麦茶</t>
  </si>
  <si>
    <t>どくだみ混合茶</t>
  </si>
  <si>
    <t>10種どくだみ茶ティーバック</t>
  </si>
  <si>
    <t>10g×18P</t>
  </si>
  <si>
    <t>大阿蘇万能茶</t>
  </si>
  <si>
    <t>村田園</t>
  </si>
  <si>
    <t>ﾑﾗﾀｴﾝ</t>
  </si>
  <si>
    <t>大阿蘇万能茶　ティーバック急須用</t>
  </si>
  <si>
    <t>甜茶１００</t>
  </si>
  <si>
    <t>グアバ茶１００</t>
  </si>
  <si>
    <t>ゴーヤー茶</t>
  </si>
  <si>
    <t>コーン茶</t>
  </si>
  <si>
    <t>コーン茶ティーバッグ</t>
  </si>
  <si>
    <t>ジェイフーズネット</t>
  </si>
  <si>
    <t>シモン茶</t>
  </si>
  <si>
    <t>松下園</t>
  </si>
  <si>
    <t>ｵﾁｬﾉﾏﾂｼﾀｴﾝ</t>
  </si>
  <si>
    <t>ちゃめっけシリ－ズ２箱入り</t>
  </si>
  <si>
    <t>ちゃめっけシリ－ズ１箱入り</t>
  </si>
  <si>
    <t>ボケたくないっ茶</t>
  </si>
  <si>
    <t>もう少しヤセなくっ茶</t>
  </si>
  <si>
    <t>グアヤキ　イエルバマテ茶２５袋</t>
  </si>
  <si>
    <t>３ｇ*２５</t>
  </si>
  <si>
    <t>ニコウトレーディング</t>
  </si>
  <si>
    <t>ｸﾞｱﾔｷ</t>
  </si>
  <si>
    <t>ハンさんのおいしいくわ茶</t>
  </si>
  <si>
    <t>桑郷</t>
  </si>
  <si>
    <t>ｸﾜﾉｻﾄ</t>
  </si>
  <si>
    <t>コーン茶　ティーバッグ</t>
  </si>
  <si>
    <t>香ばしさ引き立つ焙煎コーン茶</t>
  </si>
  <si>
    <t>7g×30P</t>
  </si>
  <si>
    <t>高麗人参茶</t>
  </si>
  <si>
    <t>3g*30P</t>
  </si>
  <si>
    <t>ゴールド秋ウコンカレンダー</t>
  </si>
  <si>
    <t>日興健食</t>
  </si>
  <si>
    <t>ﾆｯｺｳｹﾝｼｮｸ</t>
  </si>
  <si>
    <t>大福茶福々セット</t>
  </si>
  <si>
    <t>十二種健康茶ティーバッグ</t>
  </si>
  <si>
    <t>5g×88</t>
  </si>
  <si>
    <t>韓国伝承１２種健康茶</t>
  </si>
  <si>
    <t>ﾋﾟｰﾌﾟﾙﾌﾟﾗｽ</t>
  </si>
  <si>
    <t>鹿児島県産　べにふうきティーバッグ</t>
  </si>
  <si>
    <t>2gx20P</t>
  </si>
  <si>
    <t>とうもろこし茶</t>
  </si>
  <si>
    <t>はぶ茶</t>
  </si>
  <si>
    <t>うこん茶</t>
  </si>
  <si>
    <t>いちょう葉茶</t>
  </si>
  <si>
    <t>くまの葉茶</t>
  </si>
  <si>
    <t>はすの葉</t>
  </si>
  <si>
    <t>しその葉茶</t>
  </si>
  <si>
    <t>杉の葉調合茶</t>
  </si>
  <si>
    <t>雪の下茶</t>
  </si>
  <si>
    <t>目薬の木茶</t>
  </si>
  <si>
    <t>ばなは茶</t>
  </si>
  <si>
    <t>きむねま茶</t>
  </si>
  <si>
    <t>調合減肥茶</t>
  </si>
  <si>
    <t>おとぎり草茶</t>
  </si>
  <si>
    <t>調合せんな茶</t>
  </si>
  <si>
    <t>1.5g×52</t>
  </si>
  <si>
    <t>霊芝調合茶</t>
  </si>
  <si>
    <t>高麗人参調合茶</t>
  </si>
  <si>
    <t>桃の葉茶</t>
  </si>
  <si>
    <t>タンポポコーヒー</t>
  </si>
  <si>
    <t>韓国コーン茶</t>
  </si>
  <si>
    <t>土佐の生姜茶</t>
  </si>
  <si>
    <t>テトラしょうが入り国産よくばり健康茶</t>
  </si>
  <si>
    <t>黒五穀参</t>
  </si>
  <si>
    <t>柿の歯茶</t>
  </si>
  <si>
    <t>原肥ガルニシアダイエット茶</t>
  </si>
  <si>
    <t>クマ笹茶</t>
  </si>
  <si>
    <t>シジュームグァバチャ</t>
  </si>
  <si>
    <t>甜茶</t>
  </si>
  <si>
    <t>バナバ茶_ティーバック</t>
  </si>
  <si>
    <t>3.5gx16</t>
  </si>
  <si>
    <t>メグスリの木茶</t>
  </si>
  <si>
    <t>よもぎ茶　ティーバック</t>
  </si>
  <si>
    <t>減肥茶</t>
  </si>
  <si>
    <t>ゴーヤ茶</t>
  </si>
  <si>
    <t>野草健康茶</t>
  </si>
  <si>
    <t>45P</t>
  </si>
  <si>
    <t>ロ－ズヒップ</t>
  </si>
  <si>
    <t>毎日の健康茶ティーバック</t>
  </si>
  <si>
    <t>北海道とうきび茶ティーバック</t>
  </si>
  <si>
    <t>4g×14P</t>
  </si>
  <si>
    <t>グアバ茶番石流</t>
  </si>
  <si>
    <t>ゴ－ヤ茶</t>
  </si>
  <si>
    <t>からだ巡り茶ティーバッグ</t>
  </si>
  <si>
    <t>からだ巡り茶ティーバッグC</t>
  </si>
  <si>
    <t>太陽のﾏﾃ茶_ﾃｨｰﾊﾟｯｸ</t>
  </si>
  <si>
    <t>2.3g×10</t>
  </si>
  <si>
    <t>ｺｶ･ｺ-ﾗ</t>
  </si>
  <si>
    <t>8g*20P</t>
  </si>
  <si>
    <t>甜茶ティーバッグ</t>
  </si>
  <si>
    <t>アガリクス健康茶</t>
  </si>
  <si>
    <t>健幸爽茶</t>
  </si>
  <si>
    <t>減肥茶ＴＢ</t>
  </si>
  <si>
    <t>和漢野草茶ティーバッグ</t>
  </si>
  <si>
    <t>12g×30P</t>
  </si>
  <si>
    <t>五穀優幸茶</t>
  </si>
  <si>
    <t>ウコン茶</t>
  </si>
  <si>
    <t>11種国産原料健康茶</t>
  </si>
  <si>
    <t>5g×24P</t>
  </si>
  <si>
    <t>くまモンの健康茶</t>
  </si>
  <si>
    <t>ﾐﾂｲﾉｳﾘﾝ</t>
  </si>
  <si>
    <t>混合茶ＴＰ</t>
  </si>
  <si>
    <t>10g×16P</t>
  </si>
  <si>
    <t>国産やさい茶</t>
  </si>
  <si>
    <t>5g×48</t>
  </si>
  <si>
    <t>陶陶酒本舗</t>
  </si>
  <si>
    <t>ﾄｳﾄｳｼｭ</t>
  </si>
  <si>
    <t>ゴーヤ茶Ｔ／Ｂ</t>
  </si>
  <si>
    <t>なた豆茶</t>
  </si>
  <si>
    <t>ＴＢ24Ｐ</t>
  </si>
  <si>
    <t>ﾐﾀｶ十六爽健減肥麦</t>
  </si>
  <si>
    <t>秋ウコン茶</t>
  </si>
  <si>
    <t>安藤通商</t>
  </si>
  <si>
    <t>ｱﾝﾄﾞｳﾂｳｼｮｳ</t>
  </si>
  <si>
    <t>イチョウ葉茶</t>
  </si>
  <si>
    <t>ラフマ茶</t>
  </si>
  <si>
    <t>3g×24</t>
  </si>
  <si>
    <t>グァバ茶</t>
  </si>
  <si>
    <t>メグスリの木</t>
  </si>
  <si>
    <t>バナバ茶</t>
  </si>
  <si>
    <t>シジュウム</t>
  </si>
  <si>
    <t>明日葉茶</t>
  </si>
  <si>
    <t>1g×30</t>
  </si>
  <si>
    <t>ネトルティー</t>
  </si>
  <si>
    <t>ヤーコン茶</t>
  </si>
  <si>
    <t>1.5g×30</t>
  </si>
  <si>
    <t>ぎむねま茶</t>
  </si>
  <si>
    <t>十二種調合　健康茶</t>
  </si>
  <si>
    <t>健圧茶30包</t>
  </si>
  <si>
    <t>ｶﾞﾝﾊﾞﾙｹﾝﾄｳﾁｬ30H</t>
  </si>
  <si>
    <t>がんばる健眼茶30包</t>
  </si>
  <si>
    <t>ユーカリ茶100％</t>
  </si>
  <si>
    <t>24包</t>
  </si>
  <si>
    <t>しそ茶</t>
  </si>
  <si>
    <t>ローズヒップ茶</t>
  </si>
  <si>
    <t>マイボトル国内産小豆茶</t>
  </si>
  <si>
    <t>マテ茶ティーバッグ</t>
  </si>
  <si>
    <t>ポット用マテ茶ティーバッグ</t>
  </si>
  <si>
    <t>2.8g×30P</t>
  </si>
  <si>
    <t>爽健優悠</t>
  </si>
  <si>
    <t>健茶館　北海道産あずき茶5ｇ×15P</t>
  </si>
  <si>
    <t>5ｇ×15P</t>
  </si>
  <si>
    <t>国産どくだみ茶TB</t>
  </si>
  <si>
    <t>くろまめ茶ティーバッグ</t>
  </si>
  <si>
    <t>4g×24袋入</t>
  </si>
  <si>
    <t>爽美健茶ＴＢ</t>
  </si>
  <si>
    <t>ゴーヤ１００％</t>
  </si>
  <si>
    <t>サラシアティーバッグ</t>
  </si>
  <si>
    <t>自然野草健生茶</t>
  </si>
  <si>
    <t>ねじめびわ茶</t>
  </si>
  <si>
    <t>十津川</t>
  </si>
  <si>
    <t>ﾄﾂﾞｶﾜ</t>
  </si>
  <si>
    <t>健康ふくちゃ</t>
  </si>
  <si>
    <t>マルイリ製茶</t>
  </si>
  <si>
    <t>ﾏﾙｲﾘｾｲﾁｬ</t>
  </si>
  <si>
    <t>レオン</t>
  </si>
  <si>
    <t>ﾚｵﾝ</t>
  </si>
  <si>
    <t>マテ茶グラネル</t>
  </si>
  <si>
    <t>ともころしひげ茶ティーバッグ</t>
  </si>
  <si>
    <t>20Ｐ</t>
  </si>
  <si>
    <t>韓美茶コーン茶</t>
  </si>
  <si>
    <t>韓美茶とうもろこしひげ茶</t>
  </si>
  <si>
    <t>とうもろこしのひげ茶ティーバッグ</t>
  </si>
  <si>
    <t>1.5ｇ*20P</t>
  </si>
  <si>
    <t>ｳﾘｽﾙ</t>
  </si>
  <si>
    <t>オーガニック大豆珈琲</t>
  </si>
  <si>
    <t>健康ブレンド茶</t>
  </si>
  <si>
    <t>天草紅茶ティーバッグ</t>
  </si>
  <si>
    <t>2.5g*7p</t>
  </si>
  <si>
    <t>北海道ほっこりスッキリあずき茶</t>
  </si>
  <si>
    <t>4gx16</t>
  </si>
  <si>
    <t>烏龍減肥茶</t>
  </si>
  <si>
    <t>ローズヒップティー</t>
  </si>
  <si>
    <t>生搾りしょうが湯</t>
  </si>
  <si>
    <t>18g*20</t>
  </si>
  <si>
    <t>金の柚子</t>
  </si>
  <si>
    <t>32g×8</t>
  </si>
  <si>
    <t>ＬＹＣＯＭ</t>
  </si>
  <si>
    <t>LYCOM</t>
  </si>
  <si>
    <t>有機ローズヒップブレンドヴィーナスの紅い果実</t>
  </si>
  <si>
    <t>大和</t>
  </si>
  <si>
    <t>有機すこやかカモミールブレンド</t>
  </si>
  <si>
    <t>シナモン香る有機りんごのフルーティーブレンド</t>
  </si>
  <si>
    <t>2.5g×12P</t>
  </si>
  <si>
    <t>有機リラックスレモンバーベナヴィーナスの微笑み</t>
  </si>
  <si>
    <t>2g×7P</t>
  </si>
  <si>
    <t>オチャパック１００Ｐ</t>
  </si>
  <si>
    <t>れもん湯</t>
  </si>
  <si>
    <t>ｲﾏｵｶ</t>
  </si>
  <si>
    <t>生しぼり生姜湯</t>
  </si>
  <si>
    <t>生しぼりしょうが湯</t>
  </si>
  <si>
    <t>ﾛｰｽﾞﾋｯﾌﾟ･ｵﾚﾝｼﾞTB10P</t>
  </si>
  <si>
    <t>ｶﾓﾐｰﾙ･ｵﾚﾝｼﾞTB10P</t>
  </si>
  <si>
    <t>紅茶</t>
  </si>
  <si>
    <t>日本茶ペットボトル用</t>
  </si>
  <si>
    <t>ﾆｯﾄ-ﾘﾚ-</t>
  </si>
  <si>
    <t>11g×5</t>
  </si>
  <si>
    <t>蘭字風茶缶桜桜香る茶ティーバッグ</t>
  </si>
  <si>
    <t>3g×10P</t>
  </si>
  <si>
    <t>梅Cドリンク</t>
  </si>
  <si>
    <t>甘酒しょうが</t>
  </si>
  <si>
    <t>大山抹茶ラテ</t>
  </si>
  <si>
    <t>徳用矢部茶</t>
  </si>
  <si>
    <t>マイボトル国内産ジンジャー＆レモングラス</t>
  </si>
  <si>
    <t>赤いハイビスカスブレンド茶ティーバッグ</t>
  </si>
  <si>
    <t>くず湯柚子</t>
  </si>
  <si>
    <t>25g*2</t>
  </si>
  <si>
    <t>くず湯生姜</t>
  </si>
  <si>
    <t>くず湯黒糖</t>
  </si>
  <si>
    <t>くず湯あま酒</t>
  </si>
  <si>
    <t>お茶だしパック</t>
  </si>
  <si>
    <t>ゼンミ</t>
  </si>
  <si>
    <t>ｾﾞﾝﾐ</t>
  </si>
  <si>
    <t>プレミアムアールグレイ</t>
  </si>
  <si>
    <t>彩緑美茶</t>
  </si>
  <si>
    <t>健茶館　シナモンティー2.5ｇ×14P</t>
  </si>
  <si>
    <t>2.5ｇ×14P</t>
  </si>
  <si>
    <t>ピーチグリーンティー</t>
  </si>
  <si>
    <t>マスカットグリーンティー</t>
  </si>
  <si>
    <t>きんかん湯</t>
  </si>
  <si>
    <t>モリンガ茶　TB</t>
  </si>
  <si>
    <t>12g×16P</t>
  </si>
  <si>
    <t>ヤマタケ</t>
  </si>
  <si>
    <t>ﾔﾏﾀｹ</t>
  </si>
  <si>
    <t>サンギ焙煎おから茶　５Ｐ</t>
  </si>
  <si>
    <t>サンギ</t>
  </si>
  <si>
    <t>ｻﾝｷﾞ</t>
  </si>
  <si>
    <t>柚子茶</t>
  </si>
  <si>
    <t>インスタント・粉末</t>
  </si>
  <si>
    <t>レギュラー（～40g）</t>
  </si>
  <si>
    <t>宇治抹茶</t>
  </si>
  <si>
    <t>かぶせ抹茶</t>
  </si>
  <si>
    <t>1g×5P</t>
  </si>
  <si>
    <t>抹茶　缶入</t>
  </si>
  <si>
    <t>桑郷有機宇治抹茶入桑の葉ｽﾃｨｯｸ</t>
  </si>
  <si>
    <t>お手軽抹茶</t>
  </si>
  <si>
    <t>御抹茶</t>
  </si>
  <si>
    <t>日頃､抹茶</t>
  </si>
  <si>
    <t>粉末緑茶Ｅライフ</t>
  </si>
  <si>
    <t>インスタントスティック煎茶</t>
  </si>
  <si>
    <t>即席緑茶</t>
  </si>
  <si>
    <t>伊右衛門緑茶</t>
  </si>
  <si>
    <t>さらさら緑茶</t>
  </si>
  <si>
    <t>手軽に抹茶</t>
  </si>
  <si>
    <t>有機栽培緑茶手軽にカテキン</t>
  </si>
  <si>
    <t>さらさら抹茶</t>
  </si>
  <si>
    <t>濃い味さらさら緑茶</t>
  </si>
  <si>
    <t>おーいお茶さらさら抹茶入り緑茶スティック</t>
  </si>
  <si>
    <t>0.8g×16P</t>
  </si>
  <si>
    <t>キープインマイボトルプレルイボス</t>
  </si>
  <si>
    <t>おーいお茶宇治抹茶</t>
  </si>
  <si>
    <t>おーいお茶さらさら濃い茶</t>
  </si>
  <si>
    <t>有機粉末まるごと茶カテキン</t>
  </si>
  <si>
    <t>おーいお茶お抹茶ST</t>
  </si>
  <si>
    <t>さらさらとけるおーいお茶抹茶入り緑茶スティック</t>
  </si>
  <si>
    <t>3.5g×7</t>
  </si>
  <si>
    <t>おーいお茶抹茶</t>
  </si>
  <si>
    <t>煎茶_袋</t>
  </si>
  <si>
    <t>宇治抹茶入り煎茶スティック</t>
  </si>
  <si>
    <t>18ﾎﾝ</t>
  </si>
  <si>
    <t>鈴鹿山麓産冠茶スティック</t>
  </si>
  <si>
    <t>Ｂザリットル緑茶６Ｐ　Ｔ</t>
  </si>
  <si>
    <t>Ｂザリットル緑茶　Ｔ</t>
  </si>
  <si>
    <t>Ｂザリットル水分補給応援６Ｐ　Ｔ</t>
  </si>
  <si>
    <t>山徳商店</t>
  </si>
  <si>
    <t>森半_有機_宇治抹茶_30g</t>
  </si>
  <si>
    <t>ｶﾝﾋﾟｰ_ｶﾃｷﾝ粉末緑茶_40G</t>
  </si>
  <si>
    <t>マイボトル用粉末緑茶</t>
  </si>
  <si>
    <t>1g×20</t>
  </si>
  <si>
    <t>インスタント緑茶</t>
  </si>
  <si>
    <t>サッと溶けるゆず緑茶</t>
  </si>
  <si>
    <t>オチャデカフェストレートグリーン</t>
  </si>
  <si>
    <t>宇治の御抹茶</t>
  </si>
  <si>
    <t>ちょい足し抹茶</t>
  </si>
  <si>
    <t>鹿児島新茶粉末</t>
  </si>
  <si>
    <t>粉末新茶</t>
  </si>
  <si>
    <t>らくちん抹茶</t>
  </si>
  <si>
    <t>粉末有機緑茶</t>
  </si>
  <si>
    <t>お茶屋さんの緑汁</t>
  </si>
  <si>
    <t>3g×20P</t>
  </si>
  <si>
    <t>宇治抹茶入り粉末緑茶スティック</t>
  </si>
  <si>
    <t>0.5g×25P</t>
  </si>
  <si>
    <t>まごわやさしい緑茶</t>
  </si>
  <si>
    <t>抹茶スティック</t>
  </si>
  <si>
    <t>0.5g×60P</t>
  </si>
  <si>
    <t>急須のいらないお茶</t>
  </si>
  <si>
    <t>三井農林</t>
  </si>
  <si>
    <t>ﾆｯﾄｳｺｳﾁｬ</t>
  </si>
  <si>
    <t>有機粉末茶いつでもカテキン４０ｇ</t>
  </si>
  <si>
    <t>ﾐﾂｲﾒｲﾁﾔ</t>
  </si>
  <si>
    <t>カフェインレス緑茶煎茶　袋</t>
  </si>
  <si>
    <t>有機栽培抹茶　秀峯</t>
  </si>
  <si>
    <t>福の友</t>
  </si>
  <si>
    <t>本格おうち茶屋　４種</t>
  </si>
  <si>
    <t>新茶まるごとインスタント</t>
  </si>
  <si>
    <t>すてぃっく緑茶</t>
  </si>
  <si>
    <t>抹茶八女茶物語</t>
  </si>
  <si>
    <t>吉田園</t>
  </si>
  <si>
    <t>ﾖｼﾀﾞｴﾝ</t>
  </si>
  <si>
    <t>サッととける知覧抹茶入り緑茶</t>
  </si>
  <si>
    <t>楽々抹茶</t>
  </si>
  <si>
    <t>京　宇治茶　有機抹茶</t>
  </si>
  <si>
    <t>ﾎｯﾀｼｮｳﾀﾛｳ</t>
  </si>
  <si>
    <t>竹茗堂茶店ウス茶糖150g</t>
  </si>
  <si>
    <t>竹茗堂茶店</t>
  </si>
  <si>
    <t>ﾁｸﾒｲﾄﾞｳ</t>
  </si>
  <si>
    <t>インスタント抹茶入り緑茶</t>
  </si>
  <si>
    <t>粉末煎茶スティックタイプ</t>
  </si>
  <si>
    <t>0.5g×24P</t>
  </si>
  <si>
    <t>かおりちゃん粉末知覧茶</t>
  </si>
  <si>
    <t>おいしくカテキン</t>
  </si>
  <si>
    <t>かんたん抹茶</t>
  </si>
  <si>
    <t>さらりと溶ける緑茶抹茶入</t>
  </si>
  <si>
    <t>抹茶千代の誉</t>
  </si>
  <si>
    <t>抹茶千代の白</t>
  </si>
  <si>
    <t>抹茶上別儀</t>
  </si>
  <si>
    <t>抹茶別儀</t>
  </si>
  <si>
    <t>迎春用お抹茶大福茶</t>
  </si>
  <si>
    <t>大容量（41g以上）</t>
  </si>
  <si>
    <t>カテキン茶</t>
  </si>
  <si>
    <t>ハンサンの桑茶</t>
  </si>
  <si>
    <t>おーいお茶さらさら緑茶</t>
  </si>
  <si>
    <t>お~いお茶さらさら濃い茶</t>
  </si>
  <si>
    <t>グリーンティ</t>
  </si>
  <si>
    <t>べんりな緑茶</t>
  </si>
  <si>
    <t>辻利　宇治抹茶入りグリーンレモンティー　５本</t>
  </si>
  <si>
    <t>ｶﾀｵｶﾌﾞﾂｻﾝ</t>
  </si>
  <si>
    <t>森半_ｻｰｯと溶ける煎茶_60G</t>
  </si>
  <si>
    <t>芳潤蜜ゆず茶</t>
  </si>
  <si>
    <t>ｸﾗｼｴ</t>
  </si>
  <si>
    <t>静岡産緑茶</t>
  </si>
  <si>
    <t>宇治抹茶入り粉末緑茶</t>
  </si>
  <si>
    <t>八女抹茶入り粉末緑茶</t>
  </si>
  <si>
    <t>JGAP粉末掛川茶50g</t>
  </si>
  <si>
    <t>ココアカフェ抹茶</t>
  </si>
  <si>
    <t>のむら粉末玄米入り緑茶</t>
  </si>
  <si>
    <t>ｷﾘｯと爽快_水出し緑茶</t>
  </si>
  <si>
    <t>緑茶パウダー</t>
  </si>
  <si>
    <t>香ばし緑茶パウダー</t>
  </si>
  <si>
    <t>お寿司屋さんの粉末緑茶</t>
  </si>
  <si>
    <t>抹茶入り粉茶</t>
  </si>
  <si>
    <t>有機栽培粉末緑茶</t>
  </si>
  <si>
    <t>抹茶をたっぷり使った濃いお茶</t>
  </si>
  <si>
    <t>即席焙じ茶</t>
  </si>
  <si>
    <t>インスタントスティックほうじ茶</t>
  </si>
  <si>
    <t>さらさらほうじ茶</t>
  </si>
  <si>
    <t>Ｂザリットルほうじ茶　Ｔ</t>
  </si>
  <si>
    <t>Ｂザリットルほうじ茶６Ｐ　Ｔ</t>
  </si>
  <si>
    <t>インスタントほうじ茶</t>
  </si>
  <si>
    <t>さらりと溶けるほうじ茶一番茶入</t>
  </si>
  <si>
    <t>抹茶入り玄米茶ティーパック</t>
  </si>
  <si>
    <t>茶工場のまかない粉末ほうじ茶</t>
  </si>
  <si>
    <t>森半_ｻーｯと溶ける_ほうじ茶_60g</t>
  </si>
  <si>
    <t>インスタントスティック玄米茶</t>
  </si>
  <si>
    <t>伊右衛門玄米茶</t>
  </si>
  <si>
    <t>さらさらとけるおーいお茶抹茶入り玄米茶</t>
  </si>
  <si>
    <t>粉末緑茶玄米茶</t>
  </si>
  <si>
    <t>インスタント玄米茶</t>
  </si>
  <si>
    <t>宇治抹茶入り粉末玄米茶</t>
  </si>
  <si>
    <t>玄米茶パウダー</t>
  </si>
  <si>
    <t>お徳用粉末玄米茶</t>
  </si>
  <si>
    <t>茶の大胡</t>
  </si>
  <si>
    <t>さらさらむぎ茶40ｇ</t>
  </si>
  <si>
    <t>さらさらむぎ茶</t>
  </si>
  <si>
    <t>さらさらとける健康ミネラルむぎ茶スティック</t>
  </si>
  <si>
    <t>即席麦茶</t>
  </si>
  <si>
    <t>桃翠園麦茶</t>
  </si>
  <si>
    <t>台湾烏龍茶</t>
  </si>
  <si>
    <t>TokyoTeaTr</t>
  </si>
  <si>
    <t>桂花烏龍茶</t>
  </si>
  <si>
    <t>インスタント黒烏龍茶</t>
  </si>
  <si>
    <t>即席烏龍茶</t>
  </si>
  <si>
    <t>さらさらとけるRelaxジャスミンティー</t>
  </si>
  <si>
    <t>Ｂザリットルジャスミン茶６Ｐ　Ｔ</t>
  </si>
  <si>
    <t>Ｂザリットルジャスミン茶　Ｔ</t>
  </si>
  <si>
    <t>6.3g</t>
  </si>
  <si>
    <t>Ｂザリットル烏龍茶６Ｐ　Ｔ</t>
  </si>
  <si>
    <t>Ｂザリットル烏龍茶　Ｔ</t>
  </si>
  <si>
    <t>さらさらとけるおいしく大豆イソフラボン黒豆茶</t>
  </si>
  <si>
    <t>さらさらとける濃く香るヘルシールイボスティー</t>
  </si>
  <si>
    <t>さらさらとけるすっきり香ばしいごぼう茶</t>
  </si>
  <si>
    <t>Ｂザリットルルイボスティー６Ｐ　Ｔ</t>
  </si>
  <si>
    <t>Ｂザリットルルイボスティー　Ｔ</t>
  </si>
  <si>
    <t>べにふうき粉末茶</t>
  </si>
  <si>
    <t>昆布茶</t>
  </si>
  <si>
    <t>缶</t>
  </si>
  <si>
    <t>梅こぶ缶</t>
  </si>
  <si>
    <t>昆布茶缶</t>
  </si>
  <si>
    <t>OSK昆布茶缶80g</t>
  </si>
  <si>
    <t>OSK梅茶缶80g</t>
  </si>
  <si>
    <t>無添加昆布茶（かん）</t>
  </si>
  <si>
    <t>こんぶ茶</t>
  </si>
  <si>
    <t>玉露園食品工業</t>
  </si>
  <si>
    <t>わさび風味　こんぶ茶</t>
  </si>
  <si>
    <t>梅こんぶ茶</t>
  </si>
  <si>
    <t>日東昆布茶缶</t>
  </si>
  <si>
    <t>日東果肉うめ昆布茶</t>
  </si>
  <si>
    <t>錦城食品</t>
  </si>
  <si>
    <t>梅昆布茶</t>
  </si>
  <si>
    <t>昆布茶（缶入り）</t>
  </si>
  <si>
    <t>梅昆布茶（缶入り）</t>
  </si>
  <si>
    <t>こんぶ茶１８Ｐ</t>
  </si>
  <si>
    <t>無添加昆布茶</t>
  </si>
  <si>
    <t>昆布茶スティック</t>
  </si>
  <si>
    <t>梅茶スティック</t>
  </si>
  <si>
    <t>梅昆布茶スティック</t>
  </si>
  <si>
    <t>昆布茶（無添加）</t>
  </si>
  <si>
    <t>徳用昆布茶</t>
  </si>
  <si>
    <t>梅昆布茶（無添加）</t>
  </si>
  <si>
    <t>食物繊維入りうめ茶</t>
  </si>
  <si>
    <t>食物繊維入りこんぶ茶</t>
  </si>
  <si>
    <t>うめ茶</t>
  </si>
  <si>
    <t>こんぶ茶スタンドパック</t>
  </si>
  <si>
    <t>ｷﾞﾖｸﾛｴﾝ</t>
  </si>
  <si>
    <t>2g×6</t>
  </si>
  <si>
    <t>減塩昆布茶スタンドパック</t>
  </si>
  <si>
    <t>梅こんぶ茶スタンドパック</t>
  </si>
  <si>
    <t>減塩梅昆布茶スタンドパック</t>
  </si>
  <si>
    <t>梅たっぷり_うめこんぶ茶</t>
  </si>
  <si>
    <t>2G*10P</t>
  </si>
  <si>
    <t>顆粒こんぶ茶</t>
  </si>
  <si>
    <t>2ｇ*10ｐ</t>
  </si>
  <si>
    <t>とうがし梅昆布茶</t>
  </si>
  <si>
    <t>2g×7</t>
  </si>
  <si>
    <t>とうがらし梅昆布茶</t>
  </si>
  <si>
    <t>顆粒梅こんぶ茶</t>
  </si>
  <si>
    <t>2ｇ*11ｐ</t>
  </si>
  <si>
    <t>安田食品塩こぶ茶</t>
  </si>
  <si>
    <t>安田食品梅こぶ茶</t>
  </si>
  <si>
    <t>昆布茶スティック２０ｐ</t>
  </si>
  <si>
    <t>梅昆布茶スティック２０ｐ</t>
  </si>
  <si>
    <t>北海大和_こんぶ茶_4g*5</t>
  </si>
  <si>
    <t>北海大和_梅こぶ茶_4g*5</t>
  </si>
  <si>
    <t>スティック昆布茶</t>
  </si>
  <si>
    <t>スティック梅昆布茶</t>
  </si>
  <si>
    <t>スティック梅茶</t>
  </si>
  <si>
    <t>コンブチャＤＸ</t>
  </si>
  <si>
    <t>コンブチャフクロイリ　１４０Ｇ</t>
  </si>
  <si>
    <t>ウメコンブチャ</t>
  </si>
  <si>
    <t>不二食品不二の昆布茶</t>
  </si>
  <si>
    <t>不二食品不二の梅こぶ茶</t>
  </si>
  <si>
    <t>不二の昆布茶袋入</t>
  </si>
  <si>
    <t>不二の梅昆布茶袋入</t>
  </si>
  <si>
    <t>こぶ茶</t>
  </si>
  <si>
    <t>梅こぶ茶</t>
  </si>
  <si>
    <t>たべたろう梅こぶ茶</t>
  </si>
  <si>
    <t>たべたろうこぶ茶</t>
  </si>
  <si>
    <t>梅昆布茶抹茶</t>
  </si>
  <si>
    <t>20g×2</t>
  </si>
  <si>
    <t>マン・ネン</t>
  </si>
  <si>
    <t>青汁</t>
  </si>
  <si>
    <t>有糖</t>
  </si>
  <si>
    <t>ニュージーランドの大麦若葉</t>
  </si>
  <si>
    <t>ソーキ</t>
  </si>
  <si>
    <t>ｿ-ｷ</t>
  </si>
  <si>
    <t>ニュージーランドの大麦若葉・粒タイプ</t>
  </si>
  <si>
    <t>２１ｇ</t>
  </si>
  <si>
    <t>4種の九州産青汁4包</t>
  </si>
  <si>
    <t>新日配薬品</t>
  </si>
  <si>
    <t>ｼﾝﾆｯﾊﾟｲﾔｸﾋ</t>
  </si>
  <si>
    <t>新日配薬品　陽光酵素青汁乳酸菌入り　３０包</t>
  </si>
  <si>
    <t>30ﾂﾂﾐ</t>
  </si>
  <si>
    <t>いつもの青汁</t>
  </si>
  <si>
    <t>ｼﾝﾆｯﾊﾟｲ</t>
  </si>
  <si>
    <t>大麦若葉青汁</t>
  </si>
  <si>
    <t>青汁のススメ</t>
  </si>
  <si>
    <t>青汁のススメ国産野菜12種類使用</t>
  </si>
  <si>
    <t>緑茶青汁</t>
  </si>
  <si>
    <t>3ｇ*20P</t>
  </si>
  <si>
    <t>角田商事</t>
  </si>
  <si>
    <t>ｶｸﾀｼｮｳｼﾞ</t>
  </si>
  <si>
    <t>自然の極み青汁</t>
  </si>
  <si>
    <t>50包</t>
  </si>
  <si>
    <t>芙蓉薬品</t>
  </si>
  <si>
    <t>九州産大麦若葉100％粉末</t>
  </si>
  <si>
    <t>44包</t>
  </si>
  <si>
    <t>九州産青汁効果</t>
  </si>
  <si>
    <t>九州こだわりファーム</t>
  </si>
  <si>
    <t>ｷｭｳｼｭｳｺﾀﾞﾜ</t>
  </si>
  <si>
    <t>粉末毎日一杯の青汁有糖</t>
  </si>
  <si>
    <t>7.5g×20包入</t>
  </si>
  <si>
    <t>粉末毎日1杯の青汁豆乳ミックス</t>
  </si>
  <si>
    <t>6.3g×20</t>
  </si>
  <si>
    <t>おいしい青汁シェーカー付き</t>
  </si>
  <si>
    <t>ｱﾗｲｼｮｳｼﾞ</t>
  </si>
  <si>
    <t>大麦若葉青汁エール</t>
  </si>
  <si>
    <t>飲むコラーゲン青汁</t>
  </si>
  <si>
    <t>有機大麦若葉100％</t>
  </si>
  <si>
    <t>12g*5</t>
  </si>
  <si>
    <t>無糖</t>
  </si>
  <si>
    <t>粉末毎日一杯の青汁無糖</t>
  </si>
  <si>
    <t>5.6g×20包入</t>
  </si>
  <si>
    <t>粉末毎日1杯の青汁糖類不使用</t>
  </si>
  <si>
    <t>5.0g×20</t>
  </si>
  <si>
    <t>グリーンココナッツスムージー</t>
  </si>
  <si>
    <t>白桃抹茶</t>
  </si>
  <si>
    <t>ヒアルロン酸+コラーゲン</t>
  </si>
  <si>
    <t>ゆず茶</t>
  </si>
  <si>
    <t>ゆず茶スティック</t>
  </si>
  <si>
    <t>発芽玄米粉</t>
  </si>
  <si>
    <t>伊右衛門石臼挽き宇治抹茶</t>
  </si>
  <si>
    <t>伊右衛門お濃茶抹茶ラテ</t>
  </si>
  <si>
    <t>森半_おけいこ用抹茶_100G</t>
  </si>
  <si>
    <t>宇治抹茶ｸﾞﾘｰﾝﾃｨｰ</t>
  </si>
  <si>
    <t>宇治抹茶グリーンティー</t>
  </si>
  <si>
    <t>十穀くず湯</t>
  </si>
  <si>
    <t>食物繊維入りしいたけ茶</t>
  </si>
  <si>
    <t>しいたけ茶</t>
  </si>
  <si>
    <t>酸梅湯</t>
  </si>
  <si>
    <t>コラピタゆず茶</t>
  </si>
  <si>
    <t>ゆるここちはちみつゆず</t>
  </si>
  <si>
    <t>14.7GX2</t>
  </si>
  <si>
    <t>ゆるここちじんわかしょうが湯</t>
  </si>
  <si>
    <t>15.3GX2</t>
  </si>
  <si>
    <t>ゆるここちはちみつれもん</t>
  </si>
  <si>
    <t>13.8GX2</t>
  </si>
  <si>
    <t>抹茶プリン</t>
  </si>
  <si>
    <t>樋口　しょうが湯</t>
  </si>
  <si>
    <t>17g×6</t>
  </si>
  <si>
    <t>樋口製菓</t>
  </si>
  <si>
    <t>ﾋｸﾞﾁｾｲｶ</t>
  </si>
  <si>
    <t>樋口　抹茶かたくり</t>
  </si>
  <si>
    <t>17g×3</t>
  </si>
  <si>
    <t>抹茶かたくり</t>
  </si>
  <si>
    <t>かりん湯</t>
  </si>
  <si>
    <t>樋口　きんかん湯</t>
  </si>
  <si>
    <t>16g×6</t>
  </si>
  <si>
    <t>オチャデカフェアジアンティー</t>
  </si>
  <si>
    <t>とびっきりおいしいゆず茶</t>
  </si>
  <si>
    <t>国産ゆず茶</t>
  </si>
  <si>
    <t>和の時間宇治抹茶40g</t>
  </si>
  <si>
    <t>蘭字風茶缶相撲抹茶スティック</t>
  </si>
  <si>
    <t>0.3g×10P</t>
  </si>
  <si>
    <t>カシスＣドリンク</t>
  </si>
  <si>
    <t>緑サン・ハニ－</t>
  </si>
  <si>
    <t>大山抹茶グリーンティー</t>
  </si>
  <si>
    <t>ウェ－ブカテキン茶</t>
  </si>
  <si>
    <t>ニッショク</t>
  </si>
  <si>
    <t>ウェ－ブ黒豆茶</t>
  </si>
  <si>
    <t>杉丸物産くずゆくず25g×4</t>
  </si>
  <si>
    <t>25GX4</t>
  </si>
  <si>
    <t>蒸し生姜湯</t>
  </si>
  <si>
    <t>16g×5</t>
  </si>
  <si>
    <t>六漢生姜湯</t>
  </si>
  <si>
    <t>純辛蒸し生姜湯</t>
  </si>
  <si>
    <t>14g×4</t>
  </si>
  <si>
    <t>しょうが湯袋</t>
  </si>
  <si>
    <t>イトク食品あめ湯4P80g</t>
  </si>
  <si>
    <t>しそ紫</t>
  </si>
  <si>
    <t>ｷﾝｼﾞｮｳｼｮｸﾋ</t>
  </si>
  <si>
    <t>三色あられ</t>
  </si>
  <si>
    <t>椎茸茶</t>
  </si>
  <si>
    <t>健茶館さらさら　鹿児島生姜パウダー25ｇ</t>
  </si>
  <si>
    <t>わが家の黒ごまきな粉</t>
  </si>
  <si>
    <t>Ｃあめゆ</t>
  </si>
  <si>
    <t>シイタケチャ</t>
  </si>
  <si>
    <t>柚子茶_ゆずづくし</t>
  </si>
  <si>
    <t>生姜茶ゆずづくし</t>
  </si>
  <si>
    <t>PonCha抹茶</t>
  </si>
  <si>
    <t>10粒入</t>
  </si>
  <si>
    <t>PonCha緑茶</t>
  </si>
  <si>
    <t>PonChaルイボス</t>
  </si>
  <si>
    <t>PonChaミックスフルーツティー</t>
  </si>
  <si>
    <t>PonChaはちみつ紅茶</t>
  </si>
  <si>
    <t>ｴｽﾋﾞｰﾕｽﾞﾁｬ_580G</t>
  </si>
  <si>
    <t>れもん茶</t>
  </si>
  <si>
    <t>デサン</t>
  </si>
  <si>
    <t>カムビューティモモ</t>
  </si>
  <si>
    <t>カムビューティグレープフルーツ</t>
  </si>
  <si>
    <t>カムビューティブルーベリー</t>
  </si>
  <si>
    <t>カムビューティレモン</t>
  </si>
  <si>
    <t>カムビューティウメ</t>
  </si>
  <si>
    <t>コーヒー・紅茶</t>
  </si>
  <si>
    <t>IC</t>
  </si>
  <si>
    <t>スタンダードIC</t>
  </si>
  <si>
    <t>瓶</t>
  </si>
  <si>
    <t>ＡＧＦ_ブレンディ</t>
  </si>
  <si>
    <t>ブレンディモーニングスタイル</t>
  </si>
  <si>
    <t>ブレンディ瓶まろやかな香り</t>
  </si>
  <si>
    <t>ブレンディほろ苦焙煎ブラジル</t>
  </si>
  <si>
    <t>エクセラ</t>
  </si>
  <si>
    <t>インスタントコーヒーブレイク</t>
  </si>
  <si>
    <t>ブレンディスペシャル</t>
  </si>
  <si>
    <t>ちょっと贅沢な珈琲店パーソナルインスタントコーヒースペシャルブレ</t>
  </si>
  <si>
    <t>2g×26P</t>
  </si>
  <si>
    <t>ちょっと贅沢な珈琲店リッチブレンド瓶</t>
  </si>
  <si>
    <t>クラスワン</t>
  </si>
  <si>
    <t>職人の珈琲芳醇な味わい</t>
  </si>
  <si>
    <t>職人の珈琲ほろ苦い味わい</t>
  </si>
  <si>
    <t>ザ･ブレンド114</t>
  </si>
  <si>
    <t>ザ･ブレンド117</t>
  </si>
  <si>
    <t>ミルクでつくろう</t>
  </si>
  <si>
    <t>ネスカフェエクセラ</t>
  </si>
  <si>
    <t>ゴールドブレンド</t>
  </si>
  <si>
    <t>ネスカフェアイスブレンド</t>
  </si>
  <si>
    <t>ゴールドブレンドカフェインハーフ</t>
  </si>
  <si>
    <t>ゴールド瓶</t>
  </si>
  <si>
    <t>日本ヒルスコーヒー</t>
  </si>
  <si>
    <t>ﾋﾙｽ</t>
  </si>
  <si>
    <t>香り豊かなおいしい一杯</t>
  </si>
  <si>
    <t>クラシック3個セット</t>
  </si>
  <si>
    <t>エクセラ180g2個セット</t>
  </si>
  <si>
    <t>ネスカフェエクセラ2個セット</t>
  </si>
  <si>
    <t>ブレンディ詰替3個セット</t>
  </si>
  <si>
    <t>エクセラ×2本セット</t>
  </si>
  <si>
    <t>ﾈｽｶﾌｴ</t>
  </si>
  <si>
    <t>クラシックブレンド</t>
  </si>
  <si>
    <t>ブレンディモカブレンド袋</t>
  </si>
  <si>
    <t>ブレンディお試し１００ｇ＋１００ｇ</t>
  </si>
  <si>
    <t>ブレンディ３７０ｇお試しセット</t>
  </si>
  <si>
    <t>ブレンディインスタント２５０ｇ＋１７０ｇ</t>
  </si>
  <si>
    <t>ブレンディ袋</t>
  </si>
  <si>
    <t>ブレンディまろやかな香りブレ</t>
  </si>
  <si>
    <t>ブレンディほろにが焙煎ブラジ</t>
  </si>
  <si>
    <t>まろやかな香りブレンド袋</t>
  </si>
  <si>
    <t>ブレンディメロウ＆リッチまろやか</t>
  </si>
  <si>
    <t>ブレンディメロウ＆リッチ袋</t>
  </si>
  <si>
    <t>ブレンディメロウ＆リッチほろにが</t>
  </si>
  <si>
    <t>ブレンディ詰替</t>
  </si>
  <si>
    <t>ブレンディ詰替まろやか香りブレンド</t>
  </si>
  <si>
    <t>ブレンディ深いコクブレンド</t>
  </si>
  <si>
    <t>ブレンディ袋　１６０ｇ＋４０ｇ</t>
  </si>
  <si>
    <t>160G+40G</t>
  </si>
  <si>
    <t>ブレンディまろやか袋　１６０ｇ＋４０ｇ</t>
  </si>
  <si>
    <t>ブレンディ　袋　１６０ｇ＋２０ｇ</t>
  </si>
  <si>
    <t>160g+20g</t>
  </si>
  <si>
    <t>ブレンディまろやかな香りブレンド　袋　１６０ｇ＋２０ｇ</t>
  </si>
  <si>
    <t>ブレンディ160+ブレンディ優華</t>
  </si>
  <si>
    <t>160g+11本入</t>
  </si>
  <si>
    <t>ブレンディインスタントコーヒーエスプレッソ</t>
  </si>
  <si>
    <t>ブレンディインスタントコーヒーまろやかな香りブレンド</t>
  </si>
  <si>
    <t>ブレンディインスタントコーヒー</t>
  </si>
  <si>
    <t>ブレンディインスタントコーヒーまろやかブレンド</t>
  </si>
  <si>
    <t>ブレンディー</t>
  </si>
  <si>
    <t>ブレンディ</t>
  </si>
  <si>
    <t>ちょっと贅沢な珈琲店リッチブレンド袋</t>
  </si>
  <si>
    <t>ブレンディインスタントコーヒー袋</t>
  </si>
  <si>
    <t>ﾕｰｼｰｼｰｳｴｼﾏ</t>
  </si>
  <si>
    <t>ブレンド11410%増量瓶</t>
  </si>
  <si>
    <t>ブレンド11710%増量瓶</t>
  </si>
  <si>
    <t>クラスワン瓶</t>
  </si>
  <si>
    <t>GTアイスコーヒーFP</t>
  </si>
  <si>
    <t>ｷ-ｺ-ﾋ-</t>
  </si>
  <si>
    <t>インスタントコーヒーグランドテイストリッチ</t>
  </si>
  <si>
    <t>エクセラチャージ</t>
  </si>
  <si>
    <t>エクセラ瓶＋チャージ</t>
  </si>
  <si>
    <t>150g＋120g</t>
  </si>
  <si>
    <t>エクセラ詰替え袋</t>
  </si>
  <si>
    <t>エクセラマイルド詰替え袋</t>
  </si>
  <si>
    <t>エクセラツメカエセット</t>
  </si>
  <si>
    <t>ミルクでつくろう袋</t>
  </si>
  <si>
    <t>エクセラスペシャルパック</t>
  </si>
  <si>
    <t>スペシャルパックエクセラ</t>
  </si>
  <si>
    <t>エクセラセット</t>
  </si>
  <si>
    <t>エクセラ　エコ＆システムパ</t>
  </si>
  <si>
    <t>エクセラぴったり詰替えセット</t>
  </si>
  <si>
    <t>エクセラスペシャルＰ１５０ｇ＋５０ｇ</t>
  </si>
  <si>
    <t>エクセラ牧場カフェオレ付</t>
  </si>
  <si>
    <t>エクセラ　生豆ブレンド３０ｇ付</t>
  </si>
  <si>
    <t>エクセラ１５０ｇ＋５０ｇ</t>
  </si>
  <si>
    <t>エクセラ_ラテ</t>
  </si>
  <si>
    <t>ネスレクラシックブレンド</t>
  </si>
  <si>
    <t>ネスカフェエクセラ増量</t>
  </si>
  <si>
    <t>エクセラ　スッキリつめかえパック</t>
  </si>
  <si>
    <t>エクセラ_スッキリつめかえセット</t>
  </si>
  <si>
    <t>ネスレ　エクセラすっきり詰替えパック</t>
  </si>
  <si>
    <t>エクセラ_エコ＆システムパック</t>
  </si>
  <si>
    <t>ｴｸｾﾗ_すっきり詰替ﾊﾟｯｸ</t>
  </si>
  <si>
    <t>エクセラ増量</t>
  </si>
  <si>
    <t>230g+20g</t>
  </si>
  <si>
    <t>ネスレクラシック</t>
  </si>
  <si>
    <t>エクセラ　130g＋50g増量</t>
  </si>
  <si>
    <t>エクセラコク深めお試しセット</t>
  </si>
  <si>
    <t>90g+130g</t>
  </si>
  <si>
    <t>エクセラ_エコ＆システムパック　180g</t>
  </si>
  <si>
    <t>エクセラ増量　200g+30g</t>
  </si>
  <si>
    <t>200G+30G</t>
  </si>
  <si>
    <t>エクセラ　２００ｇ＋エクセラ　スティック　１０Ｐ</t>
  </si>
  <si>
    <t>200g+10P</t>
  </si>
  <si>
    <t>ネスカフェエクセラ180g+10g増量</t>
  </si>
  <si>
    <t>ネスカフェエクセラブラックロースト</t>
  </si>
  <si>
    <t>エクセラブラックロースト</t>
  </si>
  <si>
    <t>エクセラ180g+20g増量</t>
  </si>
  <si>
    <t>エクセラつめかえ用袋</t>
  </si>
  <si>
    <t>ネスカフェエクセラ200g+20g</t>
  </si>
  <si>
    <t>ﾈｽﾚﾆﾎﾝ</t>
  </si>
  <si>
    <t>ドルチェグストバリスタミッキーアイスバラエティカプセルセット</t>
  </si>
  <si>
    <t>131.4g</t>
  </si>
  <si>
    <t>ネスカフェエクセラスティックコーヒー</t>
  </si>
  <si>
    <t>深みとコクのおいしい一杯</t>
  </si>
  <si>
    <t>大阪鶴橋スペシャルブレンド粉</t>
  </si>
  <si>
    <t>高尾珈琲</t>
  </si>
  <si>
    <t>ﾀｶｵｺｰﾋｰ</t>
  </si>
  <si>
    <t>関西ブレンド粉</t>
  </si>
  <si>
    <t>ザ・ブレンド１１７</t>
  </si>
  <si>
    <t>スペシャルブレンド</t>
  </si>
  <si>
    <t>ネスカフェマチナル</t>
  </si>
  <si>
    <t>エヌエス</t>
  </si>
  <si>
    <t>ウエスティンカフェマイルドブレンド詰替</t>
  </si>
  <si>
    <t>ユニコジャパン</t>
  </si>
  <si>
    <t>ﾕﾆｺｼﾞｬﾊﾟﾝ</t>
  </si>
  <si>
    <t>ウェスティンカフェマイルドブレンド瓶</t>
  </si>
  <si>
    <t>インドカフェスマトラFDBK大瓶</t>
  </si>
  <si>
    <t>ルルーインスタントチコリ</t>
  </si>
  <si>
    <t>コーヒーバラ１</t>
  </si>
  <si>
    <t>ﾈｸｶﾌｪ</t>
  </si>
  <si>
    <t>コーヒーバラ２</t>
  </si>
  <si>
    <t>プレミアムブレンド</t>
  </si>
  <si>
    <t>5パック</t>
  </si>
  <si>
    <t>スターバックスオリガミパーソナルドリップ　９ｇ×５　６個セット</t>
  </si>
  <si>
    <t>６個セット</t>
  </si>
  <si>
    <t>大吟醸コ－ヒ－オリジナル中煎り</t>
  </si>
  <si>
    <t>朝のたんぱく質習慣抹茶味</t>
  </si>
  <si>
    <t>ドリップコーヒーオリジナルブレン</t>
  </si>
  <si>
    <t>１０ｇｘ５</t>
  </si>
  <si>
    <t>ｲｼﾐﾂｼｮｳｼﾞ</t>
  </si>
  <si>
    <t>ブレンディ　袋</t>
  </si>
  <si>
    <t>ブレンディ　モカブレンド</t>
  </si>
  <si>
    <t>マキシムスペシャルブレンド</t>
  </si>
  <si>
    <t>AGFﾌﾞﾚﾝﾃﾞｨｶﾌｪｵﾚMIX</t>
  </si>
  <si>
    <t>ブレンディマイルドコロンビア</t>
  </si>
  <si>
    <t>ブレンディまろやか香ブレン袋</t>
  </si>
  <si>
    <t>ＹＤＦ-30Ｇ</t>
  </si>
  <si>
    <t>ﾌﾞﾚﾝﾃﾞｨ</t>
  </si>
  <si>
    <t>200G+80G</t>
  </si>
  <si>
    <t>ブレンディペアセット</t>
  </si>
  <si>
    <t>マキシムペアセット</t>
  </si>
  <si>
    <t>マキシム詰替え</t>
  </si>
  <si>
    <t>ブレンディ袋香りブレンド</t>
  </si>
  <si>
    <t>ブレンディインスタント袋ほろにが焙煎ブラジル</t>
  </si>
  <si>
    <t>マキシムモカブレンド</t>
  </si>
  <si>
    <t>マキシムペアパック</t>
  </si>
  <si>
    <t>150+80</t>
  </si>
  <si>
    <t>AGFMRCちょっと贅沢な珈琲店</t>
  </si>
  <si>
    <t>マキシム贅沢ペアセット</t>
  </si>
  <si>
    <t>100g+80g</t>
  </si>
  <si>
    <t>マキシムエスプレッソペアパッ</t>
  </si>
  <si>
    <t>ブレンディペアパック</t>
  </si>
  <si>
    <t>100G+100G</t>
  </si>
  <si>
    <t>マキシムトップＧ</t>
  </si>
  <si>
    <t>ﾏｷｼﾑ</t>
  </si>
  <si>
    <t>ちょっと贅沢な珈琲店スティック・</t>
  </si>
  <si>
    <t>８本入</t>
  </si>
  <si>
    <t>ブレンディスティック紅茶オレ</t>
  </si>
  <si>
    <t>４本入り</t>
  </si>
  <si>
    <t>贅沢な珈琲店Ｐ澄んだコクリッ</t>
  </si>
  <si>
    <t>10ｇ*5</t>
  </si>
  <si>
    <t>贅沢な珈琲店Ｐ香り立ちマイル</t>
  </si>
  <si>
    <t>マキシムスティック　クリーミ</t>
  </si>
  <si>
    <t>14ｇ*4</t>
  </si>
  <si>
    <t>ちょっと贅沢な珈琲店PB</t>
  </si>
  <si>
    <t>2G*30</t>
  </si>
  <si>
    <t>アロマセレクト袋</t>
  </si>
  <si>
    <t>１８０Ｇ</t>
  </si>
  <si>
    <t>ブレンディ　メロウ＆リッチ　まろやかな香りブレンド　袋　９０ｇ</t>
  </si>
  <si>
    <t>ちょっと贅沢な珈琲店PD</t>
  </si>
  <si>
    <t>10G*5</t>
  </si>
  <si>
    <t>トリプレッソ瓶</t>
  </si>
  <si>
    <t>ブレンディ　メロウ＆リッチ　袋</t>
  </si>
  <si>
    <t>ﾌﾞﾚﾝﾃﾞｨﾒﾛｳ＆ﾘｯﾁ袋</t>
  </si>
  <si>
    <t>ブレンディ　メロウ＆リッチ瓶</t>
  </si>
  <si>
    <t>淡麗薄口珈琲</t>
  </si>
  <si>
    <t>香醇濃口珈琲</t>
  </si>
  <si>
    <t>ﾌﾞﾚﾝﾃﾞｨｽﾃｨｯｸｶﾌｪｵﾚ</t>
  </si>
  <si>
    <t>マキシム　ちょっと贅沢な珈琲店</t>
  </si>
  <si>
    <t>ﾌﾞﾚﾝﾃﾞｨｽﾃｨｯｸ黒糖ｼﾞﾝｼﾞｬｰｵﾚ</t>
  </si>
  <si>
    <t>8.5G*7P</t>
  </si>
  <si>
    <t>ブレンディ瓶</t>
  </si>
  <si>
    <t>マキシムモカ</t>
  </si>
  <si>
    <t>80g+20g</t>
  </si>
  <si>
    <t>ブレンディ深いコクのブレンド</t>
  </si>
  <si>
    <t>１６０Ｇ＋２０Ｇ</t>
  </si>
  <si>
    <t>ブレンディ袋70g＋ブレンディ優華11P</t>
  </si>
  <si>
    <t>70g＋11p</t>
  </si>
  <si>
    <t>ブレンディ袋70g＋ブレンディアイス７P</t>
  </si>
  <si>
    <t>70g＋7p</t>
  </si>
  <si>
    <t>ブレンディーまろやか袋　企画品</t>
  </si>
  <si>
    <t>70g+8P</t>
  </si>
  <si>
    <t>ちょっと贅沢な珈琲店プレミアムド</t>
  </si>
  <si>
    <t>ちょっと贅沢な珈琲店　スペシャル</t>
  </si>
  <si>
    <t>ﾏｷｼﾑ袋+ﾌﾞﾗｯｸｲﾝﾎﾞｯｸｽ</t>
  </si>
  <si>
    <t>135g+8P</t>
  </si>
  <si>
    <t>ブレンディ毎日の腸活コーヒー袋</t>
  </si>
  <si>
    <t>ブレンディまろやかな香りブレンド袋</t>
  </si>
  <si>
    <t>ちょっと贅沢クラシックブレンド袋</t>
  </si>
  <si>
    <t>ブレンディエスプレッソ袋</t>
  </si>
  <si>
    <t>ブレンディまろやかな香りブレンド</t>
  </si>
  <si>
    <t>ブレンディ袋増量</t>
  </si>
  <si>
    <t>ブレンディまろやか袋増量</t>
  </si>
  <si>
    <t>140g+10g</t>
  </si>
  <si>
    <t>ブレンディまろやかな香りブレンド袋増量</t>
  </si>
  <si>
    <t>マキシム瓶</t>
  </si>
  <si>
    <t>マキシム</t>
  </si>
  <si>
    <t>AGf</t>
  </si>
  <si>
    <t>マキシムエスプレッソ</t>
  </si>
  <si>
    <t>スペシャル・テイスト</t>
  </si>
  <si>
    <t>マキシム袋</t>
  </si>
  <si>
    <t>マキシムIC袋増量</t>
  </si>
  <si>
    <t>120g+10g</t>
  </si>
  <si>
    <t>ちょっと贅沢東北コクゆたかB</t>
  </si>
  <si>
    <t>ちょっと贅沢な珈琲店スペシャルブレンド</t>
  </si>
  <si>
    <t>ちょっと贅沢な珈琲店スペシャルブレンド袋</t>
  </si>
  <si>
    <t>ちょっと贅沢D東北コクゆたか</t>
  </si>
  <si>
    <t>14ﾌｸ</t>
  </si>
  <si>
    <t>贅沢な珈琲店ICスペ袋増量</t>
  </si>
  <si>
    <t>贅沢な珈琲店スペシャルB袋</t>
  </si>
  <si>
    <t>ちょっと贅沢な珈琲店モダン･ブレンド袋105g</t>
  </si>
  <si>
    <t>Dipln芳醇まろやか仕立て</t>
  </si>
  <si>
    <t>8g*6P</t>
  </si>
  <si>
    <t>Dipln贅沢コク仕立て</t>
  </si>
  <si>
    <t>スティックカフェオレ</t>
  </si>
  <si>
    <t>10ｐ</t>
  </si>
  <si>
    <t>スティックカフェオレミルク</t>
  </si>
  <si>
    <t>カフェオレカロリ－ハ－フ</t>
  </si>
  <si>
    <t>カフェオレミルクハ－フ</t>
  </si>
  <si>
    <t>クラスワン詰替</t>
  </si>
  <si>
    <t>BEANS＆ROASTERSインスタントコーヒー</t>
  </si>
  <si>
    <t>UCCギフトセット</t>
  </si>
  <si>
    <t>UCCカップコーヒー</t>
  </si>
  <si>
    <t>UCCｺｰﾋｰﾌｨﾙﾀｰｵﾄｸﾖｳ2-</t>
  </si>
  <si>
    <t>ﾓﾝｶﾌｪﾏｲﾙﾄﾞﾌﾞﾚﾝﾄﾞ8g</t>
  </si>
  <si>
    <t>ｱｽﾞﾄﾘｱｽﾃｯｸｺｰﾋｰﾐﾙｷｰ</t>
  </si>
  <si>
    <t>ミルクココア（ツムツム）</t>
  </si>
  <si>
    <t>16.5Ｇ＊5本</t>
  </si>
  <si>
    <t>ミルクココアディズニーツムツム</t>
  </si>
  <si>
    <t>ＦＰアロマブラックすっきり</t>
  </si>
  <si>
    <t>アロマブラックドリップオン</t>
  </si>
  <si>
    <t>ﾄﾞﾘｯﾌﾟｵﾝﾌﾞﾙｰﾏｳﾝﾃﾝﾌﾞﾚ</t>
  </si>
  <si>
    <t>KEY</t>
  </si>
  <si>
    <t>水出し珈琲</t>
  </si>
  <si>
    <t>3袋入り</t>
  </si>
  <si>
    <t>カフェオレベース</t>
  </si>
  <si>
    <t>アイスカフェラテ</t>
  </si>
  <si>
    <t>グランドテイストマイルドダーク瓶</t>
  </si>
  <si>
    <t>グランドテイストマイルドダーク袋</t>
  </si>
  <si>
    <t>フロスティスタイル</t>
  </si>
  <si>
    <t>ル・グラン</t>
  </si>
  <si>
    <t>ICアロマブラック瓶</t>
  </si>
  <si>
    <t>ルーツアロマブラック</t>
  </si>
  <si>
    <t>４カップ</t>
  </si>
  <si>
    <t>インスタントコーヒースペシャルブレンド</t>
  </si>
  <si>
    <t>インスタントコーヒースペシャルブレンド深煎り</t>
  </si>
  <si>
    <t>ICスペシャルブレンド詰替用</t>
  </si>
  <si>
    <t>ICスペシャル深煎詰替用</t>
  </si>
  <si>
    <t>モーニングローストモカ</t>
  </si>
  <si>
    <t>ネスレゴールドブレンド</t>
  </si>
  <si>
    <t>ネスカフェゴールドブレンド</t>
  </si>
  <si>
    <t>ネスカフェイタリアンロースト</t>
  </si>
  <si>
    <t>エクセラ詰替</t>
  </si>
  <si>
    <t>エクセラオレ詰替</t>
  </si>
  <si>
    <t>ミルクでつくろう　袋</t>
  </si>
  <si>
    <t>エクセラ　エコ＆システムパック</t>
  </si>
  <si>
    <t>エクセラ１５０ｇ</t>
  </si>
  <si>
    <t>ネスカフェ　まろやかラテ</t>
  </si>
  <si>
    <t>ﾈｽｶﾌｪｺﾞｰﾙﾄﾞﾌﾞﾚﾝﾄﾞｼｰｽ</t>
  </si>
  <si>
    <t>ﾈｽｶﾌｪｺｳﾐﾊﾞｲｾﾝ</t>
  </si>
  <si>
    <t>エクセラ_スッキリつめかえパック</t>
  </si>
  <si>
    <t>ゴールドブレンド瓶</t>
  </si>
  <si>
    <t>90ｇ+10ｇ</t>
  </si>
  <si>
    <t>エクセラＲソリュブルコーヒー</t>
  </si>
  <si>
    <t>ネスカフェ　エクセラ　詰め替え用</t>
  </si>
  <si>
    <t>ネスカフェ香味焙煎深み</t>
  </si>
  <si>
    <t>ネスカフェ香味焙煎丸み</t>
  </si>
  <si>
    <t>ネスカフェ　エクセラ　つめかえ用袋</t>
  </si>
  <si>
    <t>ネスレブライト</t>
  </si>
  <si>
    <t>ネスカフェエクセラ　詰替</t>
  </si>
  <si>
    <t>ネスｺｰﾋｰﾃﾝゴールドブレンド瓶</t>
  </si>
  <si>
    <t>ネスｺｰﾋｰﾃﾝゴールドブレンドコク深め瓶</t>
  </si>
  <si>
    <t>アメリカーノリッチアロマ</t>
  </si>
  <si>
    <t>カフェオレリッチアロマ</t>
  </si>
  <si>
    <t>60ｐ</t>
  </si>
  <si>
    <t>ネスカフェ_エクセラ_つめかえ用袋</t>
  </si>
  <si>
    <t>ネスカフェエクセラつめかえ用袋</t>
  </si>
  <si>
    <t>ネスカフェエクセラバリスタ専用エコシステムパック</t>
  </si>
  <si>
    <t>ネスｺｰﾋｰﾃﾝレギュラーソリュブルコーヒー瓶</t>
  </si>
  <si>
    <t>ネスカフェゴールドブレンド＋エコ＆システムパック</t>
  </si>
  <si>
    <t>スターバックスカフェモーメントブライト</t>
  </si>
  <si>
    <t>ｽﾀ-ﾊﾞﾂｸｽ</t>
  </si>
  <si>
    <t>ネスカフェエクセラすっきり華やぐ</t>
  </si>
  <si>
    <t>ネスカフェエクセラすっきり華やぐ125g</t>
  </si>
  <si>
    <t>ネスカフェアイスエコ＆シス</t>
  </si>
  <si>
    <t>GBカフェインハーフエコ＆システムパック</t>
  </si>
  <si>
    <t>ネスカフェゴールドブレンドカフェインハー</t>
  </si>
  <si>
    <t>スターバックスライトノートブレンド</t>
  </si>
  <si>
    <t>ネスカフェアイススティックブラック</t>
  </si>
  <si>
    <t>GABAｺｺｱ</t>
  </si>
  <si>
    <t>朝のとろ～りスムージー</t>
  </si>
  <si>
    <t>デイリークラブ　タージリン</t>
  </si>
  <si>
    <t>2.2ｇ*10ｐ</t>
  </si>
  <si>
    <t>デイリークラブ　アールグレイ</t>
  </si>
  <si>
    <t>2.2ｇ*20P</t>
  </si>
  <si>
    <t>北海道スキムミルク</t>
  </si>
  <si>
    <t>雪印北海道スキムミルク</t>
  </si>
  <si>
    <t>360G</t>
  </si>
  <si>
    <t>ﾒｸﾞﾐﾙｸ</t>
  </si>
  <si>
    <t>香り豊かな一杯深煎り</t>
  </si>
  <si>
    <t>直火焙煎うまいコーヒー</t>
  </si>
  <si>
    <t>ユニカフェオリジナルベーシックブ</t>
  </si>
  <si>
    <t>ユニカフェセレクトブレンドコクタ</t>
  </si>
  <si>
    <t>有機栽培珈琲</t>
  </si>
  <si>
    <t>マイルドカフェオレ</t>
  </si>
  <si>
    <t>ﾏｲﾙﾄﾞｶﾌｪｵﾚ</t>
  </si>
  <si>
    <t>まろやかコーヒー</t>
  </si>
  <si>
    <t>ピュアクックICスプレードライ</t>
  </si>
  <si>
    <t>セイコー珈琲</t>
  </si>
  <si>
    <t>ｾｲｺ-</t>
  </si>
  <si>
    <t>カフェインカットのおいしいコーヒー</t>
  </si>
  <si>
    <t>重松貿易</t>
  </si>
  <si>
    <t>ｼｹﾞﾏﾂﾎﾞｳｴｷ</t>
  </si>
  <si>
    <t>コ－ヒ－屋中煎りタイプ</t>
  </si>
  <si>
    <t>ﾌｼﾞﾀ</t>
  </si>
  <si>
    <t>コ－ヒ－屋深煎りタイプ</t>
  </si>
  <si>
    <t>スモ－キ－な味わい仕上げ</t>
  </si>
  <si>
    <t>10Ｐ</t>
  </si>
  <si>
    <t>クラシック詰め替え</t>
  </si>
  <si>
    <t>ネスレ　クラシックブレンド</t>
  </si>
  <si>
    <t>ウェスティンカフェマイルドブレンド</t>
  </si>
  <si>
    <t>スペシャリティIC</t>
  </si>
  <si>
    <t>カフェイン</t>
  </si>
  <si>
    <t>ザ・ブレンドブルーマウンテンブレンド瓶</t>
  </si>
  <si>
    <t>ブレンディコーヒーオリゴ糖入</t>
  </si>
  <si>
    <t>マキシムポリフェノールの恵み</t>
  </si>
  <si>
    <t>プレジデント</t>
  </si>
  <si>
    <t>マキシムポリフェノールリッチ</t>
  </si>
  <si>
    <t>ブレンディ_オリゴ糖入り</t>
  </si>
  <si>
    <t>生豆ブレンド</t>
  </si>
  <si>
    <t>香味焙煎</t>
  </si>
  <si>
    <t>タリーズドリップコーヒーブラック</t>
  </si>
  <si>
    <t>タリーズドリップコーヒーキリマンジャロブレンド</t>
  </si>
  <si>
    <t>ブルーマウンテンブレンド</t>
  </si>
  <si>
    <t>有機栽培モカブレンド</t>
  </si>
  <si>
    <t>おいしいカフェインレスコーヒー瓶</t>
  </si>
  <si>
    <t>香味焙煎マンデリン</t>
  </si>
  <si>
    <t>香味焙煎モカ</t>
  </si>
  <si>
    <t>香味焙煎キリマンジャロＢ</t>
  </si>
  <si>
    <t>エスプレッソ</t>
  </si>
  <si>
    <t>ゴールド赤ラベル</t>
  </si>
  <si>
    <t>香味焙煎　深入り</t>
  </si>
  <si>
    <t>香味焙煎　中煎り</t>
  </si>
  <si>
    <t>香味焙煎深入りお試し</t>
  </si>
  <si>
    <t>香味焙煎中入れお試し</t>
  </si>
  <si>
    <t>ネスカフェプレジデント</t>
  </si>
  <si>
    <t>ゴールドブレンドｺｰﾋｰﾃﾝインレス</t>
  </si>
  <si>
    <t>香味焙煎濃厚クンディナマルカブレンド</t>
  </si>
  <si>
    <t>香味焙煎濃厚クンディナマルカブレンドエコ＆システムパック</t>
  </si>
  <si>
    <t>香味焙煎　濃厚クンディナマルカブレンド_　DIP　ＳＴＹＬＥ</t>
  </si>
  <si>
    <t>香味焙煎円やかジャガーハニーブレンド</t>
  </si>
  <si>
    <t>香味焙煎　まろやかジャガーハニーブレンド　エコ＆システムパック</t>
  </si>
  <si>
    <t>香味焙煎　円やか　ジャガーハニーブレンド_　DIP　ＳＴＹＬＥ</t>
  </si>
  <si>
    <t>香味焙煎鮮やかルウェンゾリブレンド</t>
  </si>
  <si>
    <t>香味焙煎　鮮やかルウェンゾリブレンド　エコ＆システムパック</t>
  </si>
  <si>
    <t>香味焙煎　鮮やかルウェンゾリブレンド_　DIP　ＳＴＹＬＥ</t>
  </si>
  <si>
    <t>ネスカフェ香味焙煎豊香</t>
  </si>
  <si>
    <t>ネスカフェ香味焙煎柔香エコ＆システムパック</t>
  </si>
  <si>
    <t>三毛猫珈琲井戸端カフェインレスブレンド</t>
  </si>
  <si>
    <t>7gX6</t>
  </si>
  <si>
    <t>ユニオンコーヒーロースターズ</t>
  </si>
  <si>
    <t>ブルーマウンテンブレンドNO.1</t>
  </si>
  <si>
    <t>ブルーマウンテンＰダークロースト</t>
  </si>
  <si>
    <t>ヘーゼルナッツコーヒー</t>
  </si>
  <si>
    <t>ﾌｧｰﾑﾗﾝﾄﾞ</t>
  </si>
  <si>
    <t>キャラメルコーヒー50g</t>
  </si>
  <si>
    <t>フレーバーコーヒー　キャラメル</t>
  </si>
  <si>
    <t>ファームランドバニラコーヒー50g</t>
  </si>
  <si>
    <t>フレーバー　オレンジ</t>
  </si>
  <si>
    <t>機能性</t>
  </si>
  <si>
    <t>ネスレ香味焙煎</t>
  </si>
  <si>
    <t>ゴールドブレカフェインレス</t>
  </si>
  <si>
    <t>スペシャルメイド　ロイヤルマウンテン</t>
  </si>
  <si>
    <t>ｽﾍﾟｼｬﾙﾒｲﾄﾞ</t>
  </si>
  <si>
    <t>スペシャルメイド　キリマンジャロブレンド</t>
  </si>
  <si>
    <t>ＡＧＦグランデ－ジエクストラセレクト</t>
  </si>
  <si>
    <t>ブレンディ　オリゴ糖入り</t>
  </si>
  <si>
    <t>贅沢クラシックブレンド袋</t>
  </si>
  <si>
    <t>イリーインスタントコーヒークラシコ</t>
  </si>
  <si>
    <t>香味焙煎爽やかキリマンジャロ</t>
  </si>
  <si>
    <t>香味焙煎コロンビアスプレモ</t>
  </si>
  <si>
    <t>香味焙煎チャージ</t>
  </si>
  <si>
    <t>香味焙煎銘グアテマラ</t>
  </si>
  <si>
    <t>香味焙煎銘パプアニューギニア</t>
  </si>
  <si>
    <t>香味焙煎深入り</t>
  </si>
  <si>
    <t>香味焙煎_中煎り</t>
  </si>
  <si>
    <t>香味焙煎_深煎り_エコ＆システムパック</t>
  </si>
  <si>
    <t>香味焙煎中煎り　エコ＆システ</t>
  </si>
  <si>
    <t>ネスカフェ_プレジデント</t>
  </si>
  <si>
    <t>ﾈｽｶﾌｪ_ﾌﾟﾚｼﾞﾃﾞﾝﾄ_ｴｺ＆ｼｽﾃﾑﾊﾟｯｸ_75</t>
  </si>
  <si>
    <t>ゴールドブレンドカフェインレス</t>
  </si>
  <si>
    <t>ゴールドブレンドカフェインレスエコ＆システム</t>
  </si>
  <si>
    <t>ネスカフェ香味焙煎　深み</t>
  </si>
  <si>
    <t>香味焙煎　深み　エコ＆システム</t>
  </si>
  <si>
    <t>ネスカフェ_香味焙煎　丸み</t>
  </si>
  <si>
    <t>香味焙煎_丸み　エコ＆システムパック</t>
  </si>
  <si>
    <t>プレジデント　エコ＆システムパック</t>
  </si>
  <si>
    <t>ゴールドブレンドオーガニック</t>
  </si>
  <si>
    <t>ゴールドブレンドオーガニックエコ＆システムパック</t>
  </si>
  <si>
    <t>ネスｺｰﾋｰﾃﾝ香味焙煎豊香</t>
  </si>
  <si>
    <t>ネスカフェ香味焙煎柔香</t>
  </si>
  <si>
    <t>香味焙煎ひとときの贅沢</t>
  </si>
  <si>
    <t>ブルーマウンテンＢ　ＮＯ．１</t>
  </si>
  <si>
    <t>新美味珈琲グルメフリーズドライ</t>
  </si>
  <si>
    <t>三本コーヒー</t>
  </si>
  <si>
    <t>ﾐﾂﾓﾄｺｰﾋｰ</t>
  </si>
  <si>
    <t>日本バイオケミカル研究所</t>
  </si>
  <si>
    <t>コンチネンタルゴールド</t>
  </si>
  <si>
    <t>PHILIPS</t>
  </si>
  <si>
    <t>ﾓｯｺﾅ</t>
  </si>
  <si>
    <t>ブラックラベル</t>
  </si>
  <si>
    <t>プレミアムIC</t>
  </si>
  <si>
    <t>マキシムちょっと贅沢な珈琲店</t>
  </si>
  <si>
    <t>マキシム炭焼珈琲</t>
  </si>
  <si>
    <t>フリーズドライコーヒー</t>
  </si>
  <si>
    <t>マキシムアイスコーヒー</t>
  </si>
  <si>
    <t>マキシム香る炭焼珈琲モカブレ</t>
  </si>
  <si>
    <t>マキシム　エスプレッソ</t>
  </si>
  <si>
    <t>香る炭焼珈琲</t>
  </si>
  <si>
    <t>マキシム炭火焙煎瓶</t>
  </si>
  <si>
    <t>ゴ－ルドブレンド</t>
  </si>
  <si>
    <t>マウントHOGFLOデカフェIC</t>
  </si>
  <si>
    <t>ﾏｳﾝﾄﾊｰｹﾞﾝ</t>
  </si>
  <si>
    <t>スペシャル・ブレンド</t>
  </si>
  <si>
    <t>グアテマラ・ブレンド</t>
  </si>
  <si>
    <t>有機栽培珈琲リッチ</t>
  </si>
  <si>
    <t>ゴールドブレンド　アイスコーヒー　エコ＆システムパック</t>
  </si>
  <si>
    <t>ゴールドブレンド香り芳醇エコ＆システムパック</t>
  </si>
  <si>
    <t>ゴールドブレンドコロンビアエコ＆システムパック</t>
  </si>
  <si>
    <t>ゴールドブレンドホンジュラスエコ＆システムパック</t>
  </si>
  <si>
    <t>エスプレッソロースト</t>
  </si>
  <si>
    <t>ユナイテッドコーヒージャパン</t>
  </si>
  <si>
    <t>ﾏｷｼﾑ瓶100ｇ</t>
  </si>
  <si>
    <t>インスタントＳブレンド</t>
  </si>
  <si>
    <t>ゴ－ルドブレンド１５</t>
  </si>
  <si>
    <t>ゴールドブレンド3個セット</t>
  </si>
  <si>
    <t>80g*３個</t>
  </si>
  <si>
    <t>ゴールドブレンド2個セット</t>
  </si>
  <si>
    <t>カフェ・ド・ソルインスタントコーヒー</t>
  </si>
  <si>
    <t>マキシム　お試しセット</t>
  </si>
  <si>
    <t>マキシム炭火焙煎</t>
  </si>
  <si>
    <t>マキシム１５０瓶＋１５０袋</t>
  </si>
  <si>
    <t>マキシム香る炭焼珈琲</t>
  </si>
  <si>
    <t>マキシムモカブレンドペアセット</t>
  </si>
  <si>
    <t>マキシムキリマンジャロブレン</t>
  </si>
  <si>
    <t>ちょっと贅沢な珈琲店瓶</t>
  </si>
  <si>
    <t>マキシム１５０ｇ＋１００ｇ</t>
  </si>
  <si>
    <t>マキシムスペシャル</t>
  </si>
  <si>
    <t>マキシムＩＣ香りフクロ</t>
  </si>
  <si>
    <t>マキシム華やか香りブレンド瓶</t>
  </si>
  <si>
    <t>ＡＧＦマキシム２１０ｇセット</t>
  </si>
  <si>
    <t>マキシム袋香りブレンド</t>
  </si>
  <si>
    <t>マキシム袋キリマンＢ</t>
  </si>
  <si>
    <t>マキシム袋ちょっと贅沢な珈琲</t>
  </si>
  <si>
    <t>マキシム袋_炭焼焙煎</t>
  </si>
  <si>
    <t>マキシム華やかな香りブレンド瓶</t>
  </si>
  <si>
    <t>ちょっと贅沢な珈琲店インスタントコーヒークラシック</t>
  </si>
  <si>
    <t>マキシムインスタント瓶炭火焙煎</t>
  </si>
  <si>
    <t>マキシムインスタント袋華やかな香りブレンド</t>
  </si>
  <si>
    <t>マキシムインスタント袋炭火焙煎</t>
  </si>
  <si>
    <t>マキシム贅沢な珈琲店袋</t>
  </si>
  <si>
    <t>ﾏｷｼﾑ瓶ﾓｶﾌﾞﾚﾝﾄﾞ100ｇ</t>
  </si>
  <si>
    <t>マキシムＩＣキリマンジャロブレンド瓶</t>
  </si>
  <si>
    <t>マキシムＩＣモカブレンド</t>
  </si>
  <si>
    <t>マキシムＩＣキリマンジャロブレンド袋</t>
  </si>
  <si>
    <t>マキシムＩＣモカブレ袋</t>
  </si>
  <si>
    <t>マキシムエスプレッソ袋</t>
  </si>
  <si>
    <t>マキシムペアパック100g＋80g</t>
  </si>
  <si>
    <t>マキシム袋１５０ｇ</t>
  </si>
  <si>
    <t>マキシム袋モカブレンド１５０ｇ</t>
  </si>
  <si>
    <t>ＡＧＦ　マキシム　キリマンジャロブレンド袋</t>
  </si>
  <si>
    <t>マキシム　ちょっと贅沢な珈琲店　モカ　袋</t>
  </si>
  <si>
    <t>トップグレードハイブリッド　濃密なコク瓶</t>
  </si>
  <si>
    <t>トップグレードハイブリッド　高貴な香り瓶</t>
  </si>
  <si>
    <t>トップグレードハイブリッド　濃密なコク袋</t>
  </si>
  <si>
    <t>トップグレードハイブリッド　高貴な香り袋</t>
  </si>
  <si>
    <t>マキシム　トップアロマ　濃密なコク</t>
  </si>
  <si>
    <t>マキシム　トップアロマ　高貴な香り</t>
  </si>
  <si>
    <t>ハイブリッド　高貴な香り　瓶</t>
  </si>
  <si>
    <t>マキシムアロマセレクト瓶</t>
  </si>
  <si>
    <t>マキシムアロマセレクト袋</t>
  </si>
  <si>
    <t>マキシム　ちょっと贅沢珈琲店スペシャルブレンド袋</t>
  </si>
  <si>
    <t>マキシム　ちょっと贅沢珈琲店モカブレンド袋</t>
  </si>
  <si>
    <t>マキシム贅沢な珈琲店モカＢ袋</t>
  </si>
  <si>
    <t>マキシム贅沢ICキリマンジャロブレンド袋</t>
  </si>
  <si>
    <t>ちょっと贅沢な珈琲店インスタントコーヒースペシャルブレンド袋</t>
  </si>
  <si>
    <t>マキシム　トリプレッソ袋</t>
  </si>
  <si>
    <t>マキシムモカブレンド袋</t>
  </si>
  <si>
    <t>マキシムスタンダードペアセット</t>
  </si>
  <si>
    <t>マシキム　ディープライン瓶　</t>
  </si>
  <si>
    <t>マキシムディープライン</t>
  </si>
  <si>
    <t>マキシムディープライン詰替135g</t>
  </si>
  <si>
    <t>マキシム増量品</t>
  </si>
  <si>
    <t>80G+20G</t>
  </si>
  <si>
    <t>マキシムちょっと贅沢な珈琲店　瓶</t>
  </si>
  <si>
    <t>マキシムディープライン_瓶</t>
  </si>
  <si>
    <t>マキシム　モカ瓶</t>
  </si>
  <si>
    <t>マキシムモカブレンド詰替</t>
  </si>
  <si>
    <t>マキシム袋70g＋ブラックインボックス８P</t>
  </si>
  <si>
    <t>70g＋8p</t>
  </si>
  <si>
    <t>ちょっと贅沢な珈琲店スペシャル・ブレンド袋</t>
  </si>
  <si>
    <t>酷深エスプレッソ</t>
  </si>
  <si>
    <t>ちょっと贅沢な珈琲店モダンブレンド</t>
  </si>
  <si>
    <t>ザ・ブレンド１１４</t>
  </si>
  <si>
    <t>ザ・ブレンド炭焼珈琲</t>
  </si>
  <si>
    <t>ザ･ブレンド114瓶</t>
  </si>
  <si>
    <t>ザ･ブレンド117瓶</t>
  </si>
  <si>
    <t>職人の珈琲ほろ苦い味わい瓶</t>
  </si>
  <si>
    <t>スペシャルＢＬ詰替えタイプ</t>
  </si>
  <si>
    <t>KEYｺ-ﾋ-</t>
  </si>
  <si>
    <t>スペシャルブレンドＳＰ</t>
  </si>
  <si>
    <t>インスタントコーヒスペシャ</t>
  </si>
  <si>
    <t>ＫＥＹ　スペシャルブレンド詰め替え用</t>
  </si>
  <si>
    <t>インスタントコーヒースペシャルブレンド詰替</t>
  </si>
  <si>
    <t>インスタントコーヒースペシャルB深煎り詰め替え用</t>
  </si>
  <si>
    <t>ゴールドブレンドチャージ</t>
  </si>
  <si>
    <t>ゴールドブレンドエコ</t>
  </si>
  <si>
    <t>ゴールドブレンド　エコ＆システムパック</t>
  </si>
  <si>
    <t>ゴールドブレンド増量</t>
  </si>
  <si>
    <t>100g+30g</t>
  </si>
  <si>
    <t>ゴールドブレンド_エコ＆システムパック</t>
  </si>
  <si>
    <t>ネスカフェ_ゴールドブレンド_コク深め</t>
  </si>
  <si>
    <t>ゴールドブレンド_コク深め_エコ＆システムパック</t>
  </si>
  <si>
    <t>ゴールドブレンド_コク深め</t>
  </si>
  <si>
    <t>ゴールドブレンドエコ＆システムパック　企画品2</t>
  </si>
  <si>
    <t>ゴールドエコパック(クリアマグカップ付)</t>
  </si>
  <si>
    <t>ゴールドブレンドコク深めエコ＆システムパック　企画品1</t>
  </si>
  <si>
    <t>ゴールドブレンドエコ＆システムパック　企画品1</t>
  </si>
  <si>
    <t>ゴールドブレンドコク深めエコ＆システムパック　企画品2</t>
  </si>
  <si>
    <t>ゴールドブレンドエコ＆システムブライト付</t>
  </si>
  <si>
    <t>ゴールドブレンドコク深めエコ＆Ｓブライト付１１０ｇ</t>
  </si>
  <si>
    <t>ゴールドブレンドエコ＆システムパック</t>
  </si>
  <si>
    <t>ゴールドブレンドコク深めエコ＆システム</t>
  </si>
  <si>
    <t>ゴールドブレンドコク深め</t>
  </si>
  <si>
    <t>ゴールド80g＋アイス50g</t>
  </si>
  <si>
    <t>80g+50g</t>
  </si>
  <si>
    <t>ゴールドブレンド８０ｇ＋ゴールドブレンドスティックブラック　９Ｐ</t>
  </si>
  <si>
    <t>80g+9P</t>
  </si>
  <si>
    <t>ゴールドブレンドジャガーハニーブレンド</t>
  </si>
  <si>
    <t>ゴールドブレンドアフリカンムーンブレンド</t>
  </si>
  <si>
    <t>ネスカフェゴールドブレンド香り華やぐ</t>
  </si>
  <si>
    <t>ネスカフェゴールドブレンドエコ＆シス香り華やぐ</t>
  </si>
  <si>
    <t>ゴールドブレンドオリジンコロンビア</t>
  </si>
  <si>
    <t>ゴールドブレンドオリジンホンジュラス</t>
  </si>
  <si>
    <t>ゴールドブレンド香り華やぐエコ＆システムパック</t>
  </si>
  <si>
    <t>ゴールドブレンドコク深めエコ＆システムパック</t>
  </si>
  <si>
    <t>ＦＤスペシャルブレンド</t>
  </si>
  <si>
    <t>インスタントブレンド90ｇ</t>
  </si>
  <si>
    <t>MJBアーミーグリーン</t>
  </si>
  <si>
    <t>共栄フーズ</t>
  </si>
  <si>
    <t>小川プレミアムブレンド粉</t>
  </si>
  <si>
    <t>吟煎プレミアム</t>
  </si>
  <si>
    <t>1杯用RC</t>
  </si>
  <si>
    <t>~１２Ｐ</t>
  </si>
  <si>
    <t>ＴＲドリップ珈琲深いコク</t>
  </si>
  <si>
    <t>ＴＲドリップ珈琲まろやか</t>
  </si>
  <si>
    <t>香味まろやか水出し珈琲2個セット</t>
  </si>
  <si>
    <t>ドリップコーヒーヨーロピアン</t>
  </si>
  <si>
    <t>ドリップコーヒーオリジナル</t>
  </si>
  <si>
    <t>ドリップコーヒーモカ</t>
  </si>
  <si>
    <t>ドリップ焙煎士ブレンド</t>
  </si>
  <si>
    <t>ｺｳﾍﾞﾊｲｶﾗ</t>
  </si>
  <si>
    <t>ドリップ鑑定士ブレンド</t>
  </si>
  <si>
    <t>神戸はいから食品本舗</t>
  </si>
  <si>
    <t>ファゼンダドリップバックセット</t>
  </si>
  <si>
    <t>ＩＴＣ</t>
  </si>
  <si>
    <t>ﾏｼｺｺｰﾋｰ</t>
  </si>
  <si>
    <t>ドリップコーヒーアソートセット</t>
  </si>
  <si>
    <t>ドリップコーヒー　エスプレッソ</t>
  </si>
  <si>
    <t>ドリップコーヒー　クラシックブレンド</t>
  </si>
  <si>
    <t>ドリップバッグ中深煎りマイルド</t>
  </si>
  <si>
    <t>中深煎りマイルド</t>
  </si>
  <si>
    <t>9G</t>
  </si>
  <si>
    <t>深煎りアロマ</t>
  </si>
  <si>
    <t>キリマンジャロブレンド</t>
  </si>
  <si>
    <t>丸山珈琲のハウスブレンド</t>
  </si>
  <si>
    <t>カフェインレスコーヒー深煎り</t>
  </si>
  <si>
    <t>ドリップバッグ丸山珈琲の春限定桜</t>
  </si>
  <si>
    <t>ドリップバッグ秋限定月見</t>
  </si>
  <si>
    <t>ドリップバッグハウスブレンド</t>
  </si>
  <si>
    <t>ドリップバッグアルトシエロ中煎り</t>
  </si>
  <si>
    <t>ドリップバッグアルトシエロ中深煎り</t>
  </si>
  <si>
    <t>ドリップバッグアルトシエロ深煎り</t>
  </si>
  <si>
    <t>水出しコーヒーマイルド</t>
  </si>
  <si>
    <t>オータムバッグ2025</t>
  </si>
  <si>
    <t>お楽しみ袋2025</t>
  </si>
  <si>
    <t>おうちでドリップセット</t>
  </si>
  <si>
    <t>ドリップバッグアソートセット</t>
  </si>
  <si>
    <t>5ｺ</t>
  </si>
  <si>
    <t>クラシックブレンドドリップパック</t>
  </si>
  <si>
    <t>ｻﾙﾀﾋｺｺｰﾋｰ</t>
  </si>
  <si>
    <t>ディカフェドリップパック</t>
  </si>
  <si>
    <t>モカマイルドドリップパック</t>
  </si>
  <si>
    <t>ショコラブレンドドリップパック</t>
  </si>
  <si>
    <t>ラオスの森コーヒードリップバッグ</t>
  </si>
  <si>
    <t>坂ノ途中</t>
  </si>
  <si>
    <t>ｻｶﾉﾄﾁｭｳ</t>
  </si>
  <si>
    <t>ミャンマーの庭先コーヒードリップバッグ</t>
  </si>
  <si>
    <t>ネパールのつぼみコーヒードリップバッグ</t>
  </si>
  <si>
    <t>タイのなまけ者コーヒードリップバッグ</t>
  </si>
  <si>
    <t>タリーズスタンダードドリップ</t>
  </si>
  <si>
    <t>タリーズマイルドドリップ</t>
  </si>
  <si>
    <t>タリーズヘビードリップ</t>
  </si>
  <si>
    <t>タリーズドリップアソート</t>
  </si>
  <si>
    <t>9g×3P</t>
  </si>
  <si>
    <t>タリーズドリップアイスコーヒー</t>
  </si>
  <si>
    <t>タリーズバリスタズドリップスタンダード</t>
  </si>
  <si>
    <t>タリーズバリスタズドリップマイルド</t>
  </si>
  <si>
    <t>タリーズバリスタズドリップヘビー</t>
  </si>
  <si>
    <t>タリーズバリスタズドリップカフェオレ</t>
  </si>
  <si>
    <t>ハンディードリップ炭焼</t>
  </si>
  <si>
    <t>ドリップＰまろキリマン</t>
  </si>
  <si>
    <t>マキシムＲＣ贅沢モカブレンド</t>
  </si>
  <si>
    <t>贅沢な珈琲店豊かなコクスペシ</t>
  </si>
  <si>
    <t>ちょっと贅沢な珈琲店_ｷﾘﾏﾝ</t>
  </si>
  <si>
    <t>ブレンデドリップまろやかな香</t>
  </si>
  <si>
    <t>マキシムドリップちょっと贅沢</t>
  </si>
  <si>
    <t>華やかな香りブレンド</t>
  </si>
  <si>
    <t>ブレンディドリップほろにが焙煎</t>
  </si>
  <si>
    <t>マキシム贅沢な珈琲モカ</t>
  </si>
  <si>
    <t>スターバックスオリガミエスプレッソロースト</t>
  </si>
  <si>
    <t>スターバックスオリガミブレックファーストブレンド</t>
  </si>
  <si>
    <t>スターバックス　オリガミハウスブレンド</t>
  </si>
  <si>
    <t>ブレンディドリップモカブレンド１０Ｐ</t>
  </si>
  <si>
    <t>ブレンディドリップパック　エスプレッソロースト１０袋</t>
  </si>
  <si>
    <t>AGF_ｽﾀｰﾊﾞｯｸｽ_ｵﾘｶﾞﾐ_ﾗｲﾄﾉｰﾄﾌﾞﾚﾝﾄﾞ</t>
  </si>
  <si>
    <t>ちょっと贅沢な珈琲店_ふくよかな味わいの黒珈琲</t>
  </si>
  <si>
    <t>6.5g×8</t>
  </si>
  <si>
    <t>ﾌﾞﾚﾝﾃﾞｨRCﾄﾞﾘｯﾌﾟP豆の焙煎士SPﾌﾞﾚﾝﾄﾞ10袋</t>
  </si>
  <si>
    <t>ﾌﾞﾚﾝﾃﾞｨRCﾄﾞﾘｯﾌﾟP豆の選定士ﾓｶﾌﾞﾚﾝﾄﾞ10袋</t>
  </si>
  <si>
    <t>ﾌﾞﾚﾝﾃﾞｨRCﾄﾞﾘｯﾌﾟP豆の選定士ｷﾘﾏﾝB10袋</t>
  </si>
  <si>
    <t>ﾌﾞﾚﾝﾃﾞｨﾄﾞﾘｯﾌﾟ_ｴｽﾌﾟﾚｯｿﾛｰｽﾄ</t>
  </si>
  <si>
    <t>ドリップパックスペシャルブレンド</t>
  </si>
  <si>
    <t>ドリップパックモカブレンド</t>
  </si>
  <si>
    <t>ＡＧＦ　豆の焙煎士　ドリップ　キリマンジャロブレンド</t>
  </si>
  <si>
    <t>ＡＧＦ　豆の焙煎士　ドリップ　エスプレッソロースト</t>
  </si>
  <si>
    <t>スターバックス　オリガミパイクプレイスロースト</t>
  </si>
  <si>
    <t>煎　ＲＣ　上乗せドリップ　淡麗薄口珈琲</t>
  </si>
  <si>
    <t>煎　ＲＣ　上乗せドリップ　香醇濃口珈琲</t>
  </si>
  <si>
    <t>マキシムちょっと贅沢ＲＣ上乗せドリップ　スペシャルブレンド</t>
  </si>
  <si>
    <t>マキシムちょっと贅沢ＲＣ上乗せドリップ　グアテマラブレンド</t>
  </si>
  <si>
    <t>マキシムちょっと贅沢ＲＣ上乗せドリップ　モカブレンド</t>
  </si>
  <si>
    <t>ﾏｷｼﾑRCちょっと贅沢な珈琲店_喫茶店の水出しｺｰﾋｰ</t>
  </si>
  <si>
    <t>ブレンディドリップやすらぎのｺｰﾋｰﾃﾝインレス</t>
  </si>
  <si>
    <t>ちょっと贅沢上乗せスペシャル</t>
  </si>
  <si>
    <t>8g*3</t>
  </si>
  <si>
    <t>ブレンディドリップスペシャル</t>
  </si>
  <si>
    <t>7g*3</t>
  </si>
  <si>
    <t>ブレンディレギュラーコーヒードリップパックリッチブレンド</t>
  </si>
  <si>
    <t>森彦の時間森彦ブレンド</t>
  </si>
  <si>
    <t>5袋入</t>
  </si>
  <si>
    <t>森彦の時間マイルドブレンド</t>
  </si>
  <si>
    <t>オリジナルブレンド</t>
  </si>
  <si>
    <t>ブレンディドリップＰ</t>
  </si>
  <si>
    <t>ブレンディドリップパックまろやかモカフ</t>
  </si>
  <si>
    <t>ハンディドリップオリジナル</t>
  </si>
  <si>
    <t>Ｈドリップ　モカブレンド</t>
  </si>
  <si>
    <t>ハンディドリップ　キリマン</t>
  </si>
  <si>
    <t>ハンディドリップエスプレッソ</t>
  </si>
  <si>
    <t>ちょっと贅沢な珈琲店レギュラーコーヒーキュウシュウ</t>
  </si>
  <si>
    <t>森彦の時間アフリカンブレンド</t>
  </si>
  <si>
    <t>ブレンディレギュラーコーヒードリップパックスペシャルブレンド</t>
  </si>
  <si>
    <t>ちょっと贅沢な珈琲店アイスコーヒーブレンド</t>
  </si>
  <si>
    <t>森彦の時間アフリカンブレンド袋</t>
  </si>
  <si>
    <t>ちょっと贅沢な珈琲店ドリップアソート</t>
  </si>
  <si>
    <t>森彦の時間冬のブレンド</t>
  </si>
  <si>
    <t>マグカップ・ドリップバッグオリジナル</t>
  </si>
  <si>
    <t>アートコーヒー</t>
  </si>
  <si>
    <t>マグカップドリップカフェインレス</t>
  </si>
  <si>
    <t>ｱｰﾄｺｰﾋｰ</t>
  </si>
  <si>
    <t>マグカップドリップオーガニックブレンド</t>
  </si>
  <si>
    <t>マグカップドリップオリジナル</t>
  </si>
  <si>
    <t>マグカップドリップオーガニック</t>
  </si>
  <si>
    <t>アロマリッチオリジナルブレンド</t>
  </si>
  <si>
    <t>アロマリッチモカブレンド</t>
  </si>
  <si>
    <t>アロマリッチオリジナル</t>
  </si>
  <si>
    <t>職人ドリップスペシャル</t>
  </si>
  <si>
    <t>職人ドリップモカブレンド</t>
  </si>
  <si>
    <t>7g×8</t>
  </si>
  <si>
    <t>職人ドリップマイルド</t>
  </si>
  <si>
    <t>Ｄｉｐｌｎオレンジの香り爽やかブレンド</t>
  </si>
  <si>
    <t>Ｄｉｐｌｎまろやかなブレンド</t>
  </si>
  <si>
    <t>ゴールドスペシャルドリップ</t>
  </si>
  <si>
    <t>職人の珈琲ドリップ深いコクのスペシャル</t>
  </si>
  <si>
    <t>モカブレンド</t>
  </si>
  <si>
    <t>職人の珈琲ドリップモカ</t>
  </si>
  <si>
    <t>職人の珈琲ドリップあまい香りのモカ</t>
  </si>
  <si>
    <t>アロマリッチセレクション１２ｐ</t>
  </si>
  <si>
    <t>ゴールドスペシャルコーヒーバッグ水出しアイス珈琲</t>
  </si>
  <si>
    <t>35g×4P</t>
  </si>
  <si>
    <t>アロマリッチセレクション</t>
  </si>
  <si>
    <t>１２Ｐ</t>
  </si>
  <si>
    <t>職人の珈琲ドリップハウスＢ</t>
  </si>
  <si>
    <t>アロマリッチセレクション旅カフェ１２袋</t>
  </si>
  <si>
    <t>おいしいカフェインレスコーヒードリップ</t>
  </si>
  <si>
    <t>おいしいカフェインレスコーヒー水出しアイス</t>
  </si>
  <si>
    <t>珈琲探究セレクション</t>
  </si>
  <si>
    <t>ゴールドスペシャル香りの頂濃香プレミアムドリップ</t>
  </si>
  <si>
    <t>ゴールドスペシャル香りの頂華やぐプレミアムドリップ</t>
  </si>
  <si>
    <t>ゴールドスペシャルドリップコーヒースペシャルブレンド</t>
  </si>
  <si>
    <t>ゴールドスペシャルドリップコーヒーリッチブレンド</t>
  </si>
  <si>
    <t>ゴールドスペシャルドリップコーヒーアイス</t>
  </si>
  <si>
    <t>ゴールドスペシャルＤＰジャー付６Ｐ　</t>
  </si>
  <si>
    <t>BEANS_＆_ROASTERS　コーヒーバッグ　まろやか</t>
  </si>
  <si>
    <t>7GX8P</t>
  </si>
  <si>
    <t>BEANS_＆_ROASTERS　コーヒーバッグ　リッチなコク</t>
  </si>
  <si>
    <t>ROAST　MASTERドリップコーヒー</t>
  </si>
  <si>
    <t>おいしいカフェインレスコーヒードリップコク深め</t>
  </si>
  <si>
    <t>ワンドリップコーヒー上島珈琲店ブレンド</t>
  </si>
  <si>
    <t>ワンドリップコーヒーWcrackingDeep</t>
  </si>
  <si>
    <t>ワンドリップコーヒーMessengerfromFarEast</t>
  </si>
  <si>
    <t>UCC＆Healty中性脂肪180g</t>
  </si>
  <si>
    <t>ﾕ-ｼ-ｼ-</t>
  </si>
  <si>
    <t>＆Ｈｅａｌｔｈｙ血糖値</t>
  </si>
  <si>
    <t>12gX5</t>
  </si>
  <si>
    <t>GSPフローラルダンス</t>
  </si>
  <si>
    <t>10gX5</t>
  </si>
  <si>
    <t>GSPフルーティウェーブ</t>
  </si>
  <si>
    <t>GSPナッツビート</t>
  </si>
  <si>
    <t>GSPチョコレートムース</t>
  </si>
  <si>
    <t>GSPワンドリップコーヒーフローラルダンス</t>
  </si>
  <si>
    <t>ゴールドスペシャルプレミアムドリップチェリークラップ</t>
  </si>
  <si>
    <t>GSPワンドリップコーヒーナッツビート</t>
  </si>
  <si>
    <t>＆Healthyスペシャルブレンドワンドリップコーヒー</t>
  </si>
  <si>
    <t>12g×4P</t>
  </si>
  <si>
    <t>＆Healthy水出しアイスコーヒー</t>
  </si>
  <si>
    <t>ゴールドスペシャル水淹れアイスコーヒー</t>
  </si>
  <si>
    <t>職人の珈琲水淹れアイスコーヒー</t>
  </si>
  <si>
    <t>ColdBrew水淹れアイスコーヒー</t>
  </si>
  <si>
    <t>珈琲探求ドリップコロンビアブレンド</t>
  </si>
  <si>
    <t>珈琲探求ドリップモカブレンド</t>
  </si>
  <si>
    <t>モンカフェ　ブルーマウンテンブレンド</t>
  </si>
  <si>
    <t>モンカフェマイルド</t>
  </si>
  <si>
    <t>モンカフェスペシャル８ｇ</t>
  </si>
  <si>
    <t>ｱｽﾄﾘｱ</t>
  </si>
  <si>
    <t>モンカフェモカブレンド</t>
  </si>
  <si>
    <t>モンカフェブルーマウンテンブレンド</t>
  </si>
  <si>
    <t>モンカフェキリマンジャロブレンド</t>
  </si>
  <si>
    <t>ﾓﾝｶﾌｪﾌﾟﾚﾐｱｾﾚｸｼｮﾝ</t>
  </si>
  <si>
    <t>カフェインレス_コーヒー</t>
  </si>
  <si>
    <t>グランノワール</t>
  </si>
  <si>
    <t>モンカフェ　バラエティパック</t>
  </si>
  <si>
    <t>モンカフェバラエティパック</t>
  </si>
  <si>
    <t>モンカフェスペシャルブレンド</t>
  </si>
  <si>
    <t>匠のドリップコーヒーリッチブレンド</t>
  </si>
  <si>
    <t>匠のドリップコーヒーモカブレンド</t>
  </si>
  <si>
    <t>匠のドリップコーヒースペシャルブレンド</t>
  </si>
  <si>
    <t>香味水出し珈琲</t>
  </si>
  <si>
    <t>ﾏｲﾎﾞﾄﾙでつくろう水出しｺｰﾋｰ_20g</t>
  </si>
  <si>
    <t>マイボトルでつくろうホットコーヒー専用</t>
  </si>
  <si>
    <t>香味まろやか　じっくり抽出コーヒーバッグ</t>
  </si>
  <si>
    <t>プライムオリジンズ4種</t>
  </si>
  <si>
    <t>プレミアムステージ　こだわりの水出しコーヒー　</t>
  </si>
  <si>
    <t>香味まろやか水出し珈琲</t>
  </si>
  <si>
    <t>毎日カフェ</t>
  </si>
  <si>
    <t>グランドテイスト甘い香りのモカブレンド</t>
  </si>
  <si>
    <t>ドリップオンオリジナルブレンド</t>
  </si>
  <si>
    <t>Ｄオン有機栽培珈琲モカ</t>
  </si>
  <si>
    <t>Ｄオン炭焼珈琲</t>
  </si>
  <si>
    <t>ドリップオンバラエティパック</t>
  </si>
  <si>
    <t>ＤオンＬサイズスペシャル</t>
  </si>
  <si>
    <t>ＤオンＬサイズモカＢ</t>
  </si>
  <si>
    <t>ドリップオン　トアルコトラジャ</t>
  </si>
  <si>
    <t>ドリップオントラジャ</t>
  </si>
  <si>
    <t>ドリップオンスペシャル</t>
  </si>
  <si>
    <t>ドリップオンモカ</t>
  </si>
  <si>
    <t>ドリップオンラージＳＰブレンド</t>
  </si>
  <si>
    <t>ドリップオンラージモカブレンド</t>
  </si>
  <si>
    <t>ドリップオンモカブレンド</t>
  </si>
  <si>
    <t>ＤオンスペセレオリジナルＢ</t>
  </si>
  <si>
    <t>ＤオンスペシャルＳモカＢ</t>
  </si>
  <si>
    <t>ティスティライフスペシャルブレンド</t>
  </si>
  <si>
    <t>ティスティライフモカブレンド</t>
  </si>
  <si>
    <t>ドリップオンマイルドブレンド</t>
  </si>
  <si>
    <t>DOORS+ドリップオンモカブレンド</t>
  </si>
  <si>
    <t>ドリップオン　トラジャブレンド</t>
  </si>
  <si>
    <t>有機栽培オーガニック１００％ブレンド</t>
  </si>
  <si>
    <t>ドリップオン洋風Ｓ</t>
  </si>
  <si>
    <t>ドリップオンＣ和風Ｓ</t>
  </si>
  <si>
    <t>ドリップオンＭ香味ＭＢ</t>
  </si>
  <si>
    <t>ドリップオンＣコーヒーＳＢ</t>
  </si>
  <si>
    <t>ドリップオンマンデリンＢ</t>
  </si>
  <si>
    <t>ドリップオンモーニングＢ</t>
  </si>
  <si>
    <t>ドリップオントラジャブレンド</t>
  </si>
  <si>
    <t>キーコーヒー　カフェインレスコーヒー　箱３７．５ｇ</t>
  </si>
  <si>
    <t>ドリップオン有機珈琲</t>
  </si>
  <si>
    <t>8g×5P</t>
  </si>
  <si>
    <t>有機栽培珈琲まろやかブレンド</t>
  </si>
  <si>
    <t>氷温熟成珈琲</t>
  </si>
  <si>
    <t>ドリップオントアルコトラジャ</t>
  </si>
  <si>
    <t>DOORS+ドリップオンスペシャルブレンド</t>
  </si>
  <si>
    <t>ドリップオンロイヤルテイスト</t>
  </si>
  <si>
    <t>DOORS+ドリップオンカフェイン控えめ</t>
  </si>
  <si>
    <t>ドリップオンイノダコーヒブレンド</t>
  </si>
  <si>
    <t>ドリップオンイノダコーヒモカブレンド</t>
  </si>
  <si>
    <t>ドリップオンメローブレンド</t>
  </si>
  <si>
    <t>ドリップオンイノダコーヒー有機珈琲</t>
  </si>
  <si>
    <t>ジョージアドリップ芳醇な香りのマイルドブレンド</t>
  </si>
  <si>
    <t>ジョージアドリップ豊かなコクの深煎りブレンド</t>
  </si>
  <si>
    <t>ジョージア豊かなコクの深煎りブレンドコーヒーバラ</t>
  </si>
  <si>
    <t>ジョージア芳醇な香りのマイルドブレンドコーヒーバラ</t>
  </si>
  <si>
    <t>ジョージア　芳醇な香りのマイルドブレンド</t>
  </si>
  <si>
    <t>ジョージア　豊かなコクの深煎りブレンド</t>
  </si>
  <si>
    <t>ドリップコーヒー　コロンビアブレンド</t>
  </si>
  <si>
    <t>スターバックスオリガミハウスブレンド</t>
  </si>
  <si>
    <t>スターバックスオリガミパイクプレイスロースト</t>
  </si>
  <si>
    <t>スターバックスオリガミライトノート</t>
  </si>
  <si>
    <t>スターバックスオリガミコーヒーテンベロナ</t>
  </si>
  <si>
    <t>スターバックスオリガミディｺｰﾋｰﾃﾝハウス</t>
  </si>
  <si>
    <t>スターバックスオリガミスマトラ</t>
  </si>
  <si>
    <t>スターバックスオリガミwithリューザブルカップ</t>
  </si>
  <si>
    <t>スターバックスオリガミリユーザブルカップ付</t>
  </si>
  <si>
    <t>2×9g+Cup</t>
  </si>
  <si>
    <t>スターバックスオリガミカフェベロナ</t>
  </si>
  <si>
    <t>スタバオリガミスプリングブレンド</t>
  </si>
  <si>
    <t>スターバックスオリガミアイスコーヒーブレンド</t>
  </si>
  <si>
    <t>スターバックスオリガミドリップコーヒースプリングブレンド</t>
  </si>
  <si>
    <t>スタバオリガミリューザブルコールド</t>
  </si>
  <si>
    <t>スターバックスオリガミフォールブレンド</t>
  </si>
  <si>
    <t>スターバックスホリデーブレンド</t>
  </si>
  <si>
    <t>スタバプレミアムミックスなめらかソイラテ</t>
  </si>
  <si>
    <t>スタバプレミアムミックス香ばしいオーツラテ</t>
  </si>
  <si>
    <t>スターバックスオリガミスプリングブレンド</t>
  </si>
  <si>
    <t>スターバックスオリガミアイスコーヒー</t>
  </si>
  <si>
    <t>52.1g</t>
  </si>
  <si>
    <t>スターバックスオリガミホリデーブレンド</t>
  </si>
  <si>
    <t>スターバックスオリガミコーヒーギフト</t>
  </si>
  <si>
    <t>SB-10A</t>
  </si>
  <si>
    <t>スターバックスドルチェグストハウスブレンド専用カプセル</t>
  </si>
  <si>
    <t>ミルクとけだすティーバッグオリジナルブレンド</t>
  </si>
  <si>
    <t>ミルクとけだすティーバッグアールグレイ</t>
  </si>
  <si>
    <t>神戸珈琲洗練のブレンド</t>
  </si>
  <si>
    <t>8ｇ×10P</t>
  </si>
  <si>
    <t>ﾓﾀﾞﾝﾀｲﾑｽ</t>
  </si>
  <si>
    <t>ヒルス伝統のブレンド</t>
  </si>
  <si>
    <t>ﾋﾙｽｺｰﾋｰ</t>
  </si>
  <si>
    <t>ヒルス洗練のブレンド</t>
  </si>
  <si>
    <t>ヒルス神戸珈琲ドリップ</t>
  </si>
  <si>
    <t>ヒルス　ポットでカフェ　２０ｇ×４</t>
  </si>
  <si>
    <t>20GX4</t>
  </si>
  <si>
    <t>シングルオリジンセレクション</t>
  </si>
  <si>
    <t>ＭＪＢレギュラーコーヒードリップコーヒー</t>
  </si>
  <si>
    <t>MJB</t>
  </si>
  <si>
    <t>ＭＪＢ　水出ＩＣ　ＣＯＬＤ　ＢＲＥＷ　</t>
  </si>
  <si>
    <t>35g*4</t>
  </si>
  <si>
    <t>水出しアイスコーヒー</t>
  </si>
  <si>
    <t>18ｇ*5Ｐ</t>
  </si>
  <si>
    <t>三毛猫珈琲陽だまりオーガニックブレンド</t>
  </si>
  <si>
    <t>ﾕﾆｵﾝｺｰﾋｰ</t>
  </si>
  <si>
    <t>伝統焙煎ドリップオリジナル</t>
  </si>
  <si>
    <t>7g×6</t>
  </si>
  <si>
    <t>ﾄﾞﾘｯﾌﾟﾊﾟｯｸﾊﾞﾗｴﾃｨ7G</t>
  </si>
  <si>
    <t>ドリップパックまろやかブレンド</t>
  </si>
  <si>
    <t>ドリップパック深煎りブレンド</t>
  </si>
  <si>
    <t>ドリップパックアソート</t>
  </si>
  <si>
    <t>伝統焙煎オリジナル</t>
  </si>
  <si>
    <t>香り豊かなまろやかブレンド</t>
  </si>
  <si>
    <t>8g×8p</t>
  </si>
  <si>
    <t>ドトールコクと深みの香ばしブレンド</t>
  </si>
  <si>
    <t>8g8P</t>
  </si>
  <si>
    <t>香り楽しむバラエティパック</t>
  </si>
  <si>
    <t>レインボードリップ</t>
  </si>
  <si>
    <t>石焼仕上げドリップ</t>
  </si>
  <si>
    <t>プロユースドリップスペシャル</t>
  </si>
  <si>
    <t>プロユースマイルドスペシャル</t>
  </si>
  <si>
    <t>レインボーマウンテンドリップ</t>
  </si>
  <si>
    <t>ドリップシアトルスタイル</t>
  </si>
  <si>
    <t>東京アライドコーヒーロースターズ</t>
  </si>
  <si>
    <t>ﾄｳｷｮｳｱﾗｲﾄﾞ</t>
  </si>
  <si>
    <t>ドリップバック有機栽培コーヒー</t>
  </si>
  <si>
    <t>ｾｲｺ-ｺｰﾋｰ</t>
  </si>
  <si>
    <t>ドリップバックブルーマウンテンブレンド</t>
  </si>
  <si>
    <t>ドリップポッドルビーマウンテンブレンド</t>
  </si>
  <si>
    <t>ドリップポッドマンデリン</t>
  </si>
  <si>
    <t>ドリップポッドキリマンジャロ</t>
  </si>
  <si>
    <t>ドリップポッド陰干ブラジルブルボン</t>
  </si>
  <si>
    <t>ドリップポッドバルマウンテン</t>
  </si>
  <si>
    <t>ドリップポッドグァテマラ・カルモナ</t>
  </si>
  <si>
    <t>ドリップポッドコロンビアブルボン・ティピカ</t>
  </si>
  <si>
    <t>ドリップポッドゴールデンブレンド</t>
  </si>
  <si>
    <t>ドリップバッグルビーマウンテンブレンド</t>
  </si>
  <si>
    <t>セイコードリップ10ゴールデンブレンド</t>
  </si>
  <si>
    <t>ドリップバッグキリマンジャロ</t>
  </si>
  <si>
    <t>ＤＰバルマウンテン</t>
  </si>
  <si>
    <t>１０Ｐ</t>
  </si>
  <si>
    <t>ドリップ陰干ブラジルブルボン</t>
  </si>
  <si>
    <t>ＤＰグァテマラ・カルモナ</t>
  </si>
  <si>
    <t>ドリップバッグ　コロンビア　ブルボン・ティピカ</t>
  </si>
  <si>
    <t>ドリップバッグ　マンデリン</t>
  </si>
  <si>
    <t>小川　カフェット　カフェインレス　１０ｇ×４</t>
  </si>
  <si>
    <t>プレミアムブレンドドリップコーヒー</t>
  </si>
  <si>
    <t>コーヒーショップブレンドドリップ</t>
  </si>
  <si>
    <t>ＤＰ　コーヒーショップブレンド　</t>
  </si>
  <si>
    <t>８Ｐ</t>
  </si>
  <si>
    <t>ｵｶﾞﾜｺ-ﾋ-</t>
  </si>
  <si>
    <t>こうみブレンドドリップコーヒー1杯分</t>
  </si>
  <si>
    <t>まろみブレンドドリップコーヒー1杯分</t>
  </si>
  <si>
    <t>ブルーマウンテンブレンドドリップコーヒー1杯分</t>
  </si>
  <si>
    <t>有機カフェインレスモカドリップ　７杯分</t>
  </si>
  <si>
    <t>オリジナルブレンドドリップ</t>
  </si>
  <si>
    <t>有機珈琲フェアトレードモカブレンド</t>
  </si>
  <si>
    <t>10g×7P</t>
  </si>
  <si>
    <t>小川　有機珈琲コレクションドリップ　１０ｇ×１０</t>
  </si>
  <si>
    <t>春珈琲ドリップコーヒー</t>
  </si>
  <si>
    <t>有機珈琲オリジナルブレンドドリップコーヒー6杯分</t>
  </si>
  <si>
    <t>有機珈琲フェアトレードモカブレンドドリップコーヒー６杯分</t>
  </si>
  <si>
    <t>有機珈琲カフェインレスモカドリップコーヒー</t>
  </si>
  <si>
    <t>9P</t>
  </si>
  <si>
    <t>ドリップコーヒースペシャル</t>
  </si>
  <si>
    <t>ドリップコーヒー　モカＢ</t>
  </si>
  <si>
    <t>おいしいカフェインレスドリッ</t>
  </si>
  <si>
    <t>おいしいカフェインレスドリップコーヒー</t>
  </si>
  <si>
    <t>おいしいオーガニックドリップコーヒー</t>
  </si>
  <si>
    <t>イタリアンカフェリッチロースト8P</t>
  </si>
  <si>
    <t>ｱﾊﾞﾝｽ</t>
  </si>
  <si>
    <t>イタリアンカフェストロングロースト8P</t>
  </si>
  <si>
    <t>ドリパック運河ブレンド</t>
  </si>
  <si>
    <t>ユニマットキャラバン</t>
  </si>
  <si>
    <t>ﾕﾆﾏｯﾄｷｬﾗﾊﾞ</t>
  </si>
  <si>
    <t>ドリパック港町ブレンド</t>
  </si>
  <si>
    <t>ドリパックまろやかなブラジル</t>
  </si>
  <si>
    <t>ドリパック香り立つモカ</t>
  </si>
  <si>
    <t>ドリパックシャキッソタデGG農園</t>
  </si>
  <si>
    <t>ｷｬﾗﾊﾞﾝｺｰﾋｰ</t>
  </si>
  <si>
    <t>ドリパックランテカルアストロコ農園</t>
  </si>
  <si>
    <t>ドリパックモンテアレグレ農園</t>
  </si>
  <si>
    <t>ドリパックキボーカンジラルジ農園</t>
  </si>
  <si>
    <t>ドリパックシグリ農園</t>
  </si>
  <si>
    <t>ドリパックエルパライソ農園</t>
  </si>
  <si>
    <t>ドリパック横浜元町キャラバンコーヒーゴールデンキャメル</t>
  </si>
  <si>
    <t>ドリパック横浜元町キャラバンコーヒー元町ブレンド</t>
  </si>
  <si>
    <t>ドリパック横浜元町キャラバンコーヒーミカドヤブレンド</t>
  </si>
  <si>
    <t>ドリパックゴールデンキャメル</t>
  </si>
  <si>
    <t>ドリパック元町ブレンド</t>
  </si>
  <si>
    <t>ドリパックミカドヤブレンド</t>
  </si>
  <si>
    <t>ドリップいろいろアソート</t>
  </si>
  <si>
    <t>オーガニックドリップコーヒー</t>
  </si>
  <si>
    <t>8杯分</t>
  </si>
  <si>
    <t>ドリップコーヒースペシャルブレンド</t>
  </si>
  <si>
    <t>藤田珈琲</t>
  </si>
  <si>
    <t>ﾌｼﾞﾀｺｰﾋｰ</t>
  </si>
  <si>
    <t>ドリップコーヒーモカブレンド</t>
  </si>
  <si>
    <t>ドリップコーヒーリッチブレンド</t>
  </si>
  <si>
    <t>イリィドリップコーヒーミディアムロースト</t>
  </si>
  <si>
    <t>イリィドリップコーヒーダークロースト</t>
  </si>
  <si>
    <t>１３Ｐ~</t>
  </si>
  <si>
    <t>職人の珈琲ドリップ深いコクのスペシャル_2個ｾｯﾄ</t>
  </si>
  <si>
    <t>職人の珈琲深いコクスペシャルブレンド2個セット</t>
  </si>
  <si>
    <t>18P2</t>
  </si>
  <si>
    <t>ドリップスペシャル２４袋</t>
  </si>
  <si>
    <t>マキシムＲＣ　贅沢な珈琲ＳＰブレンド</t>
  </si>
  <si>
    <t>ブレンディドリップまろやかな</t>
  </si>
  <si>
    <t>ブレンディＤＰまろやか香</t>
  </si>
  <si>
    <t>ブレンディドリップＳＰ</t>
  </si>
  <si>
    <t>ブレンディドリップモカブレンド２０Ｐ</t>
  </si>
  <si>
    <t>ﾌﾞﾚﾝﾃﾞｨRCﾄﾞﾘｯﾌP豆の焙煎士SPﾌﾞﾚﾝﾄﾞ20P</t>
  </si>
  <si>
    <t>ﾌﾞﾚﾝﾃﾞｨRCﾄﾞﾘｯﾌﾟP豆の選定士ﾓｶﾌﾞﾚﾝﾄﾞ20P</t>
  </si>
  <si>
    <t>ブレンディドリップパックスペシャルブレンド</t>
  </si>
  <si>
    <t>ブレンディドリップパックモカ</t>
  </si>
  <si>
    <t>ブレンディドリップキリマンジャロ</t>
  </si>
  <si>
    <t>ちょっと贅沢な珈琲店プレミアムドリップスペシャルブレンド</t>
  </si>
  <si>
    <t>ちょっと贅沢な珈琲店ドリップコーヒーモカ</t>
  </si>
  <si>
    <t>14袋入</t>
  </si>
  <si>
    <t>18袋入</t>
  </si>
  <si>
    <t>ちょっと贅沢な珈琲店東海喫茶店のモーニングブレンド</t>
  </si>
  <si>
    <t>14P</t>
  </si>
  <si>
    <t>ちょっと贅沢な珈琲店プレミアムドリップ九州袋</t>
  </si>
  <si>
    <t>ちょっと贅沢な珈琲店プレミアムドリップ香り華やぐ芳醇ブレンド</t>
  </si>
  <si>
    <t>贅沢RCプレミアムドリップ香り華やぐモカブレンド</t>
  </si>
  <si>
    <t>ちょっと贅沢な珈琲店レギュラーコーヒー薫る深煎りキリマンジャロ</t>
  </si>
  <si>
    <t>ちょっと贅沢な珈琲店プレミアムドリップコーヒーキリマンジャロ</t>
  </si>
  <si>
    <t>ちょっと贅沢な珈琲店レギュラーコーヒープレミアムドリップ九州まろ</t>
  </si>
  <si>
    <t>ブレンディパーソナルインスタントコーヒー</t>
  </si>
  <si>
    <t>32本入</t>
  </si>
  <si>
    <t>贅沢RCプレミアムドリップ深く濃い香り喫茶店ブレンド</t>
  </si>
  <si>
    <t>ちょっと贅沢な珈琲店プレミアムドリップ香り澄みわたるスペシャル</t>
  </si>
  <si>
    <t>8gx14P</t>
  </si>
  <si>
    <t>ブレンディRCDPスペシャルブレンド</t>
  </si>
  <si>
    <t>ちょっと贅沢な珈琲店ドリップコーヒー東海袋</t>
  </si>
  <si>
    <t>贅沢プレミアムＤＰモカブレンド</t>
  </si>
  <si>
    <t>UCC_職人の珈琲DPﾏｲﾙﾄﾞ_20P</t>
  </si>
  <si>
    <t>職人珈琲まろやかブレンド</t>
  </si>
  <si>
    <t>職人の珈琲ドリップあまい香りモカブレンド</t>
  </si>
  <si>
    <t>職人珈琲深いコクスペシャルブレンド</t>
  </si>
  <si>
    <t>職人の珈琲ドリップマイルドブレンド</t>
  </si>
  <si>
    <t>ＧＳリップコーヒーアソートパック</t>
  </si>
  <si>
    <t>25P</t>
  </si>
  <si>
    <t>職人の珈琲深いコクのスペシャルブレンド</t>
  </si>
  <si>
    <t>7gX30P</t>
  </si>
  <si>
    <t>ＵＣＣ　職人の珈琲　甘い香りのモカＢ　３０Ｐ</t>
  </si>
  <si>
    <t>ゴールドスペシャルDPスペシャル</t>
  </si>
  <si>
    <t>8g×15P</t>
  </si>
  <si>
    <t>職人の珈琲まろやか味のマイルドブレンド</t>
  </si>
  <si>
    <t>職人の珈琲あまい香りのリッチブレンド</t>
  </si>
  <si>
    <t>職人の珈琲ワンドリップコーヒーあまい香りのリッチブレンド</t>
  </si>
  <si>
    <t>7g×50P</t>
  </si>
  <si>
    <t>職人の珈琲ドリップ深いコクスペシャルブレンド</t>
  </si>
  <si>
    <t>7gX16</t>
  </si>
  <si>
    <t>職人の珈琲ドリップまろやかマイルドブレンド</t>
  </si>
  <si>
    <t>職人の珈琲ドリップあまい香リッチブレンド</t>
  </si>
  <si>
    <t>職人の珈琲ワンドリップ深いコクのスペシャルブレンド</t>
  </si>
  <si>
    <t>職人の珈琲ワンドリップあまい香りのリッチブレンド</t>
  </si>
  <si>
    <t>職人の珈琲ワンドリップまろやか味のマイルドブレンド</t>
  </si>
  <si>
    <t>職人の珈琲ワンドリップビターな味わいのクラシックブレンド</t>
  </si>
  <si>
    <t>職人の珈琲ワンドリップコーヒーアソート</t>
  </si>
  <si>
    <t>48P</t>
  </si>
  <si>
    <t>ﾕｰｼｰｼ</t>
  </si>
  <si>
    <t>職人の珈琲ドリップ深いコクのスペシャルブレンド</t>
  </si>
  <si>
    <t>職人の珈琲ドリップあまい香りのリッチブレンド</t>
  </si>
  <si>
    <t>職人の珈琲ドリップまろやか味のマイルドブレンド</t>
  </si>
  <si>
    <t>職人の珈琲ドリップビターな味わいのクラシックブレンド</t>
  </si>
  <si>
    <t>濃厚なビターブレンド</t>
  </si>
  <si>
    <t>18個入</t>
  </si>
  <si>
    <t>香り豊かなマイルドブレンド</t>
  </si>
  <si>
    <t>ドリップバッググランドテイスト甘い香りのモカブレンド</t>
  </si>
  <si>
    <t>DBグランドテイストやさしい余韻のマイルドブレンド</t>
  </si>
  <si>
    <t>DBグランドテイストコク深リッチブレンド</t>
  </si>
  <si>
    <t>ＤＢグランドテイスト甘い香りのモカブレンド</t>
  </si>
  <si>
    <t>ＤＢグランドテイスト濃厚なビターブレンド</t>
  </si>
  <si>
    <t>コク深いリッチブレンド</t>
  </si>
  <si>
    <t>甘い香りのモカブレンド</t>
  </si>
  <si>
    <t>濃厚苦味のダークリッチ</t>
  </si>
  <si>
    <t>7g×15</t>
  </si>
  <si>
    <t>サッポロウエシマコーヒー</t>
  </si>
  <si>
    <t>ﾕｰｺｰﾋｰ</t>
  </si>
  <si>
    <t>ドリップコーヒーマイルドブレンド</t>
  </si>
  <si>
    <t>ドリップコーヒー深煎り仕立てのスペシャルブレンド</t>
  </si>
  <si>
    <t>7g×20P</t>
  </si>
  <si>
    <t>ｻｯﾎﾟﾛｳｴｼﾏ</t>
  </si>
  <si>
    <t>ドリップコーヒー風味豊かに仕上げたモカブレンド</t>
  </si>
  <si>
    <t>ドルチェグストカプセルモーニングブレンド</t>
  </si>
  <si>
    <t>ネスカフェドルチェグスト専用カプセルリッチブレンドカフェインレス</t>
  </si>
  <si>
    <t>MJBドリップコーヒーバラエティパック</t>
  </si>
  <si>
    <t>ｷｮｳｴｲﾌｰｽﾞ</t>
  </si>
  <si>
    <t>MJBアーミーグリーンドリップコーヒー</t>
  </si>
  <si>
    <t>MJBバラエティパック</t>
  </si>
  <si>
    <t>8g×25P</t>
  </si>
  <si>
    <t>7gx100P</t>
  </si>
  <si>
    <t>まろやかな味わいオリジナル</t>
  </si>
  <si>
    <t>直火焙煎ドリップ</t>
  </si>
  <si>
    <t>マイルドブレンド</t>
  </si>
  <si>
    <t>プロフェッショナルユースＤＰ　スペシャルＢ　５５Ｐ</t>
  </si>
  <si>
    <t>８ｇ×５５Ｐ</t>
  </si>
  <si>
    <t>プロフェッショナルユースＤＰ　モカＢ　５５Ｐ</t>
  </si>
  <si>
    <t>進和珈琲ティピコDPシンプルB7g×30</t>
  </si>
  <si>
    <t>進和珈琲</t>
  </si>
  <si>
    <t>ｼﾝﾜｺﾋ</t>
  </si>
  <si>
    <t>ドリップコーヒーアロマブレンド</t>
  </si>
  <si>
    <t>アロマ18モカブレンド</t>
  </si>
  <si>
    <t>アロマ18キリマンジャロブレンド</t>
  </si>
  <si>
    <t>アロマ18スペシャルブレンド</t>
  </si>
  <si>
    <t>アロマ18おいしいオーガニック</t>
  </si>
  <si>
    <t>7g×18</t>
  </si>
  <si>
    <t>ドリップコーヒーキリマンブレンド</t>
  </si>
  <si>
    <t>アロマ16モカブレンド</t>
  </si>
  <si>
    <t>アロマ16キリマンジャロブレンド</t>
  </si>
  <si>
    <t>アロマ16スペシャルブレンド</t>
  </si>
  <si>
    <t>アロマ16おいしいオーガニック</t>
  </si>
  <si>
    <t>1杯30円アロマ16モカブレンド</t>
  </si>
  <si>
    <t>1杯30円アロマ16キリマンジャロブレンド</t>
  </si>
  <si>
    <t>1杯30円アロマ16スペシャルブレンド</t>
  </si>
  <si>
    <t>1杯30円アロマ16おいしいオーガニック</t>
  </si>
  <si>
    <t>CafeLabモカブレンド16P</t>
  </si>
  <si>
    <t>CafeLabキリマンジャロブレンド16P</t>
  </si>
  <si>
    <t>CafeLabスペシャルブレンド16P</t>
  </si>
  <si>
    <t>36個</t>
  </si>
  <si>
    <t>8g×100</t>
  </si>
  <si>
    <t>珈琲専門店用ドリップバッグスペシャルブレンド</t>
  </si>
  <si>
    <t>ホームカフェスタイルオリジナルブレンド</t>
  </si>
  <si>
    <t>バリューネクスト</t>
  </si>
  <si>
    <t>ﾊﾞﾘｭｰﾈｸｽﾄ</t>
  </si>
  <si>
    <t>ホームカフェスタイルモカブレンド</t>
  </si>
  <si>
    <t>6.5g×20P</t>
  </si>
  <si>
    <t>コーヒー屋さんのモカブレンド</t>
  </si>
  <si>
    <t>ﾌｼﾞﾀｺ-ﾋ-</t>
  </si>
  <si>
    <t>コーヒー屋さんスペシャルブレンド</t>
  </si>
  <si>
    <t>システム</t>
  </si>
  <si>
    <t>ＤＲＩＰ　ＰＯＤ　エベレストマウンテンブレンド</t>
  </si>
  <si>
    <t>ＤＲＩＰ　ＰＯＤ　鑑定士の誇りスペシャルブレンド</t>
  </si>
  <si>
    <t>ＤＲＩＰ　ＰＯＤ　炭焼珈琲</t>
  </si>
  <si>
    <t>ＤＲＩＰ　ＰＯＤ　鑑定士の誇りリッチブレンド</t>
  </si>
  <si>
    <t>ＤＲＩＰ　ＰＯＤ　有機栽培オーガニックコーヒー</t>
  </si>
  <si>
    <t>ＤＲＩＰ　ＰＯＤ　セイロンブレンド紅茶</t>
  </si>
  <si>
    <t>ＤＲＩＰ　ＰＯＤ　モカ＆キリマンジァロ</t>
  </si>
  <si>
    <t>ＤＲＩＰ　ＰＯＤ　グアテマラ＆コロンビア</t>
  </si>
  <si>
    <t>ＤＲＩＰ　ＰＯＤ　カフェインレスコーヒー</t>
  </si>
  <si>
    <t>ＤＲＩＰ　ＰＯＤ　ブルーマウンテンブレンド</t>
  </si>
  <si>
    <t>ＤＲＩＰ　ＰＯＤ　有機栽培オーガニックコーヒー　アイスコーヒー</t>
  </si>
  <si>
    <t>ＤＲＩＰ　ＰＯＤ　有機栽培ダージリン紅茶</t>
  </si>
  <si>
    <t>ＤＲＩＰ　ＰＯＤ　ハワイコナブレンド</t>
  </si>
  <si>
    <t>ドルチェグストレギュラーブレンド</t>
  </si>
  <si>
    <t>ドルチェグスト　エスプレッソ</t>
  </si>
  <si>
    <t>16p（8杯分）</t>
  </si>
  <si>
    <t>ドルチェグストカプチーノ</t>
  </si>
  <si>
    <t>ドルチェグストラテマキアート</t>
  </si>
  <si>
    <t>ドルチェグストチョコチーノ</t>
  </si>
  <si>
    <t>ドルチェグストアイスコーヒー</t>
  </si>
  <si>
    <t>ドルチェグストカプセルリッチ</t>
  </si>
  <si>
    <t>ドルチェグスト　マイルドブレンド</t>
  </si>
  <si>
    <t>ドルチェグスト宇治抹茶ラテ</t>
  </si>
  <si>
    <t>ドルチェグスト　チャイティーラテ</t>
  </si>
  <si>
    <t>ドルチェグストエスプレッソインテンソ</t>
  </si>
  <si>
    <t>ドルチェグストティーラテ</t>
  </si>
  <si>
    <t>16P（8杯分）</t>
  </si>
  <si>
    <t>ドルチェグストローストブレンドルンゴインテン</t>
  </si>
  <si>
    <t>ドルチェグストｺｰﾋｰﾃﾝインレス</t>
  </si>
  <si>
    <t>ドルチェグスト専用カプセル宇治抹茶</t>
  </si>
  <si>
    <t>5.6g×16P</t>
  </si>
  <si>
    <t>ドルチェグストカプセルｺｰﾋｰﾃﾝオレ</t>
  </si>
  <si>
    <t>ドルチェグスト　ソイラテ１６Ｐ</t>
  </si>
  <si>
    <t>１８４Ｇ</t>
  </si>
  <si>
    <t>ドルチェグスト　カプセル　ルワンダ</t>
  </si>
  <si>
    <t>6.5GX16</t>
  </si>
  <si>
    <t>ドルチェグスト専用カプセルオリジナル</t>
  </si>
  <si>
    <t>ドルチェグスト専用カプセルモカ</t>
  </si>
  <si>
    <t>ドルチェグストマグバラエティ１６Ｐ</t>
  </si>
  <si>
    <t>ドルチェグストｺｰﾋｰﾃﾝオレインテンソ</t>
  </si>
  <si>
    <t>ドルチェグスト濃い抹茶</t>
  </si>
  <si>
    <t>ドルチェグストフラットホワイト</t>
  </si>
  <si>
    <t>ドルチェグストミルクティー</t>
  </si>
  <si>
    <t>スタバコロンビアネスｺｰﾋｰﾃﾝドルチェグスト専用カプセル</t>
  </si>
  <si>
    <t>スタバライトノートブレンドネスｺｰﾋｰﾃﾝドルチェグスト専用</t>
  </si>
  <si>
    <t>93.6g</t>
  </si>
  <si>
    <t>スターバックスハウスブレンドドルチェグスト専用カプセル</t>
  </si>
  <si>
    <t>スタバラテマキアートネスｺｰﾋｰﾃﾝドルチェグスト専用カプセル</t>
  </si>
  <si>
    <t>118.8g</t>
  </si>
  <si>
    <t>スタバカプチーノネスｺｰﾋｰﾃﾝドルチェグスト専用カプセル</t>
  </si>
  <si>
    <t>スターバッックスキャラメルマキアートドルチェグスト専用</t>
  </si>
  <si>
    <t>ネスｺｰﾋｰﾃﾝドルチェグストレギュラーブレンド</t>
  </si>
  <si>
    <t>ネスカフェ　ＮＤＧ　コールドブリュー　１２Ｐ</t>
  </si>
  <si>
    <t>ドルチェグストアイスｺｰﾋｰﾃﾝオレ16P</t>
  </si>
  <si>
    <t>スターバックス抹茶ラテドルチェグスト専用カプセル</t>
  </si>
  <si>
    <t>スターバックスｺｰﾋｰﾃﾝラテ</t>
  </si>
  <si>
    <t>スターバックスパイクプレイス</t>
  </si>
  <si>
    <t>スターバックスカフェモーメントスムース</t>
  </si>
  <si>
    <t>ドルチェグスミッキーバラエティカプセル</t>
  </si>
  <si>
    <t>16個</t>
  </si>
  <si>
    <t>ネスカフェドルチェグストモカブレンド</t>
  </si>
  <si>
    <t>ドルチェグスト　アイスカプティーノ１６Ｐ</t>
  </si>
  <si>
    <t>１８７．２Ｇ</t>
  </si>
  <si>
    <t>ドルチェグストカフェオレカフェインレス</t>
  </si>
  <si>
    <t>ネスカフェドルチェグストカフェオレマグナムパック</t>
  </si>
  <si>
    <t>ネスカフェドルチェグストリッチブレンドマグナムパック</t>
  </si>
  <si>
    <t>プレミアムRC</t>
  </si>
  <si>
    <t>ＶＰ（真空パック）</t>
  </si>
  <si>
    <t>カフェドパリ__オリジナルコーヒー</t>
  </si>
  <si>
    <t>ｶﾌｪﾄﾞﾊﾟﾘ</t>
  </si>
  <si>
    <t>カフェドパリ__エスプレッソＶP</t>
  </si>
  <si>
    <t>ハウスブレンド粉</t>
  </si>
  <si>
    <t>中深煎りマイルド粉</t>
  </si>
  <si>
    <t>ブラジルピーベリー中深煎り粉</t>
  </si>
  <si>
    <t>マキシムＲＣモカブレンドセット</t>
  </si>
  <si>
    <t>ユーロパック華やかな香りブレ</t>
  </si>
  <si>
    <t>マキシムＲＣモカブレンド</t>
  </si>
  <si>
    <t>マキシム炭焼コーヒー</t>
  </si>
  <si>
    <t>ちょっと贅沢な珈琲店ＲＣ東海喫茶店のモーニングブレンド</t>
  </si>
  <si>
    <t>贅沢RC東海喫茶店のモーニングブレンド</t>
  </si>
  <si>
    <t>ちょっと贅沢な珈琲店レギュラーコーヒー北海道薫る深煎りブレンド</t>
  </si>
  <si>
    <t>贅沢RC九州まろやかブレンド</t>
  </si>
  <si>
    <t>ユーロパックオリジナル</t>
  </si>
  <si>
    <t>ユーロパック　モカブレンド</t>
  </si>
  <si>
    <t>ユーロパックキリマンジャロ</t>
  </si>
  <si>
    <t>マキシムＲＣエスプレッソロースト</t>
  </si>
  <si>
    <t>マキシムオリジナルブレンド</t>
  </si>
  <si>
    <t>贅沢RCモカ･ブレンド</t>
  </si>
  <si>
    <t>ちょっと贅沢な珈琲店北海道ブレンド</t>
  </si>
  <si>
    <t>贅沢RCスペシャル･ブレンド</t>
  </si>
  <si>
    <t>贅沢RCキリマンジャロ･ブレンド</t>
  </si>
  <si>
    <t>キリマンＢ　ＳＡＳ　ＶＰ　Ｎ</t>
  </si>
  <si>
    <t>オリジナルＳＡＳ　ＶＰ</t>
  </si>
  <si>
    <t>オリジナルブレンドＶＰ</t>
  </si>
  <si>
    <t>モカブレンドＶＰ</t>
  </si>
  <si>
    <t>キリマンジャロブレンドＶＰ</t>
  </si>
  <si>
    <t>炭焼珈琲ＶＰ</t>
  </si>
  <si>
    <t>有機栽培珈琲ＶＰ</t>
  </si>
  <si>
    <t>ブルーマウンテンブレンドＶＰ</t>
  </si>
  <si>
    <t>レインフォレストＶＰ</t>
  </si>
  <si>
    <t>スーパーアロマハワイコナブレンドＶＰ</t>
  </si>
  <si>
    <t>エスプレッソローストＶＰ</t>
  </si>
  <si>
    <t>オリジナルブレンドVP</t>
  </si>
  <si>
    <t>モカブレンドVP</t>
  </si>
  <si>
    <t>UCC_ｷﾘﾏﾝｼﾞｬﾛﾌﾞﾚﾝﾄﾞVP_200G</t>
  </si>
  <si>
    <t>ブルーマウンテン　ブレンド</t>
  </si>
  <si>
    <t>おいしいカフェインレスコーヒー</t>
  </si>
  <si>
    <t>スーパアロマブルマンブレＶＰ</t>
  </si>
  <si>
    <t>珈琲探究ハワイコナブレンド</t>
  </si>
  <si>
    <t>珈琲探究　有機栽培珈琲ＶＰ</t>
  </si>
  <si>
    <t>珈琲探究　炭焼珈琲ＶＰ</t>
  </si>
  <si>
    <t>スペシャルブレンドＶＰ　</t>
  </si>
  <si>
    <t>ロイヤルブレンドＶＰ　</t>
  </si>
  <si>
    <t>珈琲探究ブルーマウンテンブレンドVP</t>
  </si>
  <si>
    <t>クラシックオリジナルブレンド</t>
  </si>
  <si>
    <t>クラシックリッチモカブレンド</t>
  </si>
  <si>
    <t>モンカフェプレミアムブレンド</t>
  </si>
  <si>
    <t>モンカフェ　キリマンジャロブレンド</t>
  </si>
  <si>
    <t>8ｇ*8</t>
  </si>
  <si>
    <t>クオリタ　オロ　ＶＰ</t>
  </si>
  <si>
    <t>エスプレッソ　ＶＰ</t>
  </si>
  <si>
    <t>DOORS+スペシャルブレンドVP</t>
  </si>
  <si>
    <t>DOORS+モカブレンドVP</t>
  </si>
  <si>
    <t>DOORS+キリマンジャロブレンドVP</t>
  </si>
  <si>
    <t>DOORS+スペシャルブレンド深煎りVP</t>
  </si>
  <si>
    <t>スペシャルブレンドＶＰ</t>
  </si>
  <si>
    <t>モカブレンドシンクウパック</t>
  </si>
  <si>
    <t>キリマンジェロブレンドＶＰ</t>
  </si>
  <si>
    <t>ＶＰブルーマウンテンＢ</t>
  </si>
  <si>
    <t>ＶＰスペシャルブレンド</t>
  </si>
  <si>
    <t>ＶＰモカブレンド</t>
  </si>
  <si>
    <t>ＶＰキリマンブレンド</t>
  </si>
  <si>
    <t>ＶＰスペシャルセレクションモカブレンド</t>
  </si>
  <si>
    <t>ＶＰスペシャルセレクションオリジナルブレンド</t>
  </si>
  <si>
    <t>炭火焼珈琲ＶＰ</t>
  </si>
  <si>
    <t>ＶＰトラジャブレンド</t>
  </si>
  <si>
    <t>ＶＰ有機栽培珈琲モカ</t>
  </si>
  <si>
    <t>ＶＰテイスティライフＳＰブレ</t>
  </si>
  <si>
    <t>ＶＰテイスティライフモカブレ</t>
  </si>
  <si>
    <t>ＶＰカフェアデッソオリジナル</t>
  </si>
  <si>
    <t>ＶＰカフェアデッソエスプレ</t>
  </si>
  <si>
    <t>ＶＰマイルドブレンド</t>
  </si>
  <si>
    <t>キーＶＰトラジャブレント</t>
  </si>
  <si>
    <t>ＶＰブルーマウンテンブレンド</t>
  </si>
  <si>
    <t>VPスペシャルブレンド</t>
  </si>
  <si>
    <t>キーＶＰキリマンブレンド</t>
  </si>
  <si>
    <t>スペシャルブレンドVP</t>
  </si>
  <si>
    <t>キリマンジャロブレンドVP</t>
  </si>
  <si>
    <t>トラジャブレンドVP</t>
  </si>
  <si>
    <t>VP_有機栽培珈琲_まろやかブレンド(粉)</t>
  </si>
  <si>
    <t>プレミアムステージ　有機栽培　VP</t>
  </si>
  <si>
    <t>ＶＰ　ブルーマウンテンブレンド</t>
  </si>
  <si>
    <t>有機珈琲VP</t>
  </si>
  <si>
    <t>ＶＰパラダイスマウンテンブレンド</t>
  </si>
  <si>
    <t>スペシャルブレンド　アイスコーヒー</t>
  </si>
  <si>
    <t>カフェノワールVP</t>
  </si>
  <si>
    <t>ﾌﾞﾙｰﾏｳﾝﾃﾝﾌﾞﾚﾝﾄﾞVP</t>
  </si>
  <si>
    <t>カフェインレスコク深ブレンドVP</t>
  </si>
  <si>
    <t>PS九州エリア限定ブレンド</t>
  </si>
  <si>
    <t>ハーモニアスハワイコナブレンド</t>
  </si>
  <si>
    <t>ﾆﾎﾝﾋﾙｽ</t>
  </si>
  <si>
    <t>アイスコーヒー</t>
  </si>
  <si>
    <t>ハーモニアススマトラマンデリンブレンド</t>
  </si>
  <si>
    <t>ハーモニアスコスタリカジャガーハニーブレンド</t>
  </si>
  <si>
    <t>リッチブレンド</t>
  </si>
  <si>
    <t>エスプレッソ粉　ゴールド　</t>
  </si>
  <si>
    <t>ｷﾝﾎﾞ</t>
  </si>
  <si>
    <t>エスプレッソ粉_ナポレターノ</t>
  </si>
  <si>
    <t>エスプレッソ粉_インテンソ</t>
  </si>
  <si>
    <t>ブルーマウンテン</t>
  </si>
  <si>
    <t>トリプルコーヒーセット</t>
  </si>
  <si>
    <t>200g*3</t>
  </si>
  <si>
    <t>吟煎　プレミアム</t>
  </si>
  <si>
    <t>カフェ　カボクロ</t>
  </si>
  <si>
    <t>デカフェ　ＶＰ</t>
  </si>
  <si>
    <t>ラバッツァ</t>
  </si>
  <si>
    <t>バルベーラ　レギュラーコーヒー　マゲット</t>
  </si>
  <si>
    <t>カフェインレスコーヒーモカ100%</t>
  </si>
  <si>
    <t>スタンダードＲＣ</t>
  </si>
  <si>
    <t>~２００ｇ</t>
  </si>
  <si>
    <t>ライオンコーヒーチョコマダミア</t>
  </si>
  <si>
    <t>ｼ-ｴﾌｼ-</t>
  </si>
  <si>
    <t>ライオンコーヒーバニラマダミア</t>
  </si>
  <si>
    <t>ハワイアンヘーゼルナッツ</t>
  </si>
  <si>
    <t>ライオンコーヒー　オリジナル</t>
  </si>
  <si>
    <t>キャラメルカプチーノ</t>
  </si>
  <si>
    <t>ｵﾘｴﾝﾄｺﾏ-ｽ</t>
  </si>
  <si>
    <t>メープルカプチーノ</t>
  </si>
  <si>
    <t>ハニーマカダミアナッツ</t>
  </si>
  <si>
    <t>チョコレートマカダミアナッツ</t>
  </si>
  <si>
    <t>ライオンフレーバーコーヒーバニラマカダミア</t>
  </si>
  <si>
    <t>ライオンコーヒーバニラキャラメル</t>
  </si>
  <si>
    <t>モカマカダミア</t>
  </si>
  <si>
    <t>イリィ　エスプレッソ粉デカフェ</t>
  </si>
  <si>
    <t>ｲﾘｨ</t>
  </si>
  <si>
    <t>世界の農園からグアテマラ</t>
  </si>
  <si>
    <t>サンパウロコーヒーフーズ</t>
  </si>
  <si>
    <t>ｻﾝﾊﾟｳﾛ</t>
  </si>
  <si>
    <t>カツカイ</t>
  </si>
  <si>
    <t>ムンドノーボ</t>
  </si>
  <si>
    <t>アララ</t>
  </si>
  <si>
    <t>ブルボンアマレーロ</t>
  </si>
  <si>
    <t>トパージオ</t>
  </si>
  <si>
    <t>ラオスの森コーヒー</t>
  </si>
  <si>
    <t>ミャンマーの庭先コーヒー</t>
  </si>
  <si>
    <t>タイのなまけ者コーヒー</t>
  </si>
  <si>
    <t>インドネシアのマンデリンコーヒー</t>
  </si>
  <si>
    <t>グアテマラ野鳥を守るコーヒー</t>
  </si>
  <si>
    <t>海ノ向こうコーヒーオリジナルブレンド</t>
  </si>
  <si>
    <t>ハーモニックブレンド</t>
  </si>
  <si>
    <t>リフレッシュブレンド</t>
  </si>
  <si>
    <t>デライトブレンド</t>
  </si>
  <si>
    <t>タリーズバリスタズローストブラック</t>
  </si>
  <si>
    <t>タリーズバリスタズローストキリマンジャロブレンド</t>
  </si>
  <si>
    <t>ブレンディ　マイルドテイスト</t>
  </si>
  <si>
    <t>スターバックスブレックファーストブレンド</t>
  </si>
  <si>
    <t>スターバックスハウスブレンド</t>
  </si>
  <si>
    <t>スターバックスエスプレッソロースト</t>
  </si>
  <si>
    <t>AGF_ｽﾀｰﾊﾞｯｸｽ_ﾗｲﾄﾉｰﾄﾌﾞﾚﾝﾄﾞ</t>
  </si>
  <si>
    <t>AGF_ｽﾀﾊﾞｴｽﾌﾟﾚｯｿﾛｰｽﾄ_140G</t>
  </si>
  <si>
    <t>スターバックス　ＲＣ　ハウスブレンド</t>
  </si>
  <si>
    <t>ＡＧＦ　マキシムレギュラーコーヒー　スペシャルブレンド</t>
  </si>
  <si>
    <t>ＡＧＦ　マキシムレギュラーコーヒー　モカブレンド</t>
  </si>
  <si>
    <t>マキシム　キリマンブレンド　ソフトパック</t>
  </si>
  <si>
    <t>スターバックスカフェベロナ</t>
  </si>
  <si>
    <t>スターバックスブレックファースト</t>
  </si>
  <si>
    <t>ちょっと贅沢な珈琲店　ﾌﾟﾚﾐｱﾑﾌﾞﾚﾝﾄﾞ_澄んだｺｸのﾘｯ</t>
  </si>
  <si>
    <t>ちょっと贅沢な珈琲店　ﾌﾟﾚﾐｱﾑﾌﾞﾚﾝﾄﾞ_香り立ちのﾏｲﾙ</t>
  </si>
  <si>
    <t>ブレンディ　ブラックで飲みたいＲＣミディアム＆フローラル</t>
  </si>
  <si>
    <t>ブレンディ　ブラックで飲みたいＲＣフルボディ＆スムース</t>
  </si>
  <si>
    <t>ブレンディ　ＲＣ　やすらぎのカフェインレス</t>
  </si>
  <si>
    <t>マキシムマスターRCモカ</t>
  </si>
  <si>
    <t>森彦の時間アフリカンムーン</t>
  </si>
  <si>
    <t>マキシム　スペシャルブレンド</t>
  </si>
  <si>
    <t>ちょっと贅沢な珈琲店スペシャルブレンドドリップ</t>
  </si>
  <si>
    <t>8フクロイリ</t>
  </si>
  <si>
    <t>ブレンディ　スペシャルテイスト</t>
  </si>
  <si>
    <t>マキシムレギュラーコーヒーマスターおすすめのスペシャルブレンド</t>
  </si>
  <si>
    <t>ART3コロンビアオーガニック粉</t>
  </si>
  <si>
    <t>ART5スタンダードブレンド粉</t>
  </si>
  <si>
    <t>ART7ブラジルイパネマ農園</t>
  </si>
  <si>
    <t>オリジナルＢ　ＳＡＰ</t>
  </si>
  <si>
    <t>スイートブレンド</t>
  </si>
  <si>
    <t>Ｇスペシャルアイスコーヒー</t>
  </si>
  <si>
    <t>珈琲鑑定士ブレンド</t>
  </si>
  <si>
    <t>ゴールドスペシャル　香りの頂　濃香プレミアム</t>
  </si>
  <si>
    <t>ゴールドスペシャル　香りの頂　華やぐプレミアム</t>
  </si>
  <si>
    <t>職人の珈琲　深炒りアイスコーヒー</t>
  </si>
  <si>
    <t>ＧＳ香りの頂濃香コクのプレミアム</t>
  </si>
  <si>
    <t>ＧＳ香りの頂芳醇まろやかプレミアム</t>
  </si>
  <si>
    <t>ローストＭマイルドブラックＳＡＰ</t>
  </si>
  <si>
    <t>ローストＭリッチラテ　ＳＡＰ</t>
  </si>
  <si>
    <t>ゴールドスペシャルカフェインレスコーヒー</t>
  </si>
  <si>
    <t>ＧＳＰフローラルダンス粉</t>
  </si>
  <si>
    <t>GSPフルーティ粉</t>
  </si>
  <si>
    <t>GSPナッツビート粉</t>
  </si>
  <si>
    <t>ＧＳＰチョコレートムード粉</t>
  </si>
  <si>
    <t>ゴールドスペシャル水出しアイスコーヒー</t>
  </si>
  <si>
    <t>ゴールドスペシャルスペシャルブレンド</t>
  </si>
  <si>
    <t>ゴールドスペシャルリッチブレンド</t>
  </si>
  <si>
    <t>ゴールドスペシャルまろやかブレンド</t>
  </si>
  <si>
    <t>ゴールドスペシャルコクのブレンド</t>
  </si>
  <si>
    <t>ゴールドスペシャルアイスコーヒー</t>
  </si>
  <si>
    <t>ゴールドスペシャルプレミアムベリーフルーティ</t>
  </si>
  <si>
    <t>ゴールドスペシャルプレミアムローステッドナッツ</t>
  </si>
  <si>
    <t>ゴールドスペシャルプレミアムディープカカオ</t>
  </si>
  <si>
    <t>ゴールドスペシャルプレミアムメロウキャラメル</t>
  </si>
  <si>
    <t>ラバッツァ　クオリタ・オロ　　　缶</t>
  </si>
  <si>
    <t>ブルーマイスター澄みわたる香り</t>
  </si>
  <si>
    <t>ブルーマイスター</t>
  </si>
  <si>
    <t>マイルドダークＶＰ</t>
  </si>
  <si>
    <t>京都イノダコーヒーオリジナルブレンド</t>
  </si>
  <si>
    <t>京都イノダコーヒーモカブレンド</t>
  </si>
  <si>
    <t>京都イノダコーヒ有機珈琲ブレンド</t>
  </si>
  <si>
    <t>FPグランドテイストコク深いリッチブレンド</t>
  </si>
  <si>
    <t>FPグランドテイスト甘い香りのモカブレンド</t>
  </si>
  <si>
    <t>FPグランドテイストやさしい余韻のマイルドブレンド</t>
  </si>
  <si>
    <t>DOORS+スペシャルブレンド</t>
  </si>
  <si>
    <t>DOORS+モカブレンド</t>
  </si>
  <si>
    <t>イリーブレンドドリップ用粉クラシコ</t>
  </si>
  <si>
    <t>イリーブレンドドリップ用粉インテンソ</t>
  </si>
  <si>
    <t>モカ　　　カン</t>
  </si>
  <si>
    <t>キリマンジャロ　缶</t>
  </si>
  <si>
    <t>モカブレンド　ＳＣ缶</t>
  </si>
  <si>
    <t>キリマン　ブレンド２００カン</t>
  </si>
  <si>
    <t>スペシャルブレンド　ＳＣ缶</t>
  </si>
  <si>
    <t>缶スペシャルブレンド</t>
  </si>
  <si>
    <t>缶モカブレンド</t>
  </si>
  <si>
    <t>AF100年への集大成香りブレンド</t>
  </si>
  <si>
    <t>AF100年への集大成コクを極めた</t>
  </si>
  <si>
    <t>ＥＸ－ＣＡＦＥアイスコーヒー</t>
  </si>
  <si>
    <t>ユーコーヒー有機栽培珈琲</t>
  </si>
  <si>
    <t>スターバックスコーヒーハウスブレンド</t>
  </si>
  <si>
    <t>スターバックスコーヒーｺｰﾋｰﾃﾝベロナ</t>
  </si>
  <si>
    <t>スターバックスパイクプレイスロースト</t>
  </si>
  <si>
    <t>スターバックスディコーヒーテンハウスブレンド</t>
  </si>
  <si>
    <t>スターバックスレギュラーコーヒースプリングブレンド</t>
  </si>
  <si>
    <t>スターバックスアイスアメリカーノドルチェグスト専用カプセル</t>
  </si>
  <si>
    <t>スターバックスコーヒーコロンビア</t>
  </si>
  <si>
    <t>ネスカフェ香味焙煎ひとときの贅沢</t>
  </si>
  <si>
    <t>ネスカフェNGBコク深めスティックブラック</t>
  </si>
  <si>
    <t>ネスカフェゴールドブレンドスティックブラック</t>
  </si>
  <si>
    <t>ﾆﾎﾝﾋﾙｽｺｰﾋｰ</t>
  </si>
  <si>
    <t>ハーモニアスブラジルブレンド</t>
  </si>
  <si>
    <t>ハーモニアス_バリアラビカブレンド</t>
  </si>
  <si>
    <t>ナイトカフェインレスコーヒー</t>
  </si>
  <si>
    <t>ハーモニアス　アンデスブレンド</t>
  </si>
  <si>
    <t>ヒルス　ハーモニアス　マチュピチュＡＰ　１７０ｇ</t>
  </si>
  <si>
    <t>ハーモニアスモカベレテ・ケラブレンド</t>
  </si>
  <si>
    <t>ハーモニアスホンジュラスウーマンズコーヒーブレンド</t>
  </si>
  <si>
    <t>ハーモニーアスコスタリカジャガーハニーブレンド</t>
  </si>
  <si>
    <t>ハーモニアスブルーマウンテンブレンド</t>
  </si>
  <si>
    <t>ハーモニアスゲイシャSHBブレンド</t>
  </si>
  <si>
    <t>ＲＣ　アイスコーヒー</t>
  </si>
  <si>
    <t>水出し珈琲袋</t>
  </si>
  <si>
    <t>チモトコーヒー</t>
  </si>
  <si>
    <t>ﾁﾓﾄｺ-ﾋ-</t>
  </si>
  <si>
    <t>成城石井__コロンビアクリストバル__２００ｇ</t>
  </si>
  <si>
    <t>成城石井__フレンチロースト</t>
  </si>
  <si>
    <t>成城石井__スペシャルブレンド</t>
  </si>
  <si>
    <t>成城石井　プレミアムマイルドブレンド（粉)__２００ｇ</t>
  </si>
  <si>
    <t>成城石井　プレミアムビター（粉)_２００ｇ</t>
  </si>
  <si>
    <t>新豆珈琲グアテマラサンタロサ</t>
  </si>
  <si>
    <t>新豆珈琲　スペシャルブレンド</t>
  </si>
  <si>
    <t>新豆珈琲スペシャルブレンド</t>
  </si>
  <si>
    <t>新豆珈琲コロンビアナリーニョ</t>
  </si>
  <si>
    <t>水出しコーヒー</t>
  </si>
  <si>
    <t>有機珈琲オリジナルブレンド</t>
  </si>
  <si>
    <t>フェアトレードモカブレンド</t>
  </si>
  <si>
    <t>有機珈琲バードフレンドリーブレンド</t>
  </si>
  <si>
    <t>有機珈琲オリジナルブレンド粉</t>
  </si>
  <si>
    <t>有機珈琲フェアトレードモカブレンド粉</t>
  </si>
  <si>
    <t>冬珈琲</t>
  </si>
  <si>
    <t>春珈琲　ＲＣ粉</t>
  </si>
  <si>
    <t>春珈琲粉</t>
  </si>
  <si>
    <t>プレミアムブラック</t>
  </si>
  <si>
    <t>ロースターズブレンド　粉</t>
  </si>
  <si>
    <t>コーヒーショップ</t>
  </si>
  <si>
    <t>ブルーマウンテンブレンド　粉</t>
  </si>
  <si>
    <t>カフェインレスブレンド　粉</t>
  </si>
  <si>
    <t>スペシャルティコーヒー　００２</t>
  </si>
  <si>
    <t>スペシャルティコーヒー　００９</t>
  </si>
  <si>
    <t>スペシャルティコーヒー002</t>
  </si>
  <si>
    <t>コーヒーショップブレンドDC</t>
  </si>
  <si>
    <t>炭焼コーヒー</t>
  </si>
  <si>
    <t>ＲＣヨーロピアンブレンド</t>
  </si>
  <si>
    <t>ＲＣアメリカンブレンド</t>
  </si>
  <si>
    <t>ＦＡＵＣＨＯＮ　レギュラー</t>
  </si>
  <si>
    <t>キャラバンまろやかなブラジル</t>
  </si>
  <si>
    <t>キャラバン香り立つモカ</t>
  </si>
  <si>
    <t>キャラバン爽やかなグアテマラ</t>
  </si>
  <si>
    <t>有機栽培ブラジルイビポラ農園</t>
  </si>
  <si>
    <t>ゴールデンキャメル</t>
  </si>
  <si>
    <t>元町ブレンド</t>
  </si>
  <si>
    <t>ミカドヤブレンド</t>
  </si>
  <si>
    <t>大阪鶴橋スペシャルブレンド</t>
  </si>
  <si>
    <t>関西ブレンド</t>
  </si>
  <si>
    <t>金のブレンド粉</t>
  </si>
  <si>
    <t>金のブレンドコーヒー</t>
  </si>
  <si>
    <t>吟煎マンデリンブレンド</t>
  </si>
  <si>
    <t>MMC</t>
  </si>
  <si>
    <t>味わいブレンド</t>
  </si>
  <si>
    <t>こだわり珈琲マイルド</t>
  </si>
  <si>
    <t>こだわり珈琲ヨーロピアン</t>
  </si>
  <si>
    <t>こだわり珈琲炭焼</t>
  </si>
  <si>
    <t>手造りコーヒー中煎タイプ</t>
  </si>
  <si>
    <t>手造りコーヒー深煎タイプ</t>
  </si>
  <si>
    <t>レギュラーコーヒー6時のめざめ</t>
  </si>
  <si>
    <t>レギュラーコーヒー9時のはじまり</t>
  </si>
  <si>
    <t>レギュラーコーヒー12時のきりかえ</t>
  </si>
  <si>
    <t>レギュラーコーヒー3時のまどろみ</t>
  </si>
  <si>
    <t>レギュラーコーヒー10時のもうひといき</t>
  </si>
  <si>
    <t>キリマンブレンド</t>
  </si>
  <si>
    <t>イリィエスプレッソノーマルロースト粉缶</t>
  </si>
  <si>
    <t>イリィ　エスプレッソ　ダークロースト粉　缶</t>
  </si>
  <si>
    <t>イリィミディアムローストロースト</t>
  </si>
  <si>
    <t>イリィ　フィルター粉　ミディアムロースト</t>
  </si>
  <si>
    <t>２０１~３００ｇ</t>
  </si>
  <si>
    <t>カフェヴィーンズベトナム3IN1カフェラテ</t>
  </si>
  <si>
    <t>ｳﾞｨｰｼﾞｪｲﾌﾞ</t>
  </si>
  <si>
    <t>贅沢な珈琲スペシャルブレンド</t>
  </si>
  <si>
    <t>贅沢な珈琲キリマンジャロブレ</t>
  </si>
  <si>
    <t>贅沢な珈琲華やかな香りブレンド</t>
  </si>
  <si>
    <t>ＡＧＦコクのスペシャルＢ</t>
  </si>
  <si>
    <t>ＡＧＦやわらかブレンド</t>
  </si>
  <si>
    <t>ブレンディＲＣ香ばしキリマン</t>
  </si>
  <si>
    <t>マキシムＲＣマスタースペシ</t>
  </si>
  <si>
    <t>マキシムＲＣマスターモカ</t>
  </si>
  <si>
    <t>ちょっと贅沢な珈琲店モカ</t>
  </si>
  <si>
    <t>ブレンディコクのスペシャル</t>
  </si>
  <si>
    <t>ブレンディやわらか香り</t>
  </si>
  <si>
    <t>マキシムレギュラーちょっと贅沢スペシャルブレンド</t>
  </si>
  <si>
    <t>マキシムレギュラーちょっと贅沢華やかな香りのブレンド</t>
  </si>
  <si>
    <t>マキシムレギュラーちょっと贅沢キリマンジャロブレンド</t>
  </si>
  <si>
    <t>マキシムレギュラーちょっと贅沢モカブレンド</t>
  </si>
  <si>
    <t>ﾌﾞﾚﾝﾃﾞｨRC_豆の焙煎士ｴｽﾌﾟﾚｯｿﾛｰｽﾄ360ｇ</t>
  </si>
  <si>
    <t>ちょっと贅沢な珈琲店ウインターブレンド</t>
  </si>
  <si>
    <t>マキシム贅沢な珈琲店スペシャル</t>
  </si>
  <si>
    <t>マキシムマスターおすすめモカＢ</t>
  </si>
  <si>
    <t>マキシムレギュラーマスターおすすめのキリマンジャロブレンド</t>
  </si>
  <si>
    <t>マキシム贅沢な珈琲店モカブレンド</t>
  </si>
  <si>
    <t>マキシムマスタースペシャルＢ</t>
  </si>
  <si>
    <t>ちょっと贅沢な珈琲店レギュラーコーヒースペシャルブレンド</t>
  </si>
  <si>
    <t>ちょっと贅沢な珈琲店レギュラーコーヒーモカブレンド</t>
  </si>
  <si>
    <t>ちょっと贅沢な珈琲店レギュラーコーヒーキリマンジャロ</t>
  </si>
  <si>
    <t>マキシムマスターおすすめのスペシャルブレンド</t>
  </si>
  <si>
    <t>マキシムマスターおすすめのモカブレンド</t>
  </si>
  <si>
    <t>マキシムマスターおすすめのキリマン</t>
  </si>
  <si>
    <t>ちょっと贅沢な珈琲店九州まろやかブレンド</t>
  </si>
  <si>
    <t>ＡＧＦ　ちょっと贅沢　東北コクゆたかB300ｇ</t>
  </si>
  <si>
    <t>ちょっと贅沢な珈琲店レギュラーコーヒーブラジル最上級</t>
  </si>
  <si>
    <t>ちょっと贅沢な珈琲店レギュラーコーヒースペシャル・ブレンド</t>
  </si>
  <si>
    <t>ちょっと贅沢な珈琲店レギュラーコーヒー甘く華やかな香りブレンド</t>
  </si>
  <si>
    <t>贅沢ＲＣ華やかに香る冬のブレンド</t>
  </si>
  <si>
    <t>ちょっと贅沢な珈琲店レギュラーコーヒーキリマンジャロ・ブレンド</t>
  </si>
  <si>
    <t>ちょっと贅沢な珈琲店RCモカ</t>
  </si>
  <si>
    <t>職人のアイスコーヒー</t>
  </si>
  <si>
    <t>職人スペシャルブレンド</t>
  </si>
  <si>
    <t>職人モカブレンド</t>
  </si>
  <si>
    <t>職人マイルドブレンド</t>
  </si>
  <si>
    <t>職人の珈琲アイスコーヒー</t>
  </si>
  <si>
    <t>職人まろやかマイルド</t>
  </si>
  <si>
    <t>職人あまい香りのモカブレンド</t>
  </si>
  <si>
    <t>職人コクスペシャル</t>
  </si>
  <si>
    <t>職人の珈琲有機栽培</t>
  </si>
  <si>
    <t>職人ハウスブレンド</t>
  </si>
  <si>
    <t>職人の珈琲まろやかマイルド</t>
  </si>
  <si>
    <t>職人の珈琲あまいモカ</t>
  </si>
  <si>
    <t>職人の珈琲深いコクスペシャル</t>
  </si>
  <si>
    <t>職人ｽﾍﾟｼｬﾙﾌﾞﾚﾝﾄﾞﾍﾟｱﾊﾟｯｸ</t>
  </si>
  <si>
    <t>職人モカﾌﾞﾚﾝﾄﾞﾍﾟｱﾊﾟｯｸ</t>
  </si>
  <si>
    <t>職人の珈琲マイルドブレンド増量</t>
  </si>
  <si>
    <t>300g＋30g</t>
  </si>
  <si>
    <t>職人の珈琲スペシャルブレンド増量</t>
  </si>
  <si>
    <t>職人の珈琲モカブレンド増量</t>
  </si>
  <si>
    <t>ゴールドスペシャルモカブレンド</t>
  </si>
  <si>
    <t>ゴールドスペシャルキリマンジァロブレンド</t>
  </si>
  <si>
    <t>ゴールドスペシャルキリマンジァロ</t>
  </si>
  <si>
    <t>職人の珈琲ビターな味わいのクラシックブレンド</t>
  </si>
  <si>
    <t>グランドテイスト季節限定ブレンド</t>
  </si>
  <si>
    <t>グランドテイストコク深いリッチブレンド</t>
  </si>
  <si>
    <t>グランドテイストまろやかなマイルドブレンド</t>
  </si>
  <si>
    <t>ｸﾞﾗﾝﾄﾞﾃｲｽﾄ　コク深い</t>
  </si>
  <si>
    <t>ｸﾞﾗﾝﾄﾞﾃｲｽﾄ　ﾏｲﾙﾄﾞブレンド</t>
  </si>
  <si>
    <t>ｸﾞﾗﾝﾄﾞﾃｲｽﾄ　ﾓｶブレンド</t>
  </si>
  <si>
    <t>ｸﾞﾗﾝﾄﾞﾃｲｽﾄ_ｱｲｽｺｰﾋｰ</t>
  </si>
  <si>
    <t>KEYｺｰﾋｰ　FPｸﾞﾗﾝﾄﾞﾃｲｽﾄｱｲｽｺｰﾋｰ320G</t>
  </si>
  <si>
    <t>ＲＯＯＴＳアーバンリッチフ</t>
  </si>
  <si>
    <t>ＦＰルーツモーニングリッチ</t>
  </si>
  <si>
    <t>Ｇローストアイスコーヒー</t>
  </si>
  <si>
    <t>アロマブラック</t>
  </si>
  <si>
    <t>アロマレボリュート</t>
  </si>
  <si>
    <t>Rootsアロマブラック香ばしい味わい</t>
  </si>
  <si>
    <t>グランドテイスト濃厚なビターブレンド</t>
  </si>
  <si>
    <t>アイスコーヒーFP</t>
  </si>
  <si>
    <t>グランドテイスト香り豊かなマイルドブレンド</t>
  </si>
  <si>
    <t>FPグランドテイストコク深いリッチブレン</t>
  </si>
  <si>
    <t>ＦＰグランドテイスト甘い香りのモカブレンド</t>
  </si>
  <si>
    <t>ＦＰグランドテイスト濃厚なビターブレンド</t>
  </si>
  <si>
    <t>FPグランドテイスト季節限定ブレンド</t>
  </si>
  <si>
    <t>スペシヤルブレンド</t>
  </si>
  <si>
    <t>缶モーニングブレンド</t>
  </si>
  <si>
    <t>モカブレンド缶</t>
  </si>
  <si>
    <t>ジュエルスイートカフェコロンビア</t>
  </si>
  <si>
    <t>ジュエルスイートカフェマンデリン</t>
  </si>
  <si>
    <t>ジュエルスイートカフェモカシダモ</t>
  </si>
  <si>
    <t>ベストセレクトブルマンＢＬ</t>
  </si>
  <si>
    <t>センチュリーＲスペシャルＢＬ</t>
  </si>
  <si>
    <t>センチュリーＲ豊かな香りＢＬ</t>
  </si>
  <si>
    <t>専門店の珈琲_スペシャルブレンド</t>
  </si>
  <si>
    <t>専門店の珈琲_コクと香りのブレンド</t>
  </si>
  <si>
    <t>センチュリーローストスペシャルブレンド</t>
  </si>
  <si>
    <t>センチュリーローストモカブレンド</t>
  </si>
  <si>
    <t>センチュリーローストキリマンジャロ</t>
  </si>
  <si>
    <t>ﾌﾞﾙｰﾏｳﾝﾃﾝﾌﾞﾚﾝﾄﾞ</t>
  </si>
  <si>
    <t>ブレンドレッド缶</t>
  </si>
  <si>
    <t>368g</t>
  </si>
  <si>
    <t>ブラックがおいしいブレンド　ＡＰ</t>
  </si>
  <si>
    <t>ブレンドゴールド缶</t>
  </si>
  <si>
    <t>283ｇ</t>
  </si>
  <si>
    <t>スペシャルホリディブレンド缶</t>
  </si>
  <si>
    <t>モダンタイムス　テイスティーB　マイルド</t>
  </si>
  <si>
    <t>モダンタイムス　テイスティーB　リッチ</t>
  </si>
  <si>
    <t>ヒルス　メジャー　ＤＡＢ香りとコク　２５０ｇ</t>
  </si>
  <si>
    <t>ヒルス　メジャーＤＡＢ華やかな香り　２５０ｇ</t>
  </si>
  <si>
    <t>アメリカンテイストスペシャルブレンド</t>
  </si>
  <si>
    <t>ＲＣホテル＆レストラン</t>
  </si>
  <si>
    <t>ＲＣベーシックブレンド</t>
  </si>
  <si>
    <t>ＲＣ_オリジナルブレンド</t>
  </si>
  <si>
    <t>ＲＣ_マイルドブレンド</t>
  </si>
  <si>
    <t>ジャーマンシティブレンド</t>
  </si>
  <si>
    <t>ﾁﾓﾄ</t>
  </si>
  <si>
    <t>ロイヤルミディアムブレンド</t>
  </si>
  <si>
    <t>炭焼焙煎</t>
  </si>
  <si>
    <t>石焼仕上げレギュラー</t>
  </si>
  <si>
    <t>低温じっくり焙煎スペシャルブレンドAP粉</t>
  </si>
  <si>
    <t>低温じっくり焙煎ゴールデンブレンドAP粉</t>
  </si>
  <si>
    <t>低温じっくり焙煎モカブレンドAP粉</t>
  </si>
  <si>
    <t>カオリコーヒー</t>
  </si>
  <si>
    <t>カオリオーガニックコーヒー</t>
  </si>
  <si>
    <t>ＲＣスペシャルブレンド</t>
  </si>
  <si>
    <t>ＲＣマイルドブレンド</t>
  </si>
  <si>
    <t>ＲＣほろにが</t>
  </si>
  <si>
    <t>Calm</t>
  </si>
  <si>
    <t>ＲＣまろやか</t>
  </si>
  <si>
    <t>ハマヤ珈琲専門店用スペシャルブレンド</t>
  </si>
  <si>
    <t>ハマヤ珈琲専門店モカブレンド</t>
  </si>
  <si>
    <t>珈琲専門店用オリジナルブレンド</t>
  </si>
  <si>
    <t>ゴールドテイスト香り高いまろやかブレンド</t>
  </si>
  <si>
    <t>ゴールドテイストさわやかブレンド</t>
  </si>
  <si>
    <t>ﾎｰﾑｶﾌｪ_ﾚｷﾞｭﾗｰｺｰﾋｰ_ﾓｶﾌﾞﾚﾝﾄﾞ</t>
  </si>
  <si>
    <t>ﾎｰﾑｶﾌｪ_ﾚｷﾞｭﾗｰｺｰﾋｰ_ｵﾘｼﾞﾅﾙﾌﾞﾚﾝﾄﾞ</t>
  </si>
  <si>
    <t>藤田珈琲味わいブレンド中煎りコーヒー袋300ｇ</t>
  </si>
  <si>
    <t>藤田珈琲味わいブレンド深煎りコーヒー300ｇ</t>
  </si>
  <si>
    <t>レギュラーコーヒースペシャルブレンド</t>
  </si>
  <si>
    <t>レギュラーコーヒーモカブレンド</t>
  </si>
  <si>
    <t>レギュラーコーヒーリッチブレンド</t>
  </si>
  <si>
    <t>３０１ｇ~</t>
  </si>
  <si>
    <t>UCCコーヒーコク深い味わい</t>
  </si>
  <si>
    <t>UCCコーヒー芳醇な味わい</t>
  </si>
  <si>
    <t>レギュラー珈琲・深入り</t>
  </si>
  <si>
    <t>レギュラー珈琲・中煎り</t>
  </si>
  <si>
    <t>大吟醸珈琲　スペシャルブランド</t>
  </si>
  <si>
    <t>大吟醸珈琲　スペシャルブレンド</t>
  </si>
  <si>
    <t>マイルドブレンドレギュラコーヒー</t>
  </si>
  <si>
    <t>グルメコーヒー倶楽部</t>
  </si>
  <si>
    <t>ｸﾞﾙﾒｺｰﾋｰ</t>
  </si>
  <si>
    <t>ファゼンダ</t>
  </si>
  <si>
    <t>マキシムＲＣスペシャルＢセット</t>
  </si>
  <si>
    <t>コクのスペシャルブレンド</t>
  </si>
  <si>
    <t>ブレンディＲＣキリマンＢ</t>
  </si>
  <si>
    <t>ブレンディＲＣモカブレンド</t>
  </si>
  <si>
    <t>ブレンまろやかキリマンＢ</t>
  </si>
  <si>
    <t>ブレンデまろＳＰブレンド</t>
  </si>
  <si>
    <t>ブレンまろやか香りＢ</t>
  </si>
  <si>
    <t>まろやかな香りブレンド</t>
  </si>
  <si>
    <t>ブレンディＲＣやわらかな香りＢ</t>
  </si>
  <si>
    <t>ブレンディレギュラーまろやかスペシャルブレンド</t>
  </si>
  <si>
    <t>ブレンディレギュラーまろやかモカブレンド</t>
  </si>
  <si>
    <t>ブレンディレギュラーまろやかキリマンジャロブレンド</t>
  </si>
  <si>
    <t>ﾌﾞﾚﾝﾃﾞｨRC_豆の焙煎士ｽﾍﾟｼｬﾙﾌﾞﾚﾝﾄﾞ400g</t>
  </si>
  <si>
    <t>ﾌﾞﾚﾝﾃﾞｨRC_豆の選定士ﾓｶﾌﾞﾚﾝﾄﾞ400g</t>
  </si>
  <si>
    <t>ｷﾘﾏﾝｼﾞｬﾛﾌﾞﾚﾝﾄﾞ_400</t>
  </si>
  <si>
    <t>ブレンディレギュラーコーヒーまろやかスペシャルブレンド</t>
  </si>
  <si>
    <t>ブレンディレギュラーコーヒーまろやかモカブレンド</t>
  </si>
  <si>
    <t>ゴールドスペシャルＡＰ粉</t>
  </si>
  <si>
    <t>マイルドモカブレンドＳＡＳ</t>
  </si>
  <si>
    <t>スペシャルブレンドＳＡＳ</t>
  </si>
  <si>
    <t>職人の珈琲マイルドブレンドＳＡＰ</t>
  </si>
  <si>
    <t>職人の珈琲スペシャルＳＡＰ</t>
  </si>
  <si>
    <t>職人の珈琲モカブレンド</t>
  </si>
  <si>
    <t>ゴールドスペシャルモカブレン</t>
  </si>
  <si>
    <t>ゴールドスペシャルキリマンＢ</t>
  </si>
  <si>
    <t>ゴールドスペシャルＡＰ</t>
  </si>
  <si>
    <t>ゴールドスペシャルリッ</t>
  </si>
  <si>
    <t>ゴールドスペシャルキリマンジャロＢ</t>
  </si>
  <si>
    <t>ＧスペシャルモカＢ</t>
  </si>
  <si>
    <t>ゴールドスペシャルキリマンジャロ</t>
  </si>
  <si>
    <t>ゴールドスペシャル</t>
  </si>
  <si>
    <t>ゴールドスペシャルリッチ</t>
  </si>
  <si>
    <t>UCCﾛｰｽﾄMﾄﾞﾘｯﾌﾟﾏｲﾙﾄﾞﾌﾞﾗｸ</t>
  </si>
  <si>
    <t>8G*8</t>
  </si>
  <si>
    <t>UCCﾛｰｽﾄMﾄﾞﾘｯﾌﾟ珈琲ﾘｯﾁﾗﾃ</t>
  </si>
  <si>
    <t>喫茶店のスペシャルブレンド</t>
  </si>
  <si>
    <t>ＦＰグランドローストコク深く香りたつＢ</t>
  </si>
  <si>
    <t>ＦＰグランドロースト_コク深く香りたつブレンド</t>
  </si>
  <si>
    <t>ＦＰグランドロースト　　まろやかで香りたつブレンド</t>
  </si>
  <si>
    <t>グランドテイスト_ｺｸ深いﾌﾞﾚﾝﾄﾞ</t>
  </si>
  <si>
    <t>グランドテイスト_まろやかなマイルドブレンド</t>
  </si>
  <si>
    <t>グランドティスト_甘い香りのモカブレンド</t>
  </si>
  <si>
    <t>コク深く香り立つブレンド</t>
  </si>
  <si>
    <t>まろやかで香り立つブレント</t>
  </si>
  <si>
    <t>ＲＯＯＴＳアーバンリッチブレンド</t>
  </si>
  <si>
    <t>ＲＯＯＴＳマイルドモカブレンド</t>
  </si>
  <si>
    <t>ＦＰルーツモーニングリッチブレンド</t>
  </si>
  <si>
    <t>レギュラーコーヒーオリジナル</t>
  </si>
  <si>
    <t>備長炭火焼スペシャルブレンド</t>
  </si>
  <si>
    <t>シティローストスペシャルＢ</t>
  </si>
  <si>
    <t>シティローストキリマンジャロＢ</t>
  </si>
  <si>
    <t>シティーローストキリマン</t>
  </si>
  <si>
    <t>シティローストマイルドＤ</t>
  </si>
  <si>
    <t>ベストセレクトオリジナルＢＬ</t>
  </si>
  <si>
    <t>マイスターロースト豊かな香りのブレンド</t>
  </si>
  <si>
    <t>ﾕ-ｺ-ﾋ-</t>
  </si>
  <si>
    <t>シティーローストスペシャルブレンド</t>
  </si>
  <si>
    <t>シティーローストキリマンジャロブレンド</t>
  </si>
  <si>
    <t>シティーローストモカブレンド</t>
  </si>
  <si>
    <t>ベストセレクトオリジナルブレンド</t>
  </si>
  <si>
    <t>贅沢粗挽スペシャルブレンド</t>
  </si>
  <si>
    <t>贅沢荒挽珈琲ﾓｶﾌﾞﾚﾝﾄﾞ</t>
  </si>
  <si>
    <t>贅沢粗挽珈琲スペシャルブレンド</t>
  </si>
  <si>
    <t>贅沢粗挽珈琲リッチブレンド</t>
  </si>
  <si>
    <t>シティーローストリッチブレンド</t>
  </si>
  <si>
    <t>オトコノレギュラーコーヒー</t>
  </si>
  <si>
    <t>ヒルスモカブレンド</t>
  </si>
  <si>
    <t>ヒルススペシャルブレンド</t>
  </si>
  <si>
    <t>ヒルスマイルドブレンドＡＰ</t>
  </si>
  <si>
    <t>ヒルスリッチブレンドＡＰ</t>
  </si>
  <si>
    <t>ﾌﾞﾚﾝﾄﾞﾚｯﾄﾞ　缶</t>
  </si>
  <si>
    <t>29oz</t>
  </si>
  <si>
    <t>ｴｷｽﾄﾗﾌﾞﾚﾝﾄﾞ　缶</t>
  </si>
  <si>
    <t>ﾆﾎﾝﾋﾙｽｺ-ﾋ-</t>
  </si>
  <si>
    <t>ヒルスコロンビアブレンド</t>
  </si>
  <si>
    <t>453g</t>
  </si>
  <si>
    <t>マイルドブレンドAP</t>
  </si>
  <si>
    <t>リッチブレンドAP</t>
  </si>
  <si>
    <t>ヨーロピアンブレンド</t>
  </si>
  <si>
    <t>822ｇ</t>
  </si>
  <si>
    <t>スーパーマイルド</t>
  </si>
  <si>
    <t>ヒルスリッチブレンド</t>
  </si>
  <si>
    <t>ベーシックブレンド　　　　</t>
  </si>
  <si>
    <t>アーミーグリーンＲＣ</t>
  </si>
  <si>
    <t>1.13kg</t>
  </si>
  <si>
    <t>オリジナル　Ｎｏ．１</t>
  </si>
  <si>
    <t>モカブレンド　Ｎｏ．１</t>
  </si>
  <si>
    <t>スペシャルオリジナルブレンド</t>
  </si>
  <si>
    <t>スペシャルマイルドブレンド</t>
  </si>
  <si>
    <t>ダークローストＢ粉　袋</t>
  </si>
  <si>
    <t>スイートモカＢ　粉　袋</t>
  </si>
  <si>
    <t>アーミーグリーン</t>
  </si>
  <si>
    <t>907g</t>
  </si>
  <si>
    <t>ベーシックブレンド袋</t>
  </si>
  <si>
    <t>ホテル＆レストランブレンド</t>
  </si>
  <si>
    <t>特選モカブレンド</t>
  </si>
  <si>
    <t>ダートコーヒー</t>
  </si>
  <si>
    <t>ﾀﾞｰﾄ</t>
  </si>
  <si>
    <t>特選キリマンブレンド</t>
  </si>
  <si>
    <t>手仕事ほろにがブレンド</t>
  </si>
  <si>
    <t>ワールド珈琲商会</t>
  </si>
  <si>
    <t>ﾜｰﾙﾄﾞ</t>
  </si>
  <si>
    <t>手仕事まろやかブレンド</t>
  </si>
  <si>
    <t>ユニカフェスペシャルブレンド</t>
  </si>
  <si>
    <t>ユニカフェマイルドブレンド</t>
  </si>
  <si>
    <t>ｳﾆｶﾌｪ</t>
  </si>
  <si>
    <t>TACR</t>
  </si>
  <si>
    <t>ブレンドオリジナル</t>
  </si>
  <si>
    <t>ブレンド３マイルドブラック</t>
  </si>
  <si>
    <t>ＲＣモカブレンド</t>
  </si>
  <si>
    <t>ヨーロピアンコーヒー</t>
  </si>
  <si>
    <t>ザ・キリマンブレンド</t>
  </si>
  <si>
    <t>ザ・スペシャルブレンド</t>
  </si>
  <si>
    <t>ザ・モカブレンド</t>
  </si>
  <si>
    <t>レギュラーコムモカＢ</t>
  </si>
  <si>
    <t>レギュラーコムマイルドＢ</t>
  </si>
  <si>
    <t>珈琲専門店用マイルドブレンド</t>
  </si>
  <si>
    <t>珈琲専門店用スペシャルブレンド</t>
  </si>
  <si>
    <t>珈琲専門店オリジナルブレンド</t>
  </si>
  <si>
    <t>レギュラーコーヒーマイルドブレンド</t>
  </si>
  <si>
    <t>ﾊﾏﾔｺｰﾋｰ</t>
  </si>
  <si>
    <t>職人芸珈琲　マイルドブレンド</t>
  </si>
  <si>
    <t>職人芸珈琲　オリジナルブレンド</t>
  </si>
  <si>
    <t>職人芸珈琲マイルドブレンド</t>
  </si>
  <si>
    <t>職人芸珈琲オリジナルブレンド</t>
  </si>
  <si>
    <t>職人芸マイルドブレンド</t>
  </si>
  <si>
    <t>職人芸オリジナルブレンド</t>
  </si>
  <si>
    <t>オリジナルブレンド_中煎り</t>
  </si>
  <si>
    <t>オリジナルブレンド深煎り</t>
  </si>
  <si>
    <t>ブレンドコーヒースペシャル</t>
  </si>
  <si>
    <t>ブレンドコーヒーモカ</t>
  </si>
  <si>
    <t>ブレンドコーヒーキリマンジャロ</t>
  </si>
  <si>
    <t>ブレンドコーヒーリッチ</t>
  </si>
  <si>
    <t>ﾌﾞｼﾞﾀｺｰﾋｰ</t>
  </si>
  <si>
    <t>ワールドコーヒー商会</t>
  </si>
  <si>
    <t>ﾜｰﾙﾄﾞｺｰﾋｰ</t>
  </si>
  <si>
    <t>カフェ　ピロン</t>
  </si>
  <si>
    <t>RC豆</t>
  </si>
  <si>
    <t>バニラマカダミア</t>
  </si>
  <si>
    <t>ｼｰｴﾌｼｰｼﾞｬﾊ</t>
  </si>
  <si>
    <t>チョコマカダミア</t>
  </si>
  <si>
    <t>バタースコッチ</t>
  </si>
  <si>
    <t>世界の珈琲農園んからコスタリカ</t>
  </si>
  <si>
    <t>カフェインレス珈琲</t>
  </si>
  <si>
    <t>世界の農園からロイヤルエスプレッソ</t>
  </si>
  <si>
    <t>ハウスブレンド豆</t>
  </si>
  <si>
    <t>中深煎りマイルド豆</t>
  </si>
  <si>
    <t>ブラジルピーベリー中深煎り豆</t>
  </si>
  <si>
    <t>ちょっと贅沢な珈琲店14+2袋</t>
  </si>
  <si>
    <t>16袋入</t>
  </si>
  <si>
    <t>森彦の時間豆森彦ブレンド</t>
  </si>
  <si>
    <t>森彦の時間豆マイルドブレンド</t>
  </si>
  <si>
    <t>炒り豆ゴールドスペシャル</t>
  </si>
  <si>
    <t>炒り豆ゴールドＳＰモカブレンド</t>
  </si>
  <si>
    <t>炒り豆ゴールドモカブレンド</t>
  </si>
  <si>
    <t>ﾊﾜｲｺﾅ（豆）</t>
  </si>
  <si>
    <t>ﾏﾝﾃﾞﾘﾝ（豆）</t>
  </si>
  <si>
    <t>炒り豆ゴールドスペシャルスペシャルブレンドAP</t>
  </si>
  <si>
    <t>炒り豆ゴールドスペシャルリッチブレンドAP</t>
  </si>
  <si>
    <t>香リ炒リ豆　ロイヤルブレンド</t>
  </si>
  <si>
    <t>香リ炒リ豆モカブレンドＡＰ</t>
  </si>
  <si>
    <t>香リ炒リ豆キリマンジャロブレンド</t>
  </si>
  <si>
    <t>ﾓｶｺｰﾋｰNEW（豆）</t>
  </si>
  <si>
    <t>コスタリカ　ロサマウンテン</t>
  </si>
  <si>
    <t>ガテマラ　ヌエバグラナダ農園　豆</t>
  </si>
  <si>
    <t>ブラジル　ルシアーナ　豆</t>
  </si>
  <si>
    <t>香り炒り豆_ナチュラルハーフカフェインローリナ</t>
  </si>
  <si>
    <t>炒り豆ゴールドスペシャルスペシャルブレンド</t>
  </si>
  <si>
    <t>炒り豆ゴールドスペシャルリッチブレンド</t>
  </si>
  <si>
    <t>ゴールドスペシャル炒り豆スペシャルブレンド</t>
  </si>
  <si>
    <t>ゴールドスペシャル炒り豆リッチブレンド</t>
  </si>
  <si>
    <t>GSP炒り豆フルーティーウェーブ</t>
  </si>
  <si>
    <t>GSP炒り豆ナッツビート</t>
  </si>
  <si>
    <t>GSP炒り豆フローラルダンス</t>
  </si>
  <si>
    <t>GSP炒り豆チョコレートムード</t>
  </si>
  <si>
    <t>ゴールドスペシャルPREMIUMシトラスクリア粉</t>
  </si>
  <si>
    <t>ゴールドスペシャルPREMIUMシトラスクリア炒り豆</t>
  </si>
  <si>
    <t>ゴールドスペシャルプレミアム炒り豆メロウキャラメル</t>
  </si>
  <si>
    <t>ゴールドスペシャルプレミアム炒り豆ベリーフルーティ</t>
  </si>
  <si>
    <t>ゴールドスペシャルプレミアム炒り豆ローステッドナッツ</t>
  </si>
  <si>
    <t>ゴールドスペシャルプレミアム炒り豆ディープカカオ</t>
  </si>
  <si>
    <t>珈琲探求炒り豆ブルーマウンテンブレンド</t>
  </si>
  <si>
    <t>珈琲探求炒り豆コロンビアブレンド</t>
  </si>
  <si>
    <t>珈琲探求炒り豆マンデリンブレンド</t>
  </si>
  <si>
    <t>珈琲探求炒り豆モカブレンド</t>
  </si>
  <si>
    <t>ｵﾘｼﾞﾅﾙﾌﾞﾚﾝﾄﾞﾊﾞﾗﾝｽ＆ﾘｯﾁ（豆）</t>
  </si>
  <si>
    <t>ﾏｲﾙﾄﾞ＆ｽｲｰﾄﾌﾞﾚﾝﾄﾞ（豆）</t>
  </si>
  <si>
    <t>ﾌﾞﾗｼﾞﾙNo.2（豆）</t>
  </si>
  <si>
    <t>ｺﾛﾝﾋﾞｱｽﾌﾟﾚﾓ（豆）</t>
  </si>
  <si>
    <t>ｷﾘﾏﾝｼﾞｬﾛAA（豆）</t>
  </si>
  <si>
    <t>ｶﾞﾃﾏﾗSHB（豆）</t>
  </si>
  <si>
    <t>ｼﾞｬﾊﾞﾛﾌﾞｽﾀ（豆）</t>
  </si>
  <si>
    <t>DOORS+スペシャルブレンドLP</t>
  </si>
  <si>
    <t>DOORS+モカブレンドLP</t>
  </si>
  <si>
    <t>SINCE1920BLENDNo.100豆タイプ</t>
  </si>
  <si>
    <t>豆から楽しむ珈琲時間まろやかLP</t>
  </si>
  <si>
    <t>豆から楽しむ珈琲時間ほろにがLP</t>
  </si>
  <si>
    <t>ＬＰ有機珈琲</t>
  </si>
  <si>
    <t>ＬＰ　パラダイスマウンテンブレンド</t>
  </si>
  <si>
    <t>LPモカブレンド</t>
  </si>
  <si>
    <t>ＬＰ　グァテマラアンティグァ</t>
  </si>
  <si>
    <t>プレミアムステージ　フルーティアロマ</t>
  </si>
  <si>
    <t>プレミアムステージ　有機栽培　ＬＰ　豆</t>
  </si>
  <si>
    <t>ＬＰスペシャルブレンド</t>
  </si>
  <si>
    <t>LPスペシャルブレンド</t>
  </si>
  <si>
    <t>ＬＰモカブレンド</t>
  </si>
  <si>
    <t>ＬＰ有機栽培モカシダモ</t>
  </si>
  <si>
    <t>ＬＰキリマンジェロ</t>
  </si>
  <si>
    <t>ＬＰブルーマウンテンブレンド</t>
  </si>
  <si>
    <t>ＬＰトアルコトラジャ</t>
  </si>
  <si>
    <t>ＬＰ有機栽培珈琲</t>
  </si>
  <si>
    <t>ＬＰ　キリマンジェロブレンド</t>
  </si>
  <si>
    <t>ＬＰモカエチオピア</t>
  </si>
  <si>
    <t>ＬＰキリマンジェロタンザニア</t>
  </si>
  <si>
    <t>ＬＰブルーマウンテン</t>
  </si>
  <si>
    <t>スターバックスアイスコーヒーブレンド</t>
  </si>
  <si>
    <t>成城石井__グァテマラアンティグア__２００ｇ</t>
  </si>
  <si>
    <t>成城石井__キリマンジャロエーデルワイス__２００ｇ</t>
  </si>
  <si>
    <t>成城石井__マンデリンブレンド__５００ｇ</t>
  </si>
  <si>
    <t>成城石井__ロイヤルスイートブレンド__５００ｇ</t>
  </si>
  <si>
    <t>成城石井__マイルドブレンド</t>
  </si>
  <si>
    <t>成城石井__マイルドブレンド__５００ｇ</t>
  </si>
  <si>
    <t>成城石井__リッチテイストブレンド</t>
  </si>
  <si>
    <t>成城石井__エメラルドマウンテンブレンド__２００ｇ</t>
  </si>
  <si>
    <t>成城石井__ブレンド</t>
  </si>
  <si>
    <t>成城石井__カフェイタリアーノ</t>
  </si>
  <si>
    <t>成城石井__ブラジルイパネマ__２００ｇ</t>
  </si>
  <si>
    <t>成城石井__エスプレッソ</t>
  </si>
  <si>
    <t>成城石井__エメラルドマウンテンブレンド__５００ｇ</t>
  </si>
  <si>
    <t>小川プレミアムブレンド豆</t>
  </si>
  <si>
    <t>コーヒーショップブレンド豆</t>
  </si>
  <si>
    <t>プレミアムブレンド豆</t>
  </si>
  <si>
    <t>イリィエスプレッソミディアムロースト</t>
  </si>
  <si>
    <t>クリーマー</t>
  </si>
  <si>
    <t>クリーミングパウダー</t>
  </si>
  <si>
    <t>~３００ｇ</t>
  </si>
  <si>
    <t>マリーム</t>
  </si>
  <si>
    <t>マリーム瓶</t>
  </si>
  <si>
    <t>ブライト</t>
  </si>
  <si>
    <t>ネスカフェ　ブライト</t>
  </si>
  <si>
    <t>マりーム低脂肪タイプ</t>
  </si>
  <si>
    <t>マリームコラーゲンＣａプラス</t>
  </si>
  <si>
    <t>マリームトウニュウプラス</t>
  </si>
  <si>
    <t>マリームはちみつレシピ袋</t>
  </si>
  <si>
    <t>マリームメープルミルク仕立て</t>
  </si>
  <si>
    <t>マリーム_北海道プレミアム</t>
  </si>
  <si>
    <t>マリーム袋</t>
  </si>
  <si>
    <t>マリーム低脂肪袋</t>
  </si>
  <si>
    <t>マリームカルシウム＆ビタミンD袋</t>
  </si>
  <si>
    <t>ブライトソフトパック</t>
  </si>
  <si>
    <t>ブライトスリム　袋</t>
  </si>
  <si>
    <t>ブライトケイタリング</t>
  </si>
  <si>
    <t>ブライトスリム</t>
  </si>
  <si>
    <t>ブライトスリムパック</t>
  </si>
  <si>
    <t>ブライトプチ</t>
  </si>
  <si>
    <t>ブライトプチスリム</t>
  </si>
  <si>
    <t>ブライトクリーミーラテ</t>
  </si>
  <si>
    <t>クリープ</t>
  </si>
  <si>
    <t>クリープガセット</t>
  </si>
  <si>
    <t>クリープ詰替用</t>
  </si>
  <si>
    <t>クリープ詰替</t>
  </si>
  <si>
    <t>ﾓﾘﾅｶﾞﾆｭｳｷﾞ</t>
  </si>
  <si>
    <t>クリープライト　袋（紅茶付）</t>
  </si>
  <si>
    <t>クリープ詰替え用　袋</t>
  </si>
  <si>
    <t>ﾓﾘﾅｶﾞﾆｭｳ</t>
  </si>
  <si>
    <t>クリープ　プラボトル</t>
  </si>
  <si>
    <t>クリープボトル</t>
  </si>
  <si>
    <t>クリープライト</t>
  </si>
  <si>
    <t>森永乳業　クリープ　８５ｇ</t>
  </si>
  <si>
    <t>クリープ袋</t>
  </si>
  <si>
    <t>クリープライト袋180g</t>
  </si>
  <si>
    <t>マリーム３００ｇ＋２００ｇ</t>
  </si>
  <si>
    <t>マリ－ムペアパック３００＋２００</t>
  </si>
  <si>
    <t>マリーム　ペアパック</t>
  </si>
  <si>
    <t>ブライト袋</t>
  </si>
  <si>
    <t>ブライトスリム袋</t>
  </si>
  <si>
    <t>クリーミーパウダー</t>
  </si>
  <si>
    <t>個包装</t>
  </si>
  <si>
    <t>ココナッツミルクパウダー</t>
  </si>
  <si>
    <t>3g×8_</t>
  </si>
  <si>
    <t>アーモンドミルクパウダー</t>
  </si>
  <si>
    <t>AGF_ﾏﾘｰﾑﾃｲｼﾎﾞｳｽﾃｨｯｸ_15P</t>
  </si>
  <si>
    <t>マリームステッィク</t>
  </si>
  <si>
    <t>AGF_ﾏﾘｰﾑｽﾃｨｯｸﾀｲﾌﾟお徳用袋_3g*40</t>
  </si>
  <si>
    <t>ブライトラッテオリジナル</t>
  </si>
  <si>
    <t>ブライトラッテキャラメル</t>
  </si>
  <si>
    <t>11g×3</t>
  </si>
  <si>
    <t>ブライトラッテバニラ</t>
  </si>
  <si>
    <t>ふわふわブライト箱</t>
  </si>
  <si>
    <t>ふわふわブライトキャラメル</t>
  </si>
  <si>
    <t>ブライトスティック</t>
  </si>
  <si>
    <t>ブライト_スティック</t>
  </si>
  <si>
    <t>ブライト　キャラメル　箱５Ｐ</t>
  </si>
  <si>
    <t>5.6g×7</t>
  </si>
  <si>
    <t>ブライト　ショコラ　箱５Ｐ</t>
  </si>
  <si>
    <t>ネスレ　ブライト　カフェラテ用</t>
  </si>
  <si>
    <t>6.5ｇ×5P</t>
  </si>
  <si>
    <t>ブライト　クリーミーラテ_スティック</t>
  </si>
  <si>
    <t>クリープスティック</t>
  </si>
  <si>
    <t>クリープステック</t>
  </si>
  <si>
    <t>液体クリーマー</t>
  </si>
  <si>
    <t>~３９Ｐ</t>
  </si>
  <si>
    <t>クレマトップ</t>
  </si>
  <si>
    <t>マリームポーション</t>
  </si>
  <si>
    <t>18p</t>
  </si>
  <si>
    <t>マリームポーション低脂肪</t>
  </si>
  <si>
    <t>マリーム低脂肪タイプポーション</t>
  </si>
  <si>
    <t>5ml×20</t>
  </si>
  <si>
    <t>マリームスティック</t>
  </si>
  <si>
    <t>15本</t>
  </si>
  <si>
    <t>コーヒークリーミー</t>
  </si>
  <si>
    <t>50ml×20</t>
  </si>
  <si>
    <t>クリーミーポーション　２０Ｐ</t>
  </si>
  <si>
    <t>クリーミーポーション</t>
  </si>
  <si>
    <t>5ml×18</t>
  </si>
  <si>
    <t>クリーミーポーション生クリーム仕立て</t>
  </si>
  <si>
    <t>４．５ｇ*１５Ｐ</t>
  </si>
  <si>
    <t>キーコーヒー　クリーミー低脂肪ポーション　１８個</t>
  </si>
  <si>
    <t>クリーミー低脂肪50%オフポーション</t>
  </si>
  <si>
    <t>クレマトップポーション</t>
  </si>
  <si>
    <t>クレマトップスリムＰ</t>
  </si>
  <si>
    <t>20ml×18</t>
  </si>
  <si>
    <t>クレマトップゼロ</t>
  </si>
  <si>
    <t>18p+5</t>
  </si>
  <si>
    <t>クレマトップ　ハーフ＆ハーフ</t>
  </si>
  <si>
    <t>クレマトップ　ゼロ</t>
  </si>
  <si>
    <t>クレマトップ_ゼロ</t>
  </si>
  <si>
    <t>クレマトップパック</t>
  </si>
  <si>
    <t>ブライトリキッドクリーミーラテ用</t>
  </si>
  <si>
    <t>50.85g</t>
  </si>
  <si>
    <t>ブライトリキッドキャラメルラテ用</t>
  </si>
  <si>
    <t>メロディアンミニ低カロリーフレッシュ</t>
  </si>
  <si>
    <t>4.5ml*18</t>
  </si>
  <si>
    <t>メロディアン</t>
  </si>
  <si>
    <t>ﾒﾛﾃﾞｨｱﾝ</t>
  </si>
  <si>
    <t>クリーミーカフェ</t>
  </si>
  <si>
    <t>メロディアンミニ低カロリー18p</t>
  </si>
  <si>
    <t>4.5ML18</t>
  </si>
  <si>
    <t>クリーミーカフェ18p</t>
  </si>
  <si>
    <t>エキジョウクリープ</t>
  </si>
  <si>
    <t>クリープポーション</t>
  </si>
  <si>
    <t>クリスポーション１８Ｐ</t>
  </si>
  <si>
    <t>クリスポーション３５Ｐ</t>
  </si>
  <si>
    <t>5ml×35</t>
  </si>
  <si>
    <t>クリスＰカロリーＨ１８Ｐ</t>
  </si>
  <si>
    <t>４０Ｐ~</t>
  </si>
  <si>
    <t>クレマトップ　瓶２８０G</t>
  </si>
  <si>
    <t>クリーミーポーション40P</t>
  </si>
  <si>
    <t>生活派コーヒーフレッシュ４５Ｐ</t>
  </si>
  <si>
    <t>5ml×45</t>
  </si>
  <si>
    <t>クレマトップポーション（業務用）</t>
  </si>
  <si>
    <t>5ml×50</t>
  </si>
  <si>
    <t>クレマトップハーフ＆ハーフ</t>
  </si>
  <si>
    <t>4.5ml*45</t>
  </si>
  <si>
    <t>クリーミーカフェカロリー40％オフ</t>
  </si>
  <si>
    <t>4.5ml*40</t>
  </si>
  <si>
    <t>クリーミーカフェ40p</t>
  </si>
  <si>
    <t>4.5ML40</t>
  </si>
  <si>
    <t>クリーミーカフェカロリーオフ40p</t>
  </si>
  <si>
    <t>ｾｲｼﾞｮｳｲｼｲ_ｺｰﾋｰﾌﾚｯｼｭ_50p</t>
  </si>
  <si>
    <t>ココア</t>
  </si>
  <si>
    <t>純ココア</t>
  </si>
  <si>
    <t>ピュアココア</t>
  </si>
  <si>
    <t>ホームメイドノンウェットココアパウダー</t>
  </si>
  <si>
    <t>ブラックココアパウダー袋</t>
  </si>
  <si>
    <t>ブルボンミルクココア袋</t>
  </si>
  <si>
    <t>ミルクココア</t>
  </si>
  <si>
    <t>ピュアココア袋</t>
  </si>
  <si>
    <t>純ココア　テオブロ</t>
  </si>
  <si>
    <t>テオブロ純ココア</t>
  </si>
  <si>
    <t>プレミオ純ココア</t>
  </si>
  <si>
    <t>GODIVAピュアココア</t>
  </si>
  <si>
    <t>ｲﾄｳﾁｭｳｼｮｳｼ</t>
  </si>
  <si>
    <t>ﾊ-ｼ-ｽﾞ</t>
  </si>
  <si>
    <t>調整ココア</t>
  </si>
  <si>
    <t>ミルクココア２カップ</t>
  </si>
  <si>
    <t>スイスミスココアミックスミニマシュマロ入り</t>
  </si>
  <si>
    <t>スイスミスココアミックス</t>
  </si>
  <si>
    <t>ココアミックスリッチチョコフレーバー</t>
  </si>
  <si>
    <t>スイスミスココアマシュマロラバー</t>
  </si>
  <si>
    <t>313g</t>
  </si>
  <si>
    <t>ココアミックスソルテッドキャラメル</t>
  </si>
  <si>
    <t>インスタントココア</t>
  </si>
  <si>
    <t>ｼﾞｬｺｰ</t>
  </si>
  <si>
    <t>ミロオリジナル3個セット</t>
  </si>
  <si>
    <t>ミロオリジナル2個セット</t>
  </si>
  <si>
    <t>ミルクココア2個セット</t>
  </si>
  <si>
    <t>300g2</t>
  </si>
  <si>
    <t>黒豆ココア</t>
  </si>
  <si>
    <t>ココタイムオリジナルココア</t>
  </si>
  <si>
    <t>パーフェクトジャパン</t>
  </si>
  <si>
    <t>ﾊﾟ-ﾌｪｸﾄｼﾞｬ</t>
  </si>
  <si>
    <t>ココタイムココアバナナフレ</t>
  </si>
  <si>
    <t>ココタイムココアストロベリー</t>
  </si>
  <si>
    <t>ｼﾞｪｲﾌ-ﾄﾞ</t>
  </si>
  <si>
    <t>ﾐﾙｸｺｺｱ</t>
  </si>
  <si>
    <t>SKC</t>
  </si>
  <si>
    <t>バンホーテン１９０ｔｈピュアココア　</t>
  </si>
  <si>
    <t>ﾊﾞﾝﾎ-ﾃﾝ</t>
  </si>
  <si>
    <t>バンホーテンミルクココア</t>
  </si>
  <si>
    <t>バンホーテン　ミルクココア</t>
  </si>
  <si>
    <t>バンホーテン_ココアカロリ</t>
  </si>
  <si>
    <t>片岡　バンホーテン　ホワイト_ココア　箱13.2Ｇ×５Ｐ</t>
  </si>
  <si>
    <t>3.2g×5</t>
  </si>
  <si>
    <t>ミルクココア　カロリー１／４</t>
  </si>
  <si>
    <t>カフェモカ　５本　　　　</t>
  </si>
  <si>
    <t>抹茶ココア　５本</t>
  </si>
  <si>
    <t>バンホーテンミルクココアST</t>
  </si>
  <si>
    <t>ステイックミルクココア</t>
  </si>
  <si>
    <t>ザ・ココア　ミルクココア</t>
  </si>
  <si>
    <t>ザ・ココア　グランカカオ</t>
  </si>
  <si>
    <t>バンホーテン　ミルクココア　プレミアム</t>
  </si>
  <si>
    <t>バンホーテン　ミルクココアカロリー1/4</t>
  </si>
  <si>
    <t>１０ｇ×５Ｐ</t>
  </si>
  <si>
    <t>バンホーテンミルクココアカロリー１／４　</t>
  </si>
  <si>
    <t>10GX10</t>
  </si>
  <si>
    <t>バンホーテン　ハイカカオ　</t>
  </si>
  <si>
    <t>バンホーテングランカカオ</t>
  </si>
  <si>
    <t>バンホーテン　ハイカカオ</t>
  </si>
  <si>
    <t>バンホーテン　５Ｐ　カフェモカ</t>
  </si>
  <si>
    <t>バンホーテン　牛乳でつくるココア　200g</t>
  </si>
  <si>
    <t>バンホーテンハイカカオ72%</t>
  </si>
  <si>
    <t>バンホーテンミルクココア糖質60%オフ</t>
  </si>
  <si>
    <t>バンホーテンの腸活ココア</t>
  </si>
  <si>
    <t>バンホーテンの快眠ココア</t>
  </si>
  <si>
    <t>ミルクココア_袋</t>
  </si>
  <si>
    <t>牛乳でおいしくつめたいココア</t>
  </si>
  <si>
    <t>しょうがココア</t>
  </si>
  <si>
    <t>ブルボン　まろやかでおいしいミルクココア　２００ｇ</t>
  </si>
  <si>
    <t>ブルボン　しょうがココア　袋　１２０ｇ</t>
  </si>
  <si>
    <t>ミルクココア袋</t>
  </si>
  <si>
    <t>スウィートＳココアオレ</t>
  </si>
  <si>
    <t>19g×2</t>
  </si>
  <si>
    <t>ココアオレ</t>
  </si>
  <si>
    <t>牛乳で飲むきな粉ココアCATETA</t>
  </si>
  <si>
    <t>ネスクイック</t>
  </si>
  <si>
    <t>ミロ（ビン入り）</t>
  </si>
  <si>
    <t>ミロ（袋）</t>
  </si>
  <si>
    <t>ミロ　袋</t>
  </si>
  <si>
    <t>エアロココアオリジナル</t>
  </si>
  <si>
    <t>エアロココアオレンジ</t>
  </si>
  <si>
    <t>エアロココア抹茶</t>
  </si>
  <si>
    <t>本格欧風ショコラティエール</t>
  </si>
  <si>
    <t>ミロオリジナル</t>
  </si>
  <si>
    <t>本格欧風ココアビター</t>
  </si>
  <si>
    <t>本格欧風ココア</t>
  </si>
  <si>
    <t>エアロココア苺</t>
  </si>
  <si>
    <t>特選ココア</t>
  </si>
  <si>
    <t>ネスレ　ネスクイック</t>
  </si>
  <si>
    <t>ココアドール　黒ココア</t>
  </si>
  <si>
    <t>ココアドール_白ココア</t>
  </si>
  <si>
    <t>ミロ　オリジナル</t>
  </si>
  <si>
    <t>欧風ココアアラムースビター</t>
  </si>
  <si>
    <t>欧風ココアアラムースラッテ</t>
  </si>
  <si>
    <t>本格欧風ココアノアール</t>
  </si>
  <si>
    <t>22g×6</t>
  </si>
  <si>
    <t>ミロシリアルプラス</t>
  </si>
  <si>
    <t>ココアドール_白抹茶　袋２００Ｇ</t>
  </si>
  <si>
    <t>ネスレ_ココア増量品（200g）</t>
  </si>
  <si>
    <t>特選ｺｺｱ</t>
  </si>
  <si>
    <t>ミロオリジナルスティック</t>
  </si>
  <si>
    <t>ミロ大人の甘さ</t>
  </si>
  <si>
    <t>ミロオリジナルミルクインスティック</t>
  </si>
  <si>
    <t>4ﾎﾝ</t>
  </si>
  <si>
    <t>ミロオトナの甘さ</t>
  </si>
  <si>
    <t>黒豆ココアパウダー</t>
  </si>
  <si>
    <t>黒豆ココアアイス用</t>
  </si>
  <si>
    <t>黒豆ココア砂糖ゼロ</t>
  </si>
  <si>
    <t>ミルクココアカレンダー</t>
  </si>
  <si>
    <t>ミルクココア４Ｐ</t>
  </si>
  <si>
    <t>牛乳でココア</t>
  </si>
  <si>
    <t>香り高いミルクココア</t>
  </si>
  <si>
    <t>おいしく麦芽</t>
  </si>
  <si>
    <t>乳酸菌ココア</t>
  </si>
  <si>
    <t>スティックココアアソート</t>
  </si>
  <si>
    <t>ミントココア</t>
  </si>
  <si>
    <t>香るラムココア</t>
  </si>
  <si>
    <t>アーモンドココア</t>
  </si>
  <si>
    <t>テオブロココア５Ｐ</t>
  </si>
  <si>
    <t>ミルクココア２Ｐ</t>
  </si>
  <si>
    <t>テオブロカカオラテ</t>
  </si>
  <si>
    <t>コクがおいしいミルクココア</t>
  </si>
  <si>
    <t>7Ｐ</t>
  </si>
  <si>
    <t>コクがおいしいミルクココア　砂糖ゼロ</t>
  </si>
  <si>
    <t>明治　しょうがココア</t>
  </si>
  <si>
    <t>しょうがココアホワイト</t>
  </si>
  <si>
    <t>テオブロココアの贅沢</t>
  </si>
  <si>
    <t>テオブロホットショコラ</t>
  </si>
  <si>
    <t>27g×3</t>
  </si>
  <si>
    <t>コクがおいしいミルクココア８</t>
  </si>
  <si>
    <t>コクがおいしいミルクココア微</t>
  </si>
  <si>
    <t>コクがおいしいミルクココア砂糖ゼロ</t>
  </si>
  <si>
    <t>コクがおいしいアイスココア</t>
  </si>
  <si>
    <t>コクがおいしいアイスココア８Ｐ</t>
  </si>
  <si>
    <t>コクがおいしいココアコラーゲ</t>
  </si>
  <si>
    <t>ハッピースタイルココア　砂糖不使用</t>
  </si>
  <si>
    <t>14g×7</t>
  </si>
  <si>
    <t>コクがおいしいミルクココア８Ｐ_カロリー１／２</t>
  </si>
  <si>
    <t>コクがおいしいココア微糖</t>
  </si>
  <si>
    <t>おいしいミルクココアカロリー１／３</t>
  </si>
  <si>
    <t>11.5g×7</t>
  </si>
  <si>
    <t>コクがおいしいアイスココア　220g</t>
  </si>
  <si>
    <t>12g×7</t>
  </si>
  <si>
    <t>ミルクココアスタンダード</t>
  </si>
  <si>
    <t>明治_ｺｸがおいしいﾐﾙｸｺｺｱ_7袋_19gX7袋</t>
  </si>
  <si>
    <t>19g×7</t>
  </si>
  <si>
    <t>コクがおいしいミルクココア（砂糖０）</t>
  </si>
  <si>
    <t>ミルクココアスタンダ－ド</t>
  </si>
  <si>
    <t>ミルクココア　低糖</t>
  </si>
  <si>
    <t>テオブロ袋</t>
  </si>
  <si>
    <t>おいしいココア</t>
  </si>
  <si>
    <t>アイスココア袋</t>
  </si>
  <si>
    <t>ミルクココア低糖１０Ｐ</t>
  </si>
  <si>
    <t>ミルクココア無糖</t>
  </si>
  <si>
    <t>牛乳で飲むココア</t>
  </si>
  <si>
    <t>アイスココア１０Ｐ</t>
  </si>
  <si>
    <t>ミルクココア低糖</t>
  </si>
  <si>
    <t>テオブロ濃厚カカオ５Ｐ</t>
  </si>
  <si>
    <t>ミルクココアボトル</t>
  </si>
  <si>
    <t>テオブロ豊潤ミルク５Ｐ</t>
  </si>
  <si>
    <t>テオブロ溶かして飲むチョコレ</t>
  </si>
  <si>
    <t>ミルクココアチロル×日東</t>
  </si>
  <si>
    <t>カフェモカチロルチョコ×日東</t>
  </si>
  <si>
    <t>チロル牛乳でおいしいミルクココア</t>
  </si>
  <si>
    <t>朝の大麦ラテ</t>
  </si>
  <si>
    <t>ミルクココア　２カップ入り</t>
  </si>
  <si>
    <t>インナーＦＦカカオパウダー</t>
  </si>
  <si>
    <t>ミルクココアオタメシパック</t>
  </si>
  <si>
    <t>ミルクココアカカオ２倍</t>
  </si>
  <si>
    <t>カカオたっぷりアイスココア</t>
  </si>
  <si>
    <t>Ｍ甘くないカカオ２倍</t>
  </si>
  <si>
    <t>ミルクＣクリーミー</t>
  </si>
  <si>
    <t>豆乳ココアカカオ２倍</t>
  </si>
  <si>
    <t>森永のおいしい黒豆ココア</t>
  </si>
  <si>
    <t>森永のおいしい豆乳ココア</t>
  </si>
  <si>
    <t>ミルクココアクリーミー２Ｐ</t>
  </si>
  <si>
    <t>ココアカフェバニラ</t>
  </si>
  <si>
    <t>ココアカフェコアントロー</t>
  </si>
  <si>
    <t>おいしい黒豆ココア</t>
  </si>
  <si>
    <t>17g×8</t>
  </si>
  <si>
    <t>20g×8</t>
  </si>
  <si>
    <t>ミルクココアカロリーハーフ</t>
  </si>
  <si>
    <t>ミルコココア</t>
  </si>
  <si>
    <t>ミルクココア箱</t>
  </si>
  <si>
    <t>プレミオココアスティック</t>
  </si>
  <si>
    <t>ミルクココア大人の贅沢仕上げ</t>
  </si>
  <si>
    <t>牛乳で飲むココアスティック</t>
  </si>
  <si>
    <t>ミルクココアカロリー３５</t>
  </si>
  <si>
    <t>ミルクココア７袋</t>
  </si>
  <si>
    <t>7袋</t>
  </si>
  <si>
    <t>アイスココア</t>
  </si>
  <si>
    <t>ミルクココアカロリー１／４</t>
  </si>
  <si>
    <t>ミルクココアカカオ２倍プラス</t>
  </si>
  <si>
    <t>ショコラ・ショー(クラシック)</t>
  </si>
  <si>
    <t>ショコラショー　カフェモカ</t>
  </si>
  <si>
    <t>ショコラ・グラッセクラシック</t>
  </si>
  <si>
    <t>ココアの実_マイルドカカオ</t>
  </si>
  <si>
    <t>ココアの実_ホワイトショコラ</t>
  </si>
  <si>
    <t>森永　ミルクココア</t>
  </si>
  <si>
    <t>森永_ﾐﾙｸｺｺｱﾌﾟﾁ</t>
  </si>
  <si>
    <t>森永ダースココア</t>
  </si>
  <si>
    <t>森永白いダースココア</t>
  </si>
  <si>
    <t>牛乳で飲むココアチョコボールいちご</t>
  </si>
  <si>
    <t>ミルクココアまろやかカカオ</t>
  </si>
  <si>
    <t>カカオ仕立てのカフェモカ</t>
  </si>
  <si>
    <t>カカオ仕立てのホワイトショコラ</t>
  </si>
  <si>
    <t>チョコがとろけるふんわりＣａｆｅ　マイルドカカオ</t>
  </si>
  <si>
    <t>4粒</t>
  </si>
  <si>
    <t>森永　チョコがとろけるふんわりＣａｆｅ　抹茶</t>
  </si>
  <si>
    <t>牛乳で飲むココア〈塩バニラ味〉5P</t>
  </si>
  <si>
    <t>ココアカカオ70</t>
  </si>
  <si>
    <t>ミルクココアスティック</t>
  </si>
  <si>
    <t>ミルクココアカロリー1／4スティック</t>
  </si>
  <si>
    <t>10g×5本</t>
  </si>
  <si>
    <t>ホネグットココア</t>
  </si>
  <si>
    <t>牛乳で飲むココア妖怪ウォッチ〈麦芽パウダー入り〉</t>
  </si>
  <si>
    <t>森永製菓セノビー</t>
  </si>
  <si>
    <t>セノビー</t>
  </si>
  <si>
    <t>ラクチュロースココア</t>
  </si>
  <si>
    <t>シールド乳酸菌ココア</t>
  </si>
  <si>
    <t>森永製菓免疫CAREプラズマ乳酸菌ココア</t>
  </si>
  <si>
    <t>カカオの力CACAO70</t>
  </si>
  <si>
    <t>森永製菓白いダーススティック</t>
  </si>
  <si>
    <t>森永製菓　ミルクココア　スティック　１０本</t>
  </si>
  <si>
    <t>10ﾎﾝ</t>
  </si>
  <si>
    <t>ヒルス　モダンタイムス　ミルクココア　缶５２０G</t>
  </si>
  <si>
    <t>ﾓﾀﾞﾝﾀｲﾑｽ　ｱｲｽﾐﾙｸｺｺｱ　缶</t>
  </si>
  <si>
    <t>やさしいミルクココア</t>
  </si>
  <si>
    <t>ﾄﾐﾅｶﾞｼｮｸﾋﾝ</t>
  </si>
  <si>
    <t>富永食品　ミルクココア　袋</t>
  </si>
  <si>
    <t>富永食品　ミルクココア　袋（ケース）</t>
  </si>
  <si>
    <t>240gx18</t>
  </si>
  <si>
    <t>6g×5P</t>
  </si>
  <si>
    <t>セノビックミルクココア味</t>
  </si>
  <si>
    <t>ロート製薬</t>
  </si>
  <si>
    <t>ﾛｰﾄｾｲﾔｸ</t>
  </si>
  <si>
    <t>ﾛｰﾄ</t>
  </si>
  <si>
    <t>ドリンキングホットチョコ</t>
  </si>
  <si>
    <t>クリッパー</t>
  </si>
  <si>
    <t>ｸﾘｯﾊﾟｰ</t>
  </si>
  <si>
    <t>ネスカウ</t>
  </si>
  <si>
    <t>ネスクイック　20P</t>
  </si>
  <si>
    <t>スティックコーヒー</t>
  </si>
  <si>
    <t>カップコーヒー</t>
  </si>
  <si>
    <t>マキシム２カップコーヒー</t>
  </si>
  <si>
    <t>エクセラカップ</t>
  </si>
  <si>
    <t>エクセラカップコーヒー</t>
  </si>
  <si>
    <t>エクセラ_カップコ－ヒ－</t>
  </si>
  <si>
    <t>ネスカフェＧＢカツプコーヒー</t>
  </si>
  <si>
    <t>ゴールドブレンドカップ</t>
  </si>
  <si>
    <t>牧場カフェオレ_ハーフ＆ハーフカップ</t>
  </si>
  <si>
    <t>カップコーヒーザ･ブレンド114</t>
  </si>
  <si>
    <t>カップコーヒーザ･ブレンド117</t>
  </si>
  <si>
    <t>ザ・ブレンド１１４カップコーヒー</t>
  </si>
  <si>
    <t>ザ・ブレンド１１７カップ</t>
  </si>
  <si>
    <t>ザ・ブレンド１１７カップコーヒー</t>
  </si>
  <si>
    <t>４カップコ－ヒ－</t>
  </si>
  <si>
    <t>ネスカフェ　北海道の牧場カフェラテ　ハーフ＆ハーフ　カップ</t>
  </si>
  <si>
    <t>エクセラ4カップ</t>
  </si>
  <si>
    <t>ゴールドブレンド4カップ</t>
  </si>
  <si>
    <t>ドトールカップコーヒー</t>
  </si>
  <si>
    <t>ﾄﾞﾄ-ﾙ</t>
  </si>
  <si>
    <t>スティック</t>
  </si>
  <si>
    <t>~１４Ｐ</t>
  </si>
  <si>
    <t>カフェラッテ　エスプレッソ</t>
  </si>
  <si>
    <t>カフェラッテ　クリーミー</t>
  </si>
  <si>
    <t>ビューティバランス　ソルト＆ライチ</t>
  </si>
  <si>
    <t>ビューティバランス　乳酸菌＆ヨーグルト</t>
  </si>
  <si>
    <t>ティーズティーＳチャイ</t>
  </si>
  <si>
    <t>7.2g×2</t>
  </si>
  <si>
    <t>ティーズティーＳアールグレイ</t>
  </si>
  <si>
    <t>7.5g×2</t>
  </si>
  <si>
    <t>ティーズティーＳ抹茶ラテ</t>
  </si>
  <si>
    <t>8.2g×2</t>
  </si>
  <si>
    <t>アールグレイミルクティー２Ｐ</t>
  </si>
  <si>
    <t>ジンジャーチャイ２Ｐ</t>
  </si>
  <si>
    <t>抹茶ラテ２Ｐ</t>
  </si>
  <si>
    <t>タリーズスティック抹茶がおいしい抹茶ラテ</t>
  </si>
  <si>
    <t>18g×5</t>
  </si>
  <si>
    <t>タリーズスティック焙じ茶がおいしいほうじ茶ラテ</t>
  </si>
  <si>
    <t>タリーズスティック紅茶がおいしいミルクティー</t>
  </si>
  <si>
    <t>タリーズスティックカフェラテ</t>
  </si>
  <si>
    <t>15.6g×5</t>
  </si>
  <si>
    <t>タリーズスティックキャラメルラテ</t>
  </si>
  <si>
    <t>15.8g×5</t>
  </si>
  <si>
    <t>ブレンディーｺｰﾋｰﾃﾝオレカロリーハーフ</t>
  </si>
  <si>
    <t>ブレンディ黒豆カフェオレ</t>
  </si>
  <si>
    <t>ブレンディーオリゴ糖入り</t>
  </si>
  <si>
    <t>マキシム黒糖クリ－ミー珈琲</t>
  </si>
  <si>
    <t>はちみつクリ－ミーコーヒー</t>
  </si>
  <si>
    <t>マキシムカフェラテポリフェノール</t>
  </si>
  <si>
    <t>マキシムカフェメニュ抹茶ラテ</t>
  </si>
  <si>
    <t>マキシムカプチーノカロＨ</t>
  </si>
  <si>
    <t>カフェメニュー_抹茶ラテ</t>
  </si>
  <si>
    <t>カフェメニュー_カフェラテ</t>
  </si>
  <si>
    <t>カフェメニューキャラメル</t>
  </si>
  <si>
    <t>カフェメニュー_カフェモカ</t>
  </si>
  <si>
    <t>カフェメニューチャイラテ</t>
  </si>
  <si>
    <t>ブレンディスティックとろけるミルクｺｰﾋｰﾃﾝオレ</t>
  </si>
  <si>
    <t>ブレンディｺｰﾋｰﾃﾝラトリースティックほうじ茶ラテ</t>
  </si>
  <si>
    <t>ブレンディコーヒーオリゴ糖</t>
  </si>
  <si>
    <t>ブレンディカフェオレハニー</t>
  </si>
  <si>
    <t>14g×8</t>
  </si>
  <si>
    <t>カフェメニュー木苺ラテ</t>
  </si>
  <si>
    <t>16g×4</t>
  </si>
  <si>
    <t>カフェメニュエスプレッソラテ</t>
  </si>
  <si>
    <t>カフェメニュー雪苺ラテ</t>
  </si>
  <si>
    <t>ブレンディｺｰﾋｰﾃﾝオレほろにが</t>
  </si>
  <si>
    <t>マキシムカフェメニューマンゴ</t>
  </si>
  <si>
    <t>マキシムカフェメニュバナーヌ</t>
  </si>
  <si>
    <t>ブレンディカフェオレモーニン</t>
  </si>
  <si>
    <t>カフェメニューホワイトカフェモカ</t>
  </si>
  <si>
    <t>ブレンディーカフェオレ微</t>
  </si>
  <si>
    <t>ブレンディＳＴ紅茶オレ</t>
  </si>
  <si>
    <t>ブレンディスティック抹茶オレ</t>
  </si>
  <si>
    <t>マキシムカフェメニューカフェココナッツ</t>
  </si>
  <si>
    <t>マキシムカフェメニュー手摘み苺ラテ</t>
  </si>
  <si>
    <t>マキシムカフェメニューカフェオレオ</t>
  </si>
  <si>
    <t>マキシムカフェメニュ雪苺ラテ</t>
  </si>
  <si>
    <t>マキシムカフェメニューモンブランラテ</t>
  </si>
  <si>
    <t>ブレンディスティックエスプレッソオレ微糖</t>
  </si>
  <si>
    <t>ブレンディスティック勝てオレ８本</t>
  </si>
  <si>
    <t>13g×8</t>
  </si>
  <si>
    <t>マキシムカフェメニューハニーソイラテ４Ｐ</t>
  </si>
  <si>
    <t>マキシムカフェメニュー木苺ラテ４Ｐ</t>
  </si>
  <si>
    <t>マキシムカフェメニュー紅茶のカプチーノ４Ｐ</t>
  </si>
  <si>
    <t>ブレンディスティック紅茶オレカロリーハーフ８Ｐ</t>
  </si>
  <si>
    <t>ブレンディスティックココアオレ</t>
  </si>
  <si>
    <t>16g×7P</t>
  </si>
  <si>
    <t>ﾏｷｼﾑｶﾌｪﾒﾆｭｰ_ｺｺｱのｶﾌﾟﾁｰﾉ</t>
  </si>
  <si>
    <t>マキシムスティック_パンプキンラテ４本</t>
  </si>
  <si>
    <t>マキシムスティック　ふわとろ苺ラテ４本</t>
  </si>
  <si>
    <t>ブレンディｺｰﾋｰﾃﾝラトリースティッククリーミーラテデｺｰﾋｰ</t>
  </si>
  <si>
    <t>ﾏｷｼﾑｽﾃｨｯｸ_ﾐﾝﾄﾓｶﾗﾃ4本</t>
  </si>
  <si>
    <t>ﾏｷｼﾑｽﾃｨｯｸ_ふんわり白桃ﾗﾃ4本</t>
  </si>
  <si>
    <t>ブレンディスティックしょうが紅茶オレ</t>
  </si>
  <si>
    <t>ブレンディスティックココアオレ大人のビター７本</t>
  </si>
  <si>
    <t>マキシムスティックマロングラッセラテ４本</t>
  </si>
  <si>
    <t>マキシムスティックラム＆ロイヤルミルクティー４本</t>
  </si>
  <si>
    <t>ブレンディスティックカフェオレ砂糖ゼロ</t>
  </si>
  <si>
    <t>ﾏｷｼﾑ_ﾊﾞﾆﾗ　ﾗﾃ</t>
  </si>
  <si>
    <t>ﾏｷｼﾑ_ﾗﾍﾞﾝﾀﾞｰﾃｨｰﾗﾃ</t>
  </si>
  <si>
    <t>ちょっと贅沢な珈琲店プレミアムビター</t>
  </si>
  <si>
    <t>ティーハート　レモン＆レモンピール</t>
  </si>
  <si>
    <t>ティーハート　ホワイト＆Ｙピーチ</t>
  </si>
  <si>
    <t>ティーハート　アップル＆ローズヒップ</t>
  </si>
  <si>
    <t>パティシーナ　苺とラズベリーのパルフェ</t>
  </si>
  <si>
    <t>パティシーナ　抹茶とあずきのパルフェ</t>
  </si>
  <si>
    <t>ティーハート　オレンジ＆ジンジャー</t>
  </si>
  <si>
    <t>ブレンディスティックほうじ茶オレ</t>
  </si>
  <si>
    <t>マキシム　パティシーナ　カフェショコラのパルフェ</t>
  </si>
  <si>
    <t>16.5g×4</t>
  </si>
  <si>
    <t>ﾌﾞﾚﾝﾃﾞｨ_ｸﾞﾚｰﾌﾟﾌﾙｰﾂ</t>
  </si>
  <si>
    <t>マキシムパティシーナ　クレームブリュレ・ラテ</t>
  </si>
  <si>
    <t>14.8g×4</t>
  </si>
  <si>
    <t>マキシム　スティック　カフェラテ</t>
  </si>
  <si>
    <t>マキシム　スティック　キャラメルマキアート</t>
  </si>
  <si>
    <t>マキシム　スティック　エスプレッソラテ</t>
  </si>
  <si>
    <t>マキシム　スティック　抹茶ラテ</t>
  </si>
  <si>
    <t>マキシムスティックロイヤルミルクティ</t>
  </si>
  <si>
    <t>マキシム　スティック　カフェモカ</t>
  </si>
  <si>
    <t>ブレンディティーハート　ウーロンブレンド</t>
  </si>
  <si>
    <t>1.5g×8</t>
  </si>
  <si>
    <t>ブレンディティーハート　ルイボスブレンド</t>
  </si>
  <si>
    <t>1g×8</t>
  </si>
  <si>
    <t>ブレンデスティックTEAハート　レモン＆レモングラス</t>
  </si>
  <si>
    <t>マキシムトリプレッソスティック　トリプレッソラテ</t>
  </si>
  <si>
    <t>マキシムトリプレッソスティック　カフェキャラメリゼ</t>
  </si>
  <si>
    <t>ブレンデスティックTEAハート　マスカット＆エルダーフラワー</t>
  </si>
  <si>
    <t>5本</t>
  </si>
  <si>
    <t>ブレンディ　スティック　香ばしキャラメルティーオレ</t>
  </si>
  <si>
    <t>ブレンディ　スティック　アーモンドミルクココア</t>
  </si>
  <si>
    <t>７本</t>
  </si>
  <si>
    <t>ブレンディスティックｺｰﾋｰﾃﾝオレやすらぎのｺｰﾋｰﾃﾝインレ</t>
  </si>
  <si>
    <t>ティーハート　アロマティック　ストレート甘さなし</t>
  </si>
  <si>
    <t>１２本</t>
  </si>
  <si>
    <t>ティーハート　マンゴー＆オレンジ　６Ｐ</t>
  </si>
  <si>
    <t>６Ｐ</t>
  </si>
  <si>
    <t>ブレンディ　スティック桃の紅茶オレ７Ｐ</t>
  </si>
  <si>
    <t>１０ｇ＊７Ｐ</t>
  </si>
  <si>
    <t>ブレンディカフェラトリー濃厚クリーミーカプチーノ７Ｐ</t>
  </si>
  <si>
    <t>７Ｐ</t>
  </si>
  <si>
    <t>ブレンディカフェラトリー濃厚キャラメルマキアート</t>
  </si>
  <si>
    <t>ブレンディコーヒーテンラトリー濃厚ビターカフェラテ</t>
  </si>
  <si>
    <t>ブレンディカフェラトリー濃厚抹茶ラテ</t>
  </si>
  <si>
    <t>ブレンディコーヒーテンラトリー濃厚ミルクカフェラテ</t>
  </si>
  <si>
    <t>ブレンディカフェラトリー濃厚アップルミルクティ６Ｐ</t>
  </si>
  <si>
    <t>カフェラトリーSTKビター</t>
  </si>
  <si>
    <t>カフェラトリーSTK抹茶</t>
  </si>
  <si>
    <t>ブレンディティーハートストロベリー＆ラズベリー</t>
  </si>
  <si>
    <t>７．５ｇ＊６</t>
  </si>
  <si>
    <t>カフェメニューカフェラテ</t>
  </si>
  <si>
    <t>カフェメニュー　キャラメルマキアート</t>
  </si>
  <si>
    <t>ブレンディミックスコーヒー</t>
  </si>
  <si>
    <t>ブレンディティーＳＴ_アールグレイ</t>
  </si>
  <si>
    <t>ブレンディティーＳＴホワイト＆イエローピーチ</t>
  </si>
  <si>
    <t>ブレンディティーＳＴ_ルイボスティー</t>
  </si>
  <si>
    <t>ブレンディティースティックグリーンティー</t>
  </si>
  <si>
    <t>ブレンディティーＳＴアップル＆ローズヒップ</t>
  </si>
  <si>
    <t>ブレンディティーＳＴマスカット＆エルダーフラワー</t>
  </si>
  <si>
    <t>ブレンディティーＳＴストロベリー＆ラズベリー</t>
  </si>
  <si>
    <t>ブレンディスティックアイスカフェオレ</t>
  </si>
  <si>
    <t>7ﾎﾝ</t>
  </si>
  <si>
    <t>ブレンディスティック_アイスカフェオレ大人のほろにが</t>
  </si>
  <si>
    <t>ブレンディスティックアイス紅茶オレ</t>
  </si>
  <si>
    <t>ブレンディスティックココアポリフェノール立地</t>
  </si>
  <si>
    <t>6本入</t>
  </si>
  <si>
    <t>ブレンディｺｰﾋｰﾃﾝラトリースティック濃厚ミルクティー</t>
  </si>
  <si>
    <t>カフェラトリーSTKミルク</t>
  </si>
  <si>
    <t>ブレンディコーヒーテンラトリー濃厚ミルクカフェラテ甘さなし</t>
  </si>
  <si>
    <t>ブレンディミルクティーノンスウィート</t>
  </si>
  <si>
    <t>ブレンディｺｰﾋｰﾃﾝラトリースティック芳醇マスカットティー</t>
  </si>
  <si>
    <t>カフェラトリースティック芳醇ミックスベリーティ</t>
  </si>
  <si>
    <t>ブレンディｺｰﾋｰﾃﾝラトリースティック芳醇アップルティー</t>
  </si>
  <si>
    <t>ブレンディカフェラトリースティック芳醇ピーチティー</t>
  </si>
  <si>
    <t>ブレンディカフェラトリー濃厚ミルクココア</t>
  </si>
  <si>
    <t>ブレンディｺｰﾋｰﾃﾝラトリー芳醇ピーチミルクティー</t>
  </si>
  <si>
    <t>ブレンディｺｰﾋｰﾃﾝラトリー濃厚抹茶</t>
  </si>
  <si>
    <t>7本入</t>
  </si>
  <si>
    <t>ブレンディｺｰﾋｰﾃﾝラトリー芳醇ストロベリーミルクティー</t>
  </si>
  <si>
    <t>ﾌﾞﾚﾝﾃﾞｨST抹茶黒蜜きなこ</t>
  </si>
  <si>
    <t>ブレンディスティックアイス抹茶オレ</t>
  </si>
  <si>
    <t>ブレンディスティック　アイスエスプレッソオレ</t>
  </si>
  <si>
    <t>ブレンディｺｰﾋｰﾃﾝラトリー芳醇グレープフルーツティースティ</t>
  </si>
  <si>
    <t>ブレンディカフェラトリースティックカプチーノ</t>
  </si>
  <si>
    <t>ブレンディカフェラトリーキャラメルマキアート</t>
  </si>
  <si>
    <t>ブレンディｺｰﾋｰﾃﾝラトリースティックカプチーノ</t>
  </si>
  <si>
    <t>ロースターズ＆スティックコロンビア</t>
  </si>
  <si>
    <t>ブレンディスティックココアリッチ</t>
  </si>
  <si>
    <t>ブレンディSTK甘さなし</t>
  </si>
  <si>
    <t>ブレンディSTK大人のほろにが</t>
  </si>
  <si>
    <t>ブレンディｺｰﾋｰﾃﾝラトリー濃厚フロマージュミルクティー</t>
  </si>
  <si>
    <t>ブレンディｺｰﾋｰﾃﾝラトリースティックオレンジショコララテ</t>
  </si>
  <si>
    <t>カフェラトリースティック濃厚ティラミスショコララテ</t>
  </si>
  <si>
    <t>ブレンディｺｰﾋｰﾃﾝラトリースティックアップルシナモンミルク</t>
  </si>
  <si>
    <t>カフェラトリーSTK濃厚ストロベリーホワイトショコララテ</t>
  </si>
  <si>
    <t>カフェラトリースティックザ・ロイヤルミルクティー</t>
  </si>
  <si>
    <t>ブレンディスティックカロリーハーフ</t>
  </si>
  <si>
    <t>ブレンディスティックやすらぎのカフェインレス</t>
  </si>
  <si>
    <t>スティッククリーミーアイス抹茶オレ</t>
  </si>
  <si>
    <t>9.0gx6</t>
  </si>
  <si>
    <t>ブレンディｺｰﾋｰﾃﾝラトリースティック芳醇レモン</t>
  </si>
  <si>
    <t>ブレンディSTK紅茶オレ</t>
  </si>
  <si>
    <t>ブレンディマイボトルレモンVC</t>
  </si>
  <si>
    <t>ブレンディスティック牛乳でつくるクリーミーキャラメルカフェオレ</t>
  </si>
  <si>
    <t>7本</t>
  </si>
  <si>
    <t>カフェラトリーSTK濃厚フォンダンショコララテ</t>
  </si>
  <si>
    <t>カフェラトリースティック濃厚和栗カフェラテ</t>
  </si>
  <si>
    <t>ブレンディカフェラトリースティック濃厚キャラメルマキアート</t>
  </si>
  <si>
    <t>16本</t>
  </si>
  <si>
    <t>カフェラトリースティックザ・抹茶ラテ</t>
  </si>
  <si>
    <t>ブレンディスティック甘さなし</t>
  </si>
  <si>
    <t>ブレンディマイボトルスティックすがすがしく香る緑茶</t>
  </si>
  <si>
    <t>ＢＳＴＫ冷たい牛乳クリーミーココア６Ｐ</t>
  </si>
  <si>
    <t>ブレンディスティックブラック毎日の腸活コーヒー</t>
  </si>
  <si>
    <t>2.7gx14P</t>
  </si>
  <si>
    <t>ブレンディスティックとろけるミルクカフェオレ</t>
  </si>
  <si>
    <t>スティッククリーミーアイスカフェオレ</t>
  </si>
  <si>
    <t>6.5gx7</t>
  </si>
  <si>
    <t>スティック芳醇はちみつルイボスティー</t>
  </si>
  <si>
    <t>ブレンディｺｰﾋｰﾃﾝラトリースティックラズベリーホワイトラテ</t>
  </si>
  <si>
    <t>ちょっと贅沢な珈琲店プレミアムドリップカフェインレス</t>
  </si>
  <si>
    <t>ブレンディマイボトルスティックいやし巡る4種のブレンド茶</t>
  </si>
  <si>
    <t>ブレンディスティック紅茶オレ糖質オフ</t>
  </si>
  <si>
    <t>10本入</t>
  </si>
  <si>
    <t>ブレンディSTKほうじ茶オレ</t>
  </si>
  <si>
    <t>ブレンディマイボトルピーチルイボス</t>
  </si>
  <si>
    <t>ブレンディカフェラトリースティック濃厚ミルクティーラテ</t>
  </si>
  <si>
    <t>ＢＳＴＫ冷たい牛乳クリーミー抹茶６Ｐ</t>
  </si>
  <si>
    <t>ブレンディスティック冷たい牛乳で飲むクリーミーココアオレ</t>
  </si>
  <si>
    <t>10.5g×6P</t>
  </si>
  <si>
    <t>ブレンディマイボトルスティックすっきりレモン＆ビタミンC</t>
  </si>
  <si>
    <t>ブレンディスティック冷たい牛乳クリーミーココア</t>
  </si>
  <si>
    <t>ブレンディスティック牛乳でつくるクリーミーカフェオレ大人のほろに</t>
  </si>
  <si>
    <t>ブレンディカフェラトリースティック濃厚ヘーゼルナッツラテ</t>
  </si>
  <si>
    <t>ブレンディスティック冷たい牛乳クリーミー紅茶</t>
  </si>
  <si>
    <t>ブレンデマイボトルスマスカットルイボス</t>
  </si>
  <si>
    <t>ブレンディマイボトルジャスミンティー</t>
  </si>
  <si>
    <t>カフェラトリースティック濃厚抹茶あずきラテ</t>
  </si>
  <si>
    <t>ブレンディSTKエスプレッソオレ</t>
  </si>
  <si>
    <t>ちょっと贅沢な珈琲店スティックカフェラテ</t>
  </si>
  <si>
    <t>ブレンディスティックはちみつ紅茶オレ</t>
  </si>
  <si>
    <t>ブレンディ抹茶一服ミルクなし</t>
  </si>
  <si>
    <t>4本入</t>
  </si>
  <si>
    <t>ブレンディスティックキャラメルカフェオレ</t>
  </si>
  <si>
    <t>ブレンディザリットルコーヒーバラ品</t>
  </si>
  <si>
    <t>ブレンディナチューム栗かぼちゃのラテ</t>
  </si>
  <si>
    <t>ブレンディカフェラトリースティック濃厚クリーミーカプチーノ</t>
  </si>
  <si>
    <t>ちょっと贅沢な珈琲店アイスコーヒー</t>
  </si>
  <si>
    <t>ブレンディスティック大人のほろにが</t>
  </si>
  <si>
    <t>ブレンディマイボトルグリーンティー</t>
  </si>
  <si>
    <t>ブレンディｺｰﾋｰﾃﾝラトリースティックジンジャーミルクティー</t>
  </si>
  <si>
    <t>ブレンディパーソナル</t>
  </si>
  <si>
    <t>ブレンディナチュームナッツのラテ</t>
  </si>
  <si>
    <t>カフェラトリーSTKキャラマキ</t>
  </si>
  <si>
    <t>ブレンディマイボトルスティックすっきりアセロラ＆ビタミンC</t>
  </si>
  <si>
    <t>カフェメニュ－</t>
  </si>
  <si>
    <t>Bザリットルコーヒー</t>
  </si>
  <si>
    <t>カフェラトリーSTK濃厚ミルクティーラテ</t>
  </si>
  <si>
    <t>ブレンディマイボトルアセロラVC</t>
  </si>
  <si>
    <t>スティッククリーミーキャラメルカフェオレ</t>
  </si>
  <si>
    <t>6.5gX7</t>
  </si>
  <si>
    <t>Bザリットル水分補給応援</t>
  </si>
  <si>
    <t>ブレンディ抹茶一服ほんのりミルク</t>
  </si>
  <si>
    <t>ブレンディカフェラトリースティック芳醇ストロベリーティー</t>
  </si>
  <si>
    <t>6.5g×7P</t>
  </si>
  <si>
    <t>ブレンディスティック冷たい牛乳クリーミー抹茶</t>
  </si>
  <si>
    <t>ちょっと贅沢な珈琲店スペシャル･ブレンド</t>
  </si>
  <si>
    <t>ブレンディｺｰﾋｰﾃﾝラトリースティック芳醇ゆずシトラスティー</t>
  </si>
  <si>
    <t>ブレンディSTKカフェオレ</t>
  </si>
  <si>
    <t>スティッククリーミーアイスキャラメルオレ</t>
  </si>
  <si>
    <t>ブレンディカフェラトリースティック濃厚ビターカフェラテ</t>
  </si>
  <si>
    <t>ブレンディスティック冷たい牛乳で飲むクリーミーｺｰﾋｰﾃﾝオレ</t>
  </si>
  <si>
    <t>ブレンディSTK抹茶オレ</t>
  </si>
  <si>
    <t>ブレンディスティックルイボスティーオレ</t>
  </si>
  <si>
    <t>ブレンディカフェラトリースティック濃厚ミルクカフェラテ</t>
  </si>
  <si>
    <t>ブレンディスティックチャイティーオレ</t>
  </si>
  <si>
    <t>ブレンディナチューム紫いものラテ</t>
  </si>
  <si>
    <t>カフェラトリーSTK濃厚クリームブリュレラテ</t>
  </si>
  <si>
    <t>ブレンディナチューム黒ごまのラテ</t>
  </si>
  <si>
    <t>ブレンディスティック冷たい牛乳クリーミーオレ</t>
  </si>
  <si>
    <t>ブレンディスティック紅茶オレ甘さなし</t>
  </si>
  <si>
    <t>ＢＳＴＫ冷たい牛乳クリーミー紅茶７Ｐ</t>
  </si>
  <si>
    <t>カフェラトリースティックピスタチオ</t>
  </si>
  <si>
    <t>ブレンディスティック冷たい牛乳で飲むクリーミー抹茶オレ</t>
  </si>
  <si>
    <t>ブレンディカフェラトリースティック芳醇マンゴー＆オレンジティー</t>
  </si>
  <si>
    <t>ブレンディスティックまろやか豆乳カフェオレ</t>
  </si>
  <si>
    <t>カフェラトリースティックメルティショコラ</t>
  </si>
  <si>
    <t>ブレンディカフェラトリースティック芳醇マスカット＆グレープティー</t>
  </si>
  <si>
    <t>6.5gx7P</t>
  </si>
  <si>
    <t>ブレンディスティックカフェオレやすらぎのカフェインレス</t>
  </si>
  <si>
    <t>ブレンディスティックジャスミンティーオレ</t>
  </si>
  <si>
    <t>カフェラトリースティック濃厚ほうじ茶きなこラテ</t>
  </si>
  <si>
    <t>11gx6</t>
  </si>
  <si>
    <t>カフェラトリーＳＴＫザカフェラテ５Ｐ</t>
  </si>
  <si>
    <t>５本</t>
  </si>
  <si>
    <t>ブレンディスティックカフェオレ</t>
  </si>
  <si>
    <t>ブレンディSTKココアオレ</t>
  </si>
  <si>
    <t>ブレンディスティック牛乳でつくるクリーミーカフェオレ</t>
  </si>
  <si>
    <t>ロースターズ＆スティックモカ</t>
  </si>
  <si>
    <t>ＢＳＴＫ冷たい牛乳クリーミーオレ７Ｐ</t>
  </si>
  <si>
    <t>カフェラトリースティック濃厚メープルヘーゼルナッツラテ</t>
  </si>
  <si>
    <t>ブレンディスティック冷たい牛乳で飲むクリーミー紅茶オレ</t>
  </si>
  <si>
    <t>6.8g×7P</t>
  </si>
  <si>
    <t>ブレンディスティック牛乳でつくるクリーミーバニラカフェオレ</t>
  </si>
  <si>
    <t>スティッククリーミーアイスココア･オレ</t>
  </si>
  <si>
    <t>10.5gx6</t>
  </si>
  <si>
    <t>ブレンディレギュラーコーヒードリップパックやすらぎのｺｰﾋｰ</t>
  </si>
  <si>
    <t>スティックミルクリッチカフェ</t>
  </si>
  <si>
    <t>８P</t>
  </si>
  <si>
    <t>ＢＥＡＮＳ＆ＲＯＡＳＴＥＲＳ　カフェラテ　ＳＴ</t>
  </si>
  <si>
    <t>BEANS＆ROASTERSクレームブリュレラテ</t>
  </si>
  <si>
    <t>ＢＥＡＮ＆ＲＯＳＴＥＲショコラテ</t>
  </si>
  <si>
    <t>BEANS＆ROASTERSアフォガートラテ</t>
  </si>
  <si>
    <t>カツプ　カプチ－ノ</t>
  </si>
  <si>
    <t>スティック倶楽部　チャイ</t>
  </si>
  <si>
    <t>トワイニング　ミックスベリーミルクティー</t>
  </si>
  <si>
    <t>トワイニング_チャイミルクティー</t>
  </si>
  <si>
    <t>トワイニング_キャラメルミ</t>
  </si>
  <si>
    <t>チャイミルクティ　5P</t>
  </si>
  <si>
    <t>キャラメルミルクティ　5P</t>
  </si>
  <si>
    <t>トワイニングチャイミルクティー</t>
  </si>
  <si>
    <t>キャラメルミルク</t>
  </si>
  <si>
    <t>深煎りカフェラテ</t>
  </si>
  <si>
    <t>アストリア　まろやかなコクのミルキーブレンド</t>
  </si>
  <si>
    <t>11.7g×6</t>
  </si>
  <si>
    <t>アストリア芳醇な香りのモカブレンド</t>
  </si>
  <si>
    <t>11.7g×5</t>
  </si>
  <si>
    <t>辻利_抹茶ミルク</t>
  </si>
  <si>
    <t>辻利　抹茶ミルク</t>
  </si>
  <si>
    <t>14g×5</t>
  </si>
  <si>
    <t>辻利京ラテ抹茶ミルク</t>
  </si>
  <si>
    <t>辻利　京ラテ　抹茶＆ミルク</t>
  </si>
  <si>
    <t>匠のカフェオレ濃厚ミルク</t>
  </si>
  <si>
    <t>匠のカフェオレ芳醇ビター</t>
  </si>
  <si>
    <t>スウィートＳカフェ・オレ</t>
  </si>
  <si>
    <t>15g×2</t>
  </si>
  <si>
    <t>スイートＳロイヤルミルクティ</t>
  </si>
  <si>
    <t>16g×2</t>
  </si>
  <si>
    <t>スウィートＳスペシャルカフェ</t>
  </si>
  <si>
    <t>13.5g×2</t>
  </si>
  <si>
    <t>スイートＳイチゴオレ</t>
  </si>
  <si>
    <t>14.6g×2</t>
  </si>
  <si>
    <t>スウィートジンジャーカフェオレ</t>
  </si>
  <si>
    <t>スウィートＳカフェティラミス</t>
  </si>
  <si>
    <t>カフェオレ　贅沢仕立て</t>
  </si>
  <si>
    <t>カプチーノ　贅沢仕立て</t>
  </si>
  <si>
    <t>アイスカフェオレスティック</t>
  </si>
  <si>
    <t>9p</t>
  </si>
  <si>
    <t>カフェラテ贅沢仕立て</t>
  </si>
  <si>
    <t>カプチーノ贅沢仕立て</t>
  </si>
  <si>
    <t>フルーティーパレット</t>
  </si>
  <si>
    <t>カフェモカ贅沢仕立て</t>
  </si>
  <si>
    <t>カプチーノ　無糖タイプ</t>
  </si>
  <si>
    <t>カプチーノ</t>
  </si>
  <si>
    <t>カフェラッテ</t>
  </si>
  <si>
    <t>ホームカフェカプチーノ</t>
  </si>
  <si>
    <t>ホームカフェカプチーノノンＳ</t>
  </si>
  <si>
    <t>ホームカフェカフェラテ</t>
  </si>
  <si>
    <t>ホームカフェモカラッテ</t>
  </si>
  <si>
    <t>ゴールドブレンド　コーヒーミックス</t>
  </si>
  <si>
    <t>エクセラ　コーヒーミックス</t>
  </si>
  <si>
    <t>カフェオレ脂肪分ハーフ</t>
  </si>
  <si>
    <t>カフェオレ　コーヒーミックス</t>
  </si>
  <si>
    <t>ダージリンティラッテ</t>
  </si>
  <si>
    <t>オレンジ＆キャラメルラッテ</t>
  </si>
  <si>
    <t>ホームカフェカフェラッテ</t>
  </si>
  <si>
    <t>13g×6</t>
  </si>
  <si>
    <t>ヘーゼルナッツ＆バニラ</t>
  </si>
  <si>
    <t>14g×6</t>
  </si>
  <si>
    <t>黒糖抹茶ラッテ</t>
  </si>
  <si>
    <t>ホームカフェアップル＆シナモンティーラッテ</t>
  </si>
  <si>
    <t>ローズティラッテ</t>
  </si>
  <si>
    <t>ホームカフェベリーラッテ</t>
  </si>
  <si>
    <t>ＮＥＷエクセラミックス</t>
  </si>
  <si>
    <t>ＮＥＷエクセラカフェオレ</t>
  </si>
  <si>
    <t>ＮＥＷエクセラカフェオレハーフ</t>
  </si>
  <si>
    <t>ＮＥＷゴールドミックス</t>
  </si>
  <si>
    <t>エクセラコーヒーミックス</t>
  </si>
  <si>
    <t>エクセラカフェオレ</t>
  </si>
  <si>
    <t>カフェオレカロリーハーフ</t>
  </si>
  <si>
    <t>ゴールドブレンドミックス</t>
  </si>
  <si>
    <t>焦がしキャラメルマキアート</t>
  </si>
  <si>
    <t>ホームカフェショコラッテ</t>
  </si>
  <si>
    <t>ベリーベリーホワイトラッテ</t>
  </si>
  <si>
    <t>ホームカフェアズキマッチャ</t>
  </si>
  <si>
    <t>ホームカフェバラエティ８ｐ</t>
  </si>
  <si>
    <t>エクセラコーヒーミックスカロ</t>
  </si>
  <si>
    <t>ゴールドブレンドコー</t>
  </si>
  <si>
    <t>ゴールドブレンドコーヒーミックス</t>
  </si>
  <si>
    <t>ＧＢカフェインレス_７Ｐ</t>
  </si>
  <si>
    <t>ホームカフェ_カプチーノ</t>
  </si>
  <si>
    <t>ホームカフェ_カフェラッテ</t>
  </si>
  <si>
    <t>ホームカフェ_ショコラッテ</t>
  </si>
  <si>
    <t>ホームカフェ_キャラメルマキ</t>
  </si>
  <si>
    <t>ホームカフェ　宇治抹茶カフェ</t>
  </si>
  <si>
    <t>メープルラッテ</t>
  </si>
  <si>
    <t>11g×4</t>
  </si>
  <si>
    <t>ネスカフェ　モカラッテ</t>
  </si>
  <si>
    <t>16g×8</t>
  </si>
  <si>
    <t>14g×10</t>
  </si>
  <si>
    <t>カプチーノ　ノンスイート</t>
  </si>
  <si>
    <t>カフェラッテ　ノンスイート</t>
  </si>
  <si>
    <t>ゴールドブレンドスティックコーヒー</t>
  </si>
  <si>
    <t>11g×9</t>
  </si>
  <si>
    <t>エクセラベーススティックコーヒー</t>
  </si>
  <si>
    <t>コーヒーミックスカフェオレ</t>
  </si>
  <si>
    <t>アイスカプチーノ</t>
  </si>
  <si>
    <t>カフェラテ８モカラテ８Ｐ</t>
  </si>
  <si>
    <t>カプチーノノンスィート</t>
  </si>
  <si>
    <t>カフェラッテノンスィート</t>
  </si>
  <si>
    <t>11g×10</t>
  </si>
  <si>
    <t>エクセラ豆乳カフェオレ</t>
  </si>
  <si>
    <t>北海道の牧場カフェオレ</t>
  </si>
  <si>
    <t>牧場カフェオレハーフ＆ハーフ</t>
  </si>
  <si>
    <t>牧場カフェオレ甘さ超ひかえめ</t>
  </si>
  <si>
    <t>ホームカフェ_クレームブリュレラッテ</t>
  </si>
  <si>
    <t>ホームカフェ_ロイヤルミルクティ－ラッテ</t>
  </si>
  <si>
    <t>ネスカフェ　ホームカフェ　ショコラティエセレクション</t>
  </si>
  <si>
    <t>エクセラスティックコーヒー</t>
  </si>
  <si>
    <t>ネスカフェ　ホームカフェ　パティシエセレクション</t>
  </si>
  <si>
    <t>北海道の牧場ミルクティー</t>
  </si>
  <si>
    <t>生豆ブレンド　カフェオレ</t>
  </si>
  <si>
    <t>ホームカフェ　宇治抹茶カフェラッテ</t>
  </si>
  <si>
    <t>ホームカフェ_ロイヤルミルクティーラッテ</t>
  </si>
  <si>
    <t>ホームカフェ　ショコラッテ</t>
  </si>
  <si>
    <t>ホームカフェ　キャラメルマキアート</t>
  </si>
  <si>
    <t>ホームカフェ　カプチーノ</t>
  </si>
  <si>
    <t>ホームカフェ　カフェラッテ</t>
  </si>
  <si>
    <t>ホームカフェ　イタリアンエスプレッソラッテ</t>
  </si>
  <si>
    <t>ホームカフェ　フランボワーズティーラッテ</t>
  </si>
  <si>
    <t>ネスカフェ　ホームカフェ　プレミアム　ダブルエスプレッソラテ</t>
  </si>
  <si>
    <t>ネスカフェ　ホームカフェ　プレミアム　リッチミルクラテ</t>
  </si>
  <si>
    <t>ネスカフェ　ホームカフェ　プレミアム　ダークショコラテ</t>
  </si>
  <si>
    <t>ﾈｽﾚ_ﾎｰﾑｶﾌｪ_ﾌﾟﾚﾐｱﾑ_黒糖ほうじ茶らて_4P</t>
  </si>
  <si>
    <t>ネスカフェ　ホームカフェ　ラテマキアート</t>
  </si>
  <si>
    <t>ネスカフェ　ホームカフェ　プラリネショコラテ</t>
  </si>
  <si>
    <t>ネスレ　ホームカフェ　宇治抹茶ラテ</t>
  </si>
  <si>
    <t>ネスカフェ　エクセラ　北海道の牧場カフェラテ</t>
  </si>
  <si>
    <t>ネスカフェ　エクセラ　北海道の牧場カフェラテ　ハーフ＆ハーフ</t>
  </si>
  <si>
    <t>ネスレ　北海道の牧場紅茶ラテ</t>
  </si>
  <si>
    <t>ネスレ　北海道の牧場宇治抹茶ラテ</t>
  </si>
  <si>
    <t>ネスカフェ　エクセラ　スティックコーヒー</t>
  </si>
  <si>
    <t>ネスカフェ　ゴールドブレンド　スティックコーヒー</t>
  </si>
  <si>
    <t>生豆ブレンド　カフェラテ</t>
  </si>
  <si>
    <t>ホームカフェ_ライチティーラテ</t>
  </si>
  <si>
    <t>ホームカフェ_香り贅沢紅茶らて</t>
  </si>
  <si>
    <t>北海道の牧場まったり深いラテ</t>
  </si>
  <si>
    <t>ホームカフェ　カフェラテ</t>
  </si>
  <si>
    <t>エクセラ　牧場ラテ</t>
  </si>
  <si>
    <t>エクセラ　牧場ラテ　ハーフ＆ハーフ</t>
  </si>
  <si>
    <t>エクセラ　牧場ラテ　まったり深い味</t>
  </si>
  <si>
    <t>牧場ラテ　ミルクティー</t>
  </si>
  <si>
    <t>牧場ラテ　宇治抹茶</t>
  </si>
  <si>
    <t>牧場ラテ　ミルクココア</t>
  </si>
  <si>
    <t>ホームカフェ　ダブルエスプレッソラテ</t>
  </si>
  <si>
    <t>ホームカフェ　ダークショコラテ</t>
  </si>
  <si>
    <t>ホームカフェ　黒糖ほうじ茶らて</t>
  </si>
  <si>
    <t>ホームカフェ　香り贅沢紅茶らて</t>
  </si>
  <si>
    <t>牧場ラテ　塩キャラメル　箱９Ｐ</t>
  </si>
  <si>
    <t>牧場ラテ　ミントミルクティー　箱９Ｐ</t>
  </si>
  <si>
    <t>ゴールドブレンド_ホームカフェ_カプチーノ</t>
  </si>
  <si>
    <t>ゴールドブレンド_ホームカフェ_ラテ</t>
  </si>
  <si>
    <t>ゴールドブレンド_ホームカフェ_キャラメルマキアート</t>
  </si>
  <si>
    <t>ゴールドブレンド_ホームカフェ_カフェモカ</t>
  </si>
  <si>
    <t>ホームカフェ_宇治抹茶ラテ</t>
  </si>
  <si>
    <t>ホームカフェ_ほうじ茶らて</t>
  </si>
  <si>
    <t>ホームカフェ_ココアラテ</t>
  </si>
  <si>
    <t>エクセラふわラテキャラメル</t>
  </si>
  <si>
    <t>ふわラテミルクココア</t>
  </si>
  <si>
    <t>エクセラ_ふわラテ</t>
  </si>
  <si>
    <t>エクセラ_ふわラテ_ハーフ＆ハーフ</t>
  </si>
  <si>
    <t>エクセラ_ふわラテ_まったり深い味</t>
  </si>
  <si>
    <t>ふわラテミルクティー</t>
  </si>
  <si>
    <t>ふわラテ　ハチミツミルクティー</t>
  </si>
  <si>
    <t>ふわラテ宇治抹茶</t>
  </si>
  <si>
    <t>ホームカフェ_バラエティパック</t>
  </si>
  <si>
    <t>ゴールドブレンド　コク深ラテ　ミルク</t>
  </si>
  <si>
    <t>ゴールドブレンド　コク深ラテ　ダーク</t>
  </si>
  <si>
    <t>ゴールドブレンドスティック</t>
  </si>
  <si>
    <t>ネスカフェ　ゴールドブレンド　コク深ラテ　カロリーハーフ</t>
  </si>
  <si>
    <t>ゴールドブレンドコク深ラテカフェインレス</t>
  </si>
  <si>
    <t>6.5GX7</t>
  </si>
  <si>
    <t>ネスカフェ　エクセラ　ふわラテ</t>
  </si>
  <si>
    <t>ネスカフェ　エクセラ　ふわラテ　ハーフ＆ハーフ</t>
  </si>
  <si>
    <t>ネスカフェ　エクセラ　ふわラテ　まったり深い味</t>
  </si>
  <si>
    <t>ネスカフェ　エクセラ　スティックコーヒー　箱</t>
  </si>
  <si>
    <t>ゴールドブレンド濃厚ミルクラテ</t>
  </si>
  <si>
    <t>ゴールドブレンド濃厚カプチーノ9P</t>
  </si>
  <si>
    <t>ゴールドブレンドコク深めスティック</t>
  </si>
  <si>
    <t>濃い贅沢抹茶</t>
  </si>
  <si>
    <t>濃い贅沢抹茶ラテ</t>
  </si>
  <si>
    <t>64.8ｇ</t>
  </si>
  <si>
    <t>ゴールドブレンド濃厚カプチーノ</t>
  </si>
  <si>
    <t>ネスｺｰﾋｰﾃﾝゴールドブレンド濃厚ミルクラテ</t>
  </si>
  <si>
    <t>ネスｺｰﾋｰﾃﾝゴールドブレンド濃厚カプチーノ</t>
  </si>
  <si>
    <t>ネスｺｰﾋｰﾃﾝゴールドブレンド濃厚フラットホワイト</t>
  </si>
  <si>
    <t>ブライトコラーゲンミルクタイプ</t>
  </si>
  <si>
    <t>9.7g×5P</t>
  </si>
  <si>
    <t>ブライトGABAミルクタイプ</t>
  </si>
  <si>
    <t>9g×5P</t>
  </si>
  <si>
    <t>ケール抹茶ラテ5P</t>
  </si>
  <si>
    <t>カロリミットほうじ茶ラテ</t>
  </si>
  <si>
    <t>香るまろやかミルクティー</t>
  </si>
  <si>
    <t>香るまろやかミルクココア</t>
  </si>
  <si>
    <t>ケール＆フルーツ</t>
  </si>
  <si>
    <t>スターバックスプレミアムミックスキャラメルラテ</t>
  </si>
  <si>
    <t>スターバックスプレミアムミックスカフェラテ</t>
  </si>
  <si>
    <t>スターバックスプレミアムミックス抹茶ラテ</t>
  </si>
  <si>
    <t>スターバックスプレミアムミックスカフェモカ</t>
  </si>
  <si>
    <t>スタバプレミアムミックスｺｰﾋｰﾃﾝラテwithリユーザブルカッ</t>
  </si>
  <si>
    <t>ゴールドブレンドアーモンドラテ</t>
  </si>
  <si>
    <t>ゴールドブレンドオーツラテ</t>
  </si>
  <si>
    <t>ゴールドブレンド大人のご褒美ｺｰﾋｰﾃﾝラテ</t>
  </si>
  <si>
    <t>ゴールドブレンド大人のご褒美カプチーノ</t>
  </si>
  <si>
    <t>ゴールドブレンド大人のご褒美キャラメルマキアート</t>
  </si>
  <si>
    <t>ゴールドブレンド大人のご褒美ロイヤルミルクティー</t>
  </si>
  <si>
    <t>ゴールドブレンド大人のご褒美宇治抹茶ラテ</t>
  </si>
  <si>
    <t>スターバックスプレミアムトフィースナッツラテ</t>
  </si>
  <si>
    <t>ゴールドブレンド大人のご褒美ダルゴナコーヒー</t>
  </si>
  <si>
    <t>ゴールドブレンド香り華やぐスティックコーヒー</t>
  </si>
  <si>
    <t>ゴールドブレンド大人のご褒美ヘーゼルナッツラテ</t>
  </si>
  <si>
    <t>ゴールドブレンドライスラテ</t>
  </si>
  <si>
    <t>大人のご褒美アールグレイミルクティ</t>
  </si>
  <si>
    <t>大人のご褒美ダルゴナ抹茶</t>
  </si>
  <si>
    <t>スターバックスプレミアムミックスホワイトモカ</t>
  </si>
  <si>
    <t>ゴールドブレンド大人のご褒美モンブランラテ</t>
  </si>
  <si>
    <t>スターバックスプレミアムミックスギフト</t>
  </si>
  <si>
    <t>SBP-20A</t>
  </si>
  <si>
    <t>大人のご褒美ロイヤルミルクティー</t>
  </si>
  <si>
    <t>大人のご褒美アールグレイミルクティー</t>
  </si>
  <si>
    <t>大人のご褒美宇治抹茶ラテ</t>
  </si>
  <si>
    <t>ゴールドブレンド大人のご褒美ヘーゼルナッツプラリネラテ</t>
  </si>
  <si>
    <t>ネスカフェエクセラふわラテ</t>
  </si>
  <si>
    <t>1ﾎﾝ</t>
  </si>
  <si>
    <t>ネスカフェエクセラふわラテハーフ＆ハーフ</t>
  </si>
  <si>
    <t>ネスカフェエクセラふわラテまったり深い味</t>
  </si>
  <si>
    <t>大人のご褒美ダルゴナストロベリー</t>
  </si>
  <si>
    <t>ホイップタイムキャラメルマキアート</t>
  </si>
  <si>
    <t>ホイップタイムカフェラテ</t>
  </si>
  <si>
    <t>ホイップタイムカプチーノ</t>
  </si>
  <si>
    <t>ホイップタイムヘーゼルナッツラテ</t>
  </si>
  <si>
    <t>ホイップタイムバニララテ</t>
  </si>
  <si>
    <t>スターバックスカフェモーメント</t>
  </si>
  <si>
    <t>ゴールドブレンドコク深めスティックコーヒー</t>
  </si>
  <si>
    <t>ネスカフェホイップタイムラズベリーショコララテ</t>
  </si>
  <si>
    <t>ネスカフェホイップタイムキャラメルマキアート</t>
  </si>
  <si>
    <t>ネスカフェホイップタイムカプチーノ</t>
  </si>
  <si>
    <t>ネスカフェホイップタイムバニララテ</t>
  </si>
  <si>
    <t>ネスカフェホイップタイムカフェラテ</t>
  </si>
  <si>
    <t>ネスカフェホイップタイムフローラルミルクティーラテ</t>
  </si>
  <si>
    <t>ネスカフェゴールドブレンドスティックコーヒー</t>
  </si>
  <si>
    <t>NGBコク深めスティックコーヒー</t>
  </si>
  <si>
    <t>ネスカフェふわラテアイスラテ</t>
  </si>
  <si>
    <t>ネスカフェホイップタイムハニーシナモンラテ</t>
  </si>
  <si>
    <t>キットカットラテ</t>
  </si>
  <si>
    <t>マウントレーニアカフェラッテカフェモカ</t>
  </si>
  <si>
    <t>マウントレーニアカフェラッテマイルド</t>
  </si>
  <si>
    <t>カフェラッテマイルド</t>
  </si>
  <si>
    <t>カフェラッテカフェモカ</t>
  </si>
  <si>
    <t>リプトンティーラテ</t>
  </si>
  <si>
    <t>ﾘﾌﾟﾄﾝ</t>
  </si>
  <si>
    <t>しょうが紅茶３Ｐ</t>
  </si>
  <si>
    <t>8ｐ</t>
  </si>
  <si>
    <t>果実の紅茶ユズ＆アップル</t>
  </si>
  <si>
    <t>沖縄の海塩レモン水</t>
  </si>
  <si>
    <t>ロイヤルミルクティ</t>
  </si>
  <si>
    <t>レモネードＣ</t>
  </si>
  <si>
    <t>マンゴーミルクティー</t>
  </si>
  <si>
    <t>ピーチミルクティー</t>
  </si>
  <si>
    <t>抹茶ミルク</t>
  </si>
  <si>
    <t>三つの紅茶　９Ｐ</t>
  </si>
  <si>
    <t>ロイヤルミルクティ　８Ｐ</t>
  </si>
  <si>
    <t>レモンティ　１０Ｐ</t>
  </si>
  <si>
    <t>アップルティ　１０Ｐ</t>
  </si>
  <si>
    <t>ハイレモンドリンク</t>
  </si>
  <si>
    <t>コラーゲンＣドリンク８Ｐ</t>
  </si>
  <si>
    <t>ハイレモンドリンク２Ｐ</t>
  </si>
  <si>
    <t>コラーゲンＣドリンク２Ｐ</t>
  </si>
  <si>
    <t>12g×2</t>
  </si>
  <si>
    <t>カシスＣドリンク２Ｐ</t>
  </si>
  <si>
    <t>カシスＣドリンク８Ｐ</t>
  </si>
  <si>
    <t>果茶ピーチ＆ローズヒップ</t>
  </si>
  <si>
    <t>28g×4</t>
  </si>
  <si>
    <t>ハイレモン　ドリンク</t>
  </si>
  <si>
    <t>フルーツ＆コラーゲンＣドリンク</t>
  </si>
  <si>
    <t>カシス＆ブルーベリーCドリンク</t>
  </si>
  <si>
    <t>ハッピースタイルレモネード</t>
  </si>
  <si>
    <t>ハッピースタイルカシス＆ブルーベリー</t>
  </si>
  <si>
    <t>コラーゲンＣドリンク</t>
  </si>
  <si>
    <t>桃の紅茶</t>
  </si>
  <si>
    <t>C＆レモン</t>
  </si>
  <si>
    <t>抹茶オーレ_８Ｐ</t>
  </si>
  <si>
    <t>うるおいローズヒップ</t>
  </si>
  <si>
    <t>プレミックスシトラスピーチテ</t>
  </si>
  <si>
    <t>アールグレイミルクポリフェ２</t>
  </si>
  <si>
    <t>ロイヤルミルクティーハーフ</t>
  </si>
  <si>
    <t>いちごミルクティー</t>
  </si>
  <si>
    <t>ロイヤルミルク　チャイ</t>
  </si>
  <si>
    <t>フルーツティ－　バラエティ</t>
  </si>
  <si>
    <t>ロイヤルミルクティーカロリーハーフ</t>
  </si>
  <si>
    <t>しょうが＆ゆず</t>
  </si>
  <si>
    <t>しょうが紅茶　袋１０Ｐ</t>
  </si>
  <si>
    <t>日東紅茶　キャラメルミルクティー　袋１０Ｐ</t>
  </si>
  <si>
    <t>抹茶オーレ</t>
  </si>
  <si>
    <t>10本</t>
  </si>
  <si>
    <t>トロピカルフルーツティー</t>
  </si>
  <si>
    <t>カフェインレスミルクティ</t>
  </si>
  <si>
    <t>塩とライチ</t>
  </si>
  <si>
    <t>9.9g×10P</t>
  </si>
  <si>
    <t>フルーツ薫るサングリア</t>
  </si>
  <si>
    <t>厳選果汁のとろける白桃</t>
  </si>
  <si>
    <t>ホワイトサングリア</t>
  </si>
  <si>
    <t>9.5gx10P</t>
  </si>
  <si>
    <t>塩キャラメルミルクティー</t>
  </si>
  <si>
    <t>11.5gx8P</t>
  </si>
  <si>
    <t>マンゴー＆ローズヒップ</t>
  </si>
  <si>
    <t>10gx8P</t>
  </si>
  <si>
    <t>カシス＆ブルーベリー</t>
  </si>
  <si>
    <t>ほうじ茶オーレ</t>
  </si>
  <si>
    <t>14g×8P</t>
  </si>
  <si>
    <t>スパイス香るアップルティ</t>
  </si>
  <si>
    <t>ショコラ香るミルクティ</t>
  </si>
  <si>
    <t>ラム香るミルクティ</t>
  </si>
  <si>
    <t>果実あふれるルーツティー</t>
  </si>
  <si>
    <t>ミネラル＆乳酸菌</t>
  </si>
  <si>
    <t>きなこ香る黒ごまミルクティー_8p</t>
  </si>
  <si>
    <t>13gx8</t>
  </si>
  <si>
    <t>紅茶ポリフェノール入りホットアップル</t>
  </si>
  <si>
    <t>チロルチョコX日東紅茶ストロベリーラテ</t>
  </si>
  <si>
    <t>13.5g×8P</t>
  </si>
  <si>
    <t>チロルチョコX日東紅茶カフェモカ</t>
  </si>
  <si>
    <t>日東紅茶ロイヤルミルクティー桜風味</t>
  </si>
  <si>
    <t>日東紅茶まろやか梅</t>
  </si>
  <si>
    <t>抹茶オーレ8P</t>
  </si>
  <si>
    <t>12gx8</t>
  </si>
  <si>
    <t>ＭＴ抹茶ミルク</t>
  </si>
  <si>
    <t>ﾋﾙｽｺ-ﾋ-</t>
  </si>
  <si>
    <t>ＭＴレモン紅茶</t>
  </si>
  <si>
    <t>ＭＴゴールデンミルク紅茶</t>
  </si>
  <si>
    <t>ＭＴカフェオレ</t>
  </si>
  <si>
    <t>ＭＴカフェオレカプチーノ</t>
  </si>
  <si>
    <t>ＭＴカフェラッテ</t>
  </si>
  <si>
    <t>ヒルス　ＭＴ　抹茶ミルク　１０GＸ１６Ｐ　缶</t>
  </si>
  <si>
    <t>ＭＴ　レモン紅茶　缶　５５０G</t>
  </si>
  <si>
    <t>ドトール　まろやかカフェオレ　10P</t>
  </si>
  <si>
    <t>ドトール　ほろにがカフェオレ　10P</t>
  </si>
  <si>
    <t>アイスカフェオレ</t>
  </si>
  <si>
    <t>12g*7</t>
  </si>
  <si>
    <t>まろやかカフェオレスティック</t>
  </si>
  <si>
    <t>13g×10P</t>
  </si>
  <si>
    <t>ほろにがカフェオレスティック</t>
  </si>
  <si>
    <t>7g×10P</t>
  </si>
  <si>
    <t>おいしい豆乳ラテ</t>
  </si>
  <si>
    <t>素材が香るカフェラテ</t>
  </si>
  <si>
    <t>14gx6</t>
  </si>
  <si>
    <t>素材が香るハニーカフェラテ</t>
  </si>
  <si>
    <t>14gX6</t>
  </si>
  <si>
    <t>素材が香る黒糖カフェラテ</t>
  </si>
  <si>
    <t>15.5gX6</t>
  </si>
  <si>
    <t>素材が香るきなこ豆乳ラテ</t>
  </si>
  <si>
    <t>15gX6</t>
  </si>
  <si>
    <t>嬉野抹茶ラテ</t>
  </si>
  <si>
    <t>20g×4P</t>
  </si>
  <si>
    <t>八女抹茶ラテ</t>
  </si>
  <si>
    <t>辻利久_抹茶ミルク_ＳＴ</t>
  </si>
  <si>
    <t>辻利久</t>
  </si>
  <si>
    <t>スティッククラブ　濃抹茶ラテ</t>
  </si>
  <si>
    <t>9.5gｘ2</t>
  </si>
  <si>
    <t>黒糖ミルクティー</t>
  </si>
  <si>
    <t>黒糖ラテ</t>
  </si>
  <si>
    <t>タロラテ</t>
  </si>
  <si>
    <t>ティラミスコーヒーミックス</t>
  </si>
  <si>
    <t>ホワイトチョコラテ</t>
  </si>
  <si>
    <t>G7インスタントコーヒーブラック</t>
  </si>
  <si>
    <t>ヴィージェイ物産</t>
  </si>
  <si>
    <t>G7インスタントコーヒーカプチーノヘーゼルナッツ</t>
  </si>
  <si>
    <t>G7インスタントコーヒーカプチーノモカ</t>
  </si>
  <si>
    <t>チュングエンドリップコーヒークリエイティブ1粉</t>
  </si>
  <si>
    <t>チュングエンドリップコーヒークリエイティブ4粉</t>
  </si>
  <si>
    <t>チュングエンドリップコーヒークリエイティブ5粉</t>
  </si>
  <si>
    <t>G7インスタントコーヒー3IN1カフェミックス</t>
  </si>
  <si>
    <t>コピコブランカコーヒーミックス</t>
  </si>
  <si>
    <t>30g×10</t>
  </si>
  <si>
    <t>ﾀｶﾗｼｮｳｼﾞ</t>
  </si>
  <si>
    <t>１５Ｐ~</t>
  </si>
  <si>
    <t>エクセラふわラテ7.4g×303個セット</t>
  </si>
  <si>
    <t>ブレンディスティックカフェオレ2個セット</t>
  </si>
  <si>
    <t>30P×2P</t>
  </si>
  <si>
    <t>AGF_贅沢な珈琲店スティック_カフェラテ22本入り_3個セット</t>
  </si>
  <si>
    <t>エクセラふわラテ_6個ｾｯﾄ</t>
  </si>
  <si>
    <t>26p*6</t>
  </si>
  <si>
    <t>エクセラふわラテまったり深い味_6個ｾｯﾄ</t>
  </si>
  <si>
    <t>エクセラふわラテハーフ＆ハーフ_6個ｾｯﾄ</t>
  </si>
  <si>
    <t>エクセラふわラテ3個セット</t>
  </si>
  <si>
    <t>26P*3</t>
  </si>
  <si>
    <t>ブレンディスティックｺｰﾋｰﾃﾝオレ</t>
  </si>
  <si>
    <t>ブレンディカロリーハーフ</t>
  </si>
  <si>
    <t>ミックスカフェオレセット</t>
  </si>
  <si>
    <t>ブレンディスティックｺｰﾋｰﾃﾝオレほろにが</t>
  </si>
  <si>
    <t>21本入</t>
  </si>
  <si>
    <t>30本入</t>
  </si>
  <si>
    <t>ブレンディカフェオレ砂糖ゼロ</t>
  </si>
  <si>
    <t>ブレンディ濃厚ミルクカフェラテ</t>
  </si>
  <si>
    <t>ブレンディ濃厚ビターカフェラテ</t>
  </si>
  <si>
    <t>ブレンディコーヒーテンラトリービターカフェラテスティック</t>
  </si>
  <si>
    <t>ブレンディコーヒーテンラトリー濃厚ミルクカフェラテスティッ</t>
  </si>
  <si>
    <t>ちょっと贅沢な珈琲店パーソナルインスタントコーヒー</t>
  </si>
  <si>
    <t>28P</t>
  </si>
  <si>
    <t>カフェラトリースティック濃厚ロイヤルミルクティー</t>
  </si>
  <si>
    <t>ブレンディスティックカフェオレ大人のほろにが27本+3本</t>
  </si>
  <si>
    <t>8.0gx30ﾎﾝ</t>
  </si>
  <si>
    <t>27P</t>
  </si>
  <si>
    <t>ブレンディスティック飲み比べアソート</t>
  </si>
  <si>
    <t>ブレンディスティックカフェオレ甘さなし</t>
  </si>
  <si>
    <t>24本</t>
  </si>
  <si>
    <t>ブレンディスティックカフェオレ27本+3本</t>
  </si>
  <si>
    <t>8.8gx30ﾎﾝ</t>
  </si>
  <si>
    <t>ブレンディスティックカフェオレ大人のほろにが</t>
  </si>
  <si>
    <t>ZPICプレミアムグアテマラ最上</t>
  </si>
  <si>
    <t>ちょっと贅沢な珈琲店スティックカフェラテ深いコク</t>
  </si>
  <si>
    <t>ブレンディスティックカフェオレカロリーハーフ</t>
  </si>
  <si>
    <t>ちょっと贅沢な珈琲店スティックカフェラテまろやかなコク</t>
  </si>
  <si>
    <t>ちょっと贅沢な珈琲店スティックコーヒースペシャルブレンド</t>
  </si>
  <si>
    <t>22本</t>
  </si>
  <si>
    <t>ちょっと贅沢な珈琲店産地アソート</t>
  </si>
  <si>
    <t>45本</t>
  </si>
  <si>
    <t>5.4gx30ﾎﾝ</t>
  </si>
  <si>
    <t>ZPICプレミアムブラジル最上級</t>
  </si>
  <si>
    <t>カフェラトリースティック濃厚ミルクカフェラテ甘さなし</t>
  </si>
  <si>
    <t>ちょっと贅沢な珈琲店スティックブラックマスターのこだわりブレンド</t>
  </si>
  <si>
    <t>北海道の牧場のカフェオレ　ハ</t>
  </si>
  <si>
    <t>牧場ラテ　ハーフ＆ハーフ</t>
  </si>
  <si>
    <t>牧場ラテ　まったり深い味</t>
  </si>
  <si>
    <t>ふわラテ_ハーフ＆ハーフ50Ｐ</t>
  </si>
  <si>
    <t>ふわラテ深い味５０P</t>
  </si>
  <si>
    <t>エクセラ_ふわラテ　ミルクティー</t>
  </si>
  <si>
    <t>ふわラテ　ミルクティ　５０P</t>
  </si>
  <si>
    <t>ふわラテミルクティーハーフ＆ハーフ</t>
  </si>
  <si>
    <t>30Ｐ</t>
  </si>
  <si>
    <t>エクセラ_ふわラテハーフ＆ハーフ</t>
  </si>
  <si>
    <t>ふわラテ_ハーフ＆ハーフ</t>
  </si>
  <si>
    <t>エクセラ_ふわラテまったり深い味</t>
  </si>
  <si>
    <t>ふわラテ_まったり深い味</t>
  </si>
  <si>
    <t>ふわﾗﾃ_ﾐﾙｸﾃｨｰ_ﾊｰﾌ＆ﾊｰﾌ_4G</t>
  </si>
  <si>
    <t>ふわラテ　ミルクティー</t>
  </si>
  <si>
    <t>ゴールドブレンド　スティックコーヒー</t>
  </si>
  <si>
    <t>26P</t>
  </si>
  <si>
    <t>26p</t>
  </si>
  <si>
    <t>ネスｺｰﾋｰﾃﾝゴールドブレンドスティックコーヒー</t>
  </si>
  <si>
    <t>ふわラテ</t>
  </si>
  <si>
    <t>ふわラテハーフ＆ハーフ</t>
  </si>
  <si>
    <t>ふわラテまったり深い味</t>
  </si>
  <si>
    <t>ﾈｽﾚ　ふわﾗﾃ_ﾐﾙｸﾃｨｰ</t>
  </si>
  <si>
    <t>ネスｺｰﾋｰﾃﾝエクセラスティックコーヒー箱</t>
  </si>
  <si>
    <t>ゴールドブレンド濃厚ミルクラテ26P</t>
  </si>
  <si>
    <t>ゴールドブレンド濃厚カプチーノ26P</t>
  </si>
  <si>
    <t>184.8g</t>
  </si>
  <si>
    <t>169.4g</t>
  </si>
  <si>
    <t>ふわラテキャラメル</t>
  </si>
  <si>
    <t>香るまろやか抹茶ラテ</t>
  </si>
  <si>
    <t>ミックスバラエティパック</t>
  </si>
  <si>
    <t>香るまろやかほうじ茶ラテ</t>
  </si>
  <si>
    <t>20本入</t>
  </si>
  <si>
    <t>ネスカフェ_スティックバラエティーパック</t>
  </si>
  <si>
    <t>124.5g</t>
  </si>
  <si>
    <t>ネスｺｰﾋｰﾃﾝエクセラふわラテノンスイート</t>
  </si>
  <si>
    <t>22本入</t>
  </si>
  <si>
    <t>ネスカフェゴールドブレンドコク深めスティックコーヒー</t>
  </si>
  <si>
    <t>ネスカフェゴールドブレンド香り華やぐスティックコーヒー</t>
  </si>
  <si>
    <t>香るまろやかミルクティーノンスイート</t>
  </si>
  <si>
    <t>26本入</t>
  </si>
  <si>
    <t>ネスｺｰﾋｰﾃﾝエクセラふわラテまったり深い味30P+3</t>
  </si>
  <si>
    <t>ＮＧＢ　スティックコーヒー　２２Ｐ＋４Ｐ</t>
  </si>
  <si>
    <t>１８２ｇ</t>
  </si>
  <si>
    <t>ネスｺｰﾋｰﾃﾝNEXブラックローストスティック30P</t>
  </si>
  <si>
    <t>エクセラふわラテまろやかミルク</t>
  </si>
  <si>
    <t>ゴールドブレンドスティックブラック</t>
  </si>
  <si>
    <t>34本</t>
  </si>
  <si>
    <t>エクセラふわラテおいしいノンスイート</t>
  </si>
  <si>
    <t>エクセラふわラテ</t>
  </si>
  <si>
    <t>エクセラふわラテまったり深い味</t>
  </si>
  <si>
    <t>エクセラふわラテハーフ＆ハーフ</t>
  </si>
  <si>
    <t>ネスカフェ香味焙煎ひとときの贅沢スティックコーヒー</t>
  </si>
  <si>
    <t>28p</t>
  </si>
  <si>
    <t>ふわラテほっこりカフェインレス</t>
  </si>
  <si>
    <t>エクセラふわラテまったり深い味増量</t>
  </si>
  <si>
    <t>エクセラふわラテ増量</t>
  </si>
  <si>
    <t>エクセラふわラテハーフ＆ハーフ増量</t>
  </si>
  <si>
    <t>123．2g</t>
  </si>
  <si>
    <t>ゴールドブレンドカフェインハーフスティックブラック</t>
  </si>
  <si>
    <t>ふわラテ香るミルクココア</t>
  </si>
  <si>
    <t>ネスカフェゴールドブレンドスティックブラック42P</t>
  </si>
  <si>
    <t>ふわラテちいかわアソートパック</t>
  </si>
  <si>
    <t>ふわラテふんわりキャラメルラテ</t>
  </si>
  <si>
    <t>ふわラテほんわかカフェモカ</t>
  </si>
  <si>
    <t>スティックメイトフルーティーアソート</t>
  </si>
  <si>
    <t>スティックメイトミルクティーアソート</t>
  </si>
  <si>
    <t>あったかしょうが湯4種</t>
  </si>
  <si>
    <t>スティックメイトビューティーアソート</t>
  </si>
  <si>
    <t>ステッィクメイトジャスミンティ</t>
  </si>
  <si>
    <t>スティックメイトビタミンCアソート</t>
  </si>
  <si>
    <t>スティックメイトドルチェココアアソート</t>
  </si>
  <si>
    <t>カフェオレ</t>
  </si>
  <si>
    <t>スティックメイトFアソート</t>
  </si>
  <si>
    <t>スティックメイトしょうが湯アソート</t>
  </si>
  <si>
    <t>スティックメイトティーラテアソート</t>
  </si>
  <si>
    <t>13g×30P</t>
  </si>
  <si>
    <t>7g/18</t>
  </si>
  <si>
    <t>マキシムミックスモカゴールド</t>
  </si>
  <si>
    <t>12gx20</t>
  </si>
  <si>
    <t>東西食品</t>
  </si>
  <si>
    <t>ﾄｳｻﾞｲｼｮｸﾋﾝ</t>
  </si>
  <si>
    <t>マキシムコーヒーオリジナル</t>
  </si>
  <si>
    <t>マキシムホワイトゴールド</t>
  </si>
  <si>
    <t>12g*20</t>
  </si>
  <si>
    <t>ネスカフェコーヒーミックス</t>
  </si>
  <si>
    <t>カフェオレ･カロリーハーフ</t>
  </si>
  <si>
    <t>ブラックスティック</t>
  </si>
  <si>
    <t>デイリーサポート香るブラック</t>
  </si>
  <si>
    <t>4.5g×8</t>
  </si>
  <si>
    <t>ブレンディ香るブラックＳＴ</t>
  </si>
  <si>
    <t>ブレンディ香ブラックＳＴ微糖</t>
  </si>
  <si>
    <t>ブレンディプラス微糖</t>
  </si>
  <si>
    <t>ブレンディプラス</t>
  </si>
  <si>
    <t>ブレンディホームアラカルト</t>
  </si>
  <si>
    <t>スターバックスヴィアイタリアンロースト</t>
  </si>
  <si>
    <t>スターバックスヴィアコロンビア</t>
  </si>
  <si>
    <t>ブレンディスティックブラック</t>
  </si>
  <si>
    <t>13p</t>
  </si>
  <si>
    <t>11本</t>
  </si>
  <si>
    <t>マキシム　ブラック　カフェアラカルト</t>
  </si>
  <si>
    <t>マキシム　ちょっと贅沢な珈琲店スティックプレミアムブラック１０Ｐ</t>
  </si>
  <si>
    <t>トップグレードハイブリッド　濃密なコク</t>
  </si>
  <si>
    <t>トップグレードハイブリッド　高貴な香り</t>
  </si>
  <si>
    <t>マキシム　HYスティック濃密コク</t>
  </si>
  <si>
    <t>マキシム　HYスティック高貴香り</t>
  </si>
  <si>
    <t>マキシムスペシャリティース</t>
  </si>
  <si>
    <t>マキシムブラックインＢアソート　８Ｐ</t>
  </si>
  <si>
    <t>ブレンディ優華なコク</t>
  </si>
  <si>
    <t>１１Ｐ</t>
  </si>
  <si>
    <t>ブラックコーヒートライアルパック　７本</t>
  </si>
  <si>
    <t>ﾏｷｼﾑﾌｧｲﾝﾋﾞﾀｰ</t>
  </si>
  <si>
    <t>マキシムブラックインボックスローストアソート</t>
  </si>
  <si>
    <t>ブレンディパーソナルインスタントコーヒーやすらぎのｺｰﾋｰﾃﾝイ</t>
  </si>
  <si>
    <t>ＴＨＥＢＬＥＮＤ１１４スティック</t>
  </si>
  <si>
    <t>2gX10</t>
  </si>
  <si>
    <t>ＴＨＥＢＬＥＮＤ１１７スティック</t>
  </si>
  <si>
    <t>香味焙煎　深み　スティック　箱</t>
  </si>
  <si>
    <t>ネスカフェ　香味焙煎　丸み　スティック　箱</t>
  </si>
  <si>
    <t>エクセラスティックブラック</t>
  </si>
  <si>
    <t>2g×9P</t>
  </si>
  <si>
    <t>ネスｺｰﾋｰﾃﾝエクセラスティックブラック</t>
  </si>
  <si>
    <t>ネスｺｰﾋｰﾃﾝゴールドブレンドコク深めスティックブラック</t>
  </si>
  <si>
    <t>スタバプレミアムミディアムロースト</t>
  </si>
  <si>
    <t>16.1g</t>
  </si>
  <si>
    <t>スタバプレミアムダークロースト</t>
  </si>
  <si>
    <t>スターバックスプレミアムブロンドロースト</t>
  </si>
  <si>
    <t>ゴールドブレンドカフェインレスブラック</t>
  </si>
  <si>
    <t>ブラックスティックセレクション</t>
  </si>
  <si>
    <t>ゴールドブレンドオリジンブラックスティックセレクション</t>
  </si>
  <si>
    <t>ゴールドブレンドコク深めスティックブラック</t>
  </si>
  <si>
    <t>ゴールドブレンド香り華やぐスティック</t>
  </si>
  <si>
    <t>13P</t>
  </si>
  <si>
    <t>スターバックスカフェモーメントアソート</t>
  </si>
  <si>
    <t>ネスカフェエクセラスティックブラック</t>
  </si>
  <si>
    <t>マキシムブラックインボックスアソート</t>
  </si>
  <si>
    <t>ブラックインボックスアソート</t>
  </si>
  <si>
    <t>ブレンディ　アロマブレンド優雅なコク　２４本</t>
  </si>
  <si>
    <t>２４Ｐ</t>
  </si>
  <si>
    <t>マキシム　ファインビター</t>
  </si>
  <si>
    <t>マキシムファインビター</t>
  </si>
  <si>
    <t>ちょっと贅沢な珈琲店ブラックインボックス焙煎アソート</t>
  </si>
  <si>
    <t>18本入</t>
  </si>
  <si>
    <t>2gx30ﾎﾝ</t>
  </si>
  <si>
    <t>ちょっと贅沢な珈琲店スティックブラックプレミアム産地アソート</t>
  </si>
  <si>
    <t>エクセラ　スティック　ブラック</t>
  </si>
  <si>
    <t>48本入</t>
  </si>
  <si>
    <t>ネスｺｰﾋｰﾃﾝゴールドブレンドスティックブラック</t>
  </si>
  <si>
    <t>40本入</t>
  </si>
  <si>
    <t>ネスｺｰﾋｰﾃﾝゴールドブレンド香り華やぐスティック</t>
  </si>
  <si>
    <t>ゴールドブレンドカフェインレススティックブラック</t>
  </si>
  <si>
    <t>香味焙煎ひとときの贅沢スティックブラック</t>
  </si>
  <si>
    <t>ネスカフェエクセラすっきり華やぐスティックブラック</t>
  </si>
  <si>
    <t>ポーション</t>
  </si>
  <si>
    <t>ブレンディポーションお試し</t>
  </si>
  <si>
    <t>ブレンディーＰ甘さひかえめ</t>
  </si>
  <si>
    <t>ブレンディーＰ無糖</t>
  </si>
  <si>
    <t>ブレンディポーションお試しパック</t>
  </si>
  <si>
    <t>ブレンディポーションハーフ</t>
  </si>
  <si>
    <t>ブレンディポーション無糖</t>
  </si>
  <si>
    <t>マキシムポーションカフェモカ</t>
  </si>
  <si>
    <t>マキシムポーションキャラメル</t>
  </si>
  <si>
    <t>マキシムポーションチャイラテ</t>
  </si>
  <si>
    <t>ﾏｷｼﾑﾎﾟｰｼｮﾝ_抹茶ﾗﾃ</t>
  </si>
  <si>
    <t>マキシムＰ手摘み苺</t>
  </si>
  <si>
    <t>ﾌﾞﾚﾝﾃﾞｨﾎﾟｰｼｮﾝ_ｴｽﾌﾟﾚｯｿ微糖</t>
  </si>
  <si>
    <t>マキシムポーション木苺ラテ</t>
  </si>
  <si>
    <t>ﾌﾞﾚﾝﾃﾞｨﾎﾟｰｼｮﾝ無糖</t>
  </si>
  <si>
    <t>ﾌﾞﾚﾝﾃﾞｨﾎﾟｰｼｮﾝｶﾛﾘｰﾊｰﾌ</t>
  </si>
  <si>
    <t>ﾌﾞﾚﾝﾃﾞｨﾎﾟｰｼｮﾝ_ｾｲﾛﾝﾃｨ</t>
  </si>
  <si>
    <t>ﾏｷｼﾑﾎﾟｰｼｮﾝ_ｶﾌｪﾓｶ</t>
  </si>
  <si>
    <t>ﾏｷｼﾑﾎﾟｰｼｮﾝｷｬﾗﾒﾙﾏｷｱｰﾄ</t>
  </si>
  <si>
    <t>AGF　ブレンディポーション　ココア</t>
  </si>
  <si>
    <t>AGF　ブレンディ深煎りポーションコーヒー無糖</t>
  </si>
  <si>
    <t>AGF　ブレンディ深煎りポーションコーヒーエスプレッソ微糖</t>
  </si>
  <si>
    <t>AGF　ブレンディポーションティー　セイロンティー</t>
  </si>
  <si>
    <t>AGF　ブレンディ深煎りポーションコーヒーカロリーハーフ</t>
  </si>
  <si>
    <t>AGF　マキシムポーションメニュー　キャラメルマキアートベース</t>
  </si>
  <si>
    <t>AGF　マキシムポーションメニュー　抹茶ラテベース</t>
  </si>
  <si>
    <t>ﾌﾞﾚﾝﾃﾞｨ_ﾎﾟｰｼｮﾝ_無糖</t>
  </si>
  <si>
    <t>ﾌﾞﾚﾝﾃﾞｨ_ﾎﾟｰｼｮﾝ_ｶﾛﾘｰﾊｰﾌ</t>
  </si>
  <si>
    <t>ブレンディポーションティー　セイロンティー</t>
  </si>
  <si>
    <t>ブレンディポーション　ココア</t>
  </si>
  <si>
    <t>マキシムポーションメニュー　キャラメルマキアート</t>
  </si>
  <si>
    <t>マキシムポーションメニュー　抹茶ラテ</t>
  </si>
  <si>
    <t>ブレンディポーション抹茶オレ</t>
  </si>
  <si>
    <t>ブレンディポーションキャラメル</t>
  </si>
  <si>
    <t>ブレンディーポーション珈琲加糖</t>
  </si>
  <si>
    <t>ブレンディーポーション珈琲無糖</t>
  </si>
  <si>
    <t>ブレンディーＰコーヒーアマサヒカエメ</t>
  </si>
  <si>
    <t>ｶﾌｪﾗﾄﾘｰﾎﾟｰｼｮﾝｺｰﾋｰ_無糖</t>
  </si>
  <si>
    <t>ｶﾌｪﾗﾄﾘｰﾎﾟｰｼｮﾝｺｰﾋｰ_甘さひかえめ</t>
  </si>
  <si>
    <t>ｶﾌｪﾗﾄﾘｰﾎﾟｰｼｮﾝ_ｺｺｱ</t>
  </si>
  <si>
    <t>ｶﾌｪﾗﾄﾘｰﾎﾟｰｼｮﾝｺｰﾋｰ_ｷｬﾗﾒﾙﾗﾃﾍﾞｰｽ</t>
  </si>
  <si>
    <t>ｶﾌｪﾗﾄﾘｰﾎﾟｰｼｮﾝﾃｨｰ_抹茶ﾗﾃﾍﾞｰｽ</t>
  </si>
  <si>
    <t>ブレンディポーションコーヒー甘さひかえめ</t>
  </si>
  <si>
    <t>ブレンディポーションセイロンティー</t>
  </si>
  <si>
    <t>ブレンディポーション_ココア</t>
  </si>
  <si>
    <t>7ｺ</t>
  </si>
  <si>
    <t>ブレンディポーションキャラメルオレベース</t>
  </si>
  <si>
    <t>ブレンディポーションコーヒー無糖</t>
  </si>
  <si>
    <t>ブレンディＰＣ甘さひかえめ</t>
  </si>
  <si>
    <t>ブレンディポーションコーヒーキャラメル</t>
  </si>
  <si>
    <t>8個入</t>
  </si>
  <si>
    <t>ブレンディポーションティーセイロンティー</t>
  </si>
  <si>
    <t>ブレンディポーションティー抹茶オレベース</t>
  </si>
  <si>
    <t>ブレンディポーションココア</t>
  </si>
  <si>
    <t>ブレンディポーションフルーツティー3種の果物ミックス</t>
  </si>
  <si>
    <t>ポーション甘熟苺オレベース</t>
  </si>
  <si>
    <t>ブレンディポーション濃縮コーヒー無糖</t>
  </si>
  <si>
    <t>18g×8P</t>
  </si>
  <si>
    <t>21g×7P</t>
  </si>
  <si>
    <t>ポーションココアオレベース</t>
  </si>
  <si>
    <t>21g×6</t>
  </si>
  <si>
    <t>アイスポーション　すっきり</t>
  </si>
  <si>
    <t>アイスポーション　しっかり</t>
  </si>
  <si>
    <t>ブレンディポーション濃縮コーヒーキャラメルオレベース</t>
  </si>
  <si>
    <t>ポーション濃縮コーヒーキャラメルオレベース</t>
  </si>
  <si>
    <t>18gx6</t>
  </si>
  <si>
    <t>ブレンディポーションティー紅茶７個</t>
  </si>
  <si>
    <t>18gx7</t>
  </si>
  <si>
    <t>ブレンディポーション濃縮コーヒー甘さひかえめ</t>
  </si>
  <si>
    <t>ブレンディポーション抹茶オレベース</t>
  </si>
  <si>
    <t>ポーション濃縮コーヒー無糖</t>
  </si>
  <si>
    <t>20g×7P</t>
  </si>
  <si>
    <t>ちょっと贅沢な珈琲店ポーションアイスコーヒー希釈タイプ無糖</t>
  </si>
  <si>
    <t>18gx5P</t>
  </si>
  <si>
    <t>ポーション濃縮コーヒー甘さひかえめ</t>
  </si>
  <si>
    <t>ブレンディポーション濃縮コーヒーエスプレッソ無糖</t>
  </si>
  <si>
    <t>18g×7P</t>
  </si>
  <si>
    <t>ブレンディポーションほうじ茶</t>
  </si>
  <si>
    <t>ポーション濃縮ティー紅茶</t>
  </si>
  <si>
    <t>ジンジャー　レモン</t>
  </si>
  <si>
    <t>ジンジャー　ハニー</t>
  </si>
  <si>
    <t>ジンジャー　ライムミント</t>
  </si>
  <si>
    <t>プラス_ナチュラル　ジンジャーシロップ　ジンジャーレモン</t>
  </si>
  <si>
    <t>プラスナチュラル_ジンジャーソルティパイン</t>
  </si>
  <si>
    <t>プラスナチュラル_ジンジャーライムミント</t>
  </si>
  <si>
    <t>牛乳でカフェオレＰ</t>
  </si>
  <si>
    <t>牛乳でティオレＰ</t>
  </si>
  <si>
    <t>牛乳でココアオレＰ</t>
  </si>
  <si>
    <t>牛乳で簡単ココアオレ</t>
  </si>
  <si>
    <t>カフェオレ贅沢仕立て</t>
  </si>
  <si>
    <t>アルファ・オ・レ　コーヒー</t>
  </si>
  <si>
    <t>アルファ・オ・レ</t>
  </si>
  <si>
    <t>25g×8</t>
  </si>
  <si>
    <t>アルファオレコーヒー味６Ｐ</t>
  </si>
  <si>
    <t>アルファオレココア味</t>
  </si>
  <si>
    <t>アルファオレカフェオレ味</t>
  </si>
  <si>
    <t>アルファオレ紅茶味</t>
  </si>
  <si>
    <t>アイスクール甘さ控えめ</t>
  </si>
  <si>
    <t>19g×8</t>
  </si>
  <si>
    <t>アイスクールストＬレートティ</t>
  </si>
  <si>
    <t>アイスクールオリジナル</t>
  </si>
  <si>
    <t>アイスクール無糖</t>
  </si>
  <si>
    <t>エクセラポーション無糖</t>
  </si>
  <si>
    <t>ホームカフェ_ポーション_ショコラッテ</t>
  </si>
  <si>
    <t>ホームカフェ_ポーション_宇治抹茶カフェラッテ</t>
  </si>
  <si>
    <t>ミロポーション</t>
  </si>
  <si>
    <t>アイスクール甘さ超ひかえめ</t>
  </si>
  <si>
    <t>アイスクールレモンティー</t>
  </si>
  <si>
    <t>22g×8</t>
  </si>
  <si>
    <t>アイスクールカロリーハーフ</t>
  </si>
  <si>
    <t>アイスクール　ダージリン</t>
  </si>
  <si>
    <t>アイスクール　アールグレイ</t>
  </si>
  <si>
    <t>ネスティーポーション　ダージリング</t>
  </si>
  <si>
    <t>ネスティーポーション　アールグレイ</t>
  </si>
  <si>
    <t>エクセラ_ポーション_甘さひかえめ</t>
  </si>
  <si>
    <t>ﾏｲｽﾀｰ焦がしｷｬﾗﾒﾙﾏｷｱｰﾄ_18gX4個</t>
  </si>
  <si>
    <t>ネスティー_ポーション_ダージリン</t>
  </si>
  <si>
    <t>ネスティー_ポーション_アールグレイ</t>
  </si>
  <si>
    <t>エクセラポーション甘さ控えめ</t>
  </si>
  <si>
    <t>18g×9</t>
  </si>
  <si>
    <t>ｴｸｾﾗ_ﾎﾟｰｼｮﾝ甘さﾋｶｴﾒ_11G</t>
  </si>
  <si>
    <t>11g×7</t>
  </si>
  <si>
    <t>ｴｸｾﾗ_ﾎﾟｰｼｮﾝ無糖11G</t>
  </si>
  <si>
    <t>ﾎﾟｰｼｮﾝ_ｱｰﾙｸﾞﾚｲ_12G</t>
  </si>
  <si>
    <t>GBﾎｰﾑｶﾌｪ_ｷｬﾗﾒﾙﾏｷｱｰﾄ</t>
  </si>
  <si>
    <t>ネスレ_ホームカフェ_ポーション_宇治抹茶ラテ</t>
  </si>
  <si>
    <t>ゴールドブレンドコク深めポーション甘さ控えめ</t>
  </si>
  <si>
    <t>ゴールドブレンドコク深めポーション甘さ控えめ無糖</t>
  </si>
  <si>
    <t>ゴールドブレンドポーションキャラメルマキアート</t>
  </si>
  <si>
    <t>ネスレポーション宇治抹茶ラテ</t>
  </si>
  <si>
    <t>ネスティー　ポーション　ダージリン</t>
  </si>
  <si>
    <t>12ｇ×7P</t>
  </si>
  <si>
    <t>ネスティー　ポーション　アールグレイ</t>
  </si>
  <si>
    <t>ゴールドブレンドコク深めポーション無糖</t>
  </si>
  <si>
    <t>ゴールドブレンドコク深めポーション甘さひかえめ</t>
  </si>
  <si>
    <t>ゴールドブレンドポーション甘さひかえめ</t>
  </si>
  <si>
    <t>ゴールドブレンドポーション無糖</t>
  </si>
  <si>
    <t>ﾈｽｶﾌｪ　GBｺｸ深めｷｬﾗﾒﾙﾏｷｱｰﾄ</t>
  </si>
  <si>
    <t>ﾈｽｶﾌｪ　GBｺｸ深めﾎﾟｰｼｮﾝｶﾌｪﾓｶ_11G</t>
  </si>
  <si>
    <t>ネスティーポーションダージリン</t>
  </si>
  <si>
    <t>１２ｇ＊７</t>
  </si>
  <si>
    <t>ネスティーポーションアールグレイ</t>
  </si>
  <si>
    <t>贅沢抹茶　ポーション</t>
  </si>
  <si>
    <t>ネスカフェポーションキャラメルマキアート</t>
  </si>
  <si>
    <t>ゴールドブレンドポーション贅沢ｺｰﾋｰﾃﾝモカ</t>
  </si>
  <si>
    <t>贅沢抹茶ラテ　ポーション</t>
  </si>
  <si>
    <t>贅沢抹茶_ポーションノンスイート</t>
  </si>
  <si>
    <t>贅沢抹茶ポーション甘さひかえめ</t>
  </si>
  <si>
    <t>ネスティーポーションダージリン甘さひかえめ</t>
  </si>
  <si>
    <t>ネスティーポーションアールグレイ甘さひかえめ</t>
  </si>
  <si>
    <t>GB香り華やぐSTﾌﾞﾗｯｸ9P</t>
  </si>
  <si>
    <t>ネスレポーションピーチティーラテ</t>
  </si>
  <si>
    <t>ネスカフェポーションバニララテ</t>
  </si>
  <si>
    <t>ネスレポーションアールグレイ甘さひかえめ</t>
  </si>
  <si>
    <t>ネスカフェゴールドブレンドポーション無糖</t>
  </si>
  <si>
    <t>ネスカフェゴールドブレンドポーション甘さひかえめ</t>
  </si>
  <si>
    <t>丸福珈琲店監修カフェラテベース甘さひかえめ</t>
  </si>
  <si>
    <t>チョコザップコラボ濃縮スポーツドリンクポーション</t>
  </si>
  <si>
    <t>9ml×10</t>
  </si>
  <si>
    <t>プチアールグレイアイスティー</t>
  </si>
  <si>
    <t>ポーションココア</t>
  </si>
  <si>
    <t>プレミアム　ポーションコーヒー</t>
  </si>
  <si>
    <t>17ml*7P</t>
  </si>
  <si>
    <t>石光商事</t>
  </si>
  <si>
    <t>カフェインレスポーションコーヒ</t>
  </si>
  <si>
    <t>牛乳屋さんの珈琲　箱</t>
  </si>
  <si>
    <t>14G*8</t>
  </si>
  <si>
    <t>ﾜｺｳﾄﾞｳ</t>
  </si>
  <si>
    <t>牛乳屋さんのｶﾌｪｲﾝﾚｽ珈琲箱</t>
  </si>
  <si>
    <t>11G*8</t>
  </si>
  <si>
    <t>牛乳屋さんｶﾌｪｲﾝﾚｽﾐﾙｸﾃｨｰ箱</t>
  </si>
  <si>
    <t>12G*8</t>
  </si>
  <si>
    <t>アイリッシュブレックファストティー</t>
  </si>
  <si>
    <t>80P</t>
  </si>
  <si>
    <t>ﾄﾝﾌﾟｿﾝｽﾞ</t>
  </si>
  <si>
    <t>シグネチャーブレンドティー</t>
  </si>
  <si>
    <t>スペシャルエブリディティー</t>
  </si>
  <si>
    <t>ＡＨＭＡＤTBクラシックセレクション</t>
  </si>
  <si>
    <t>２ｇ×２０Ｐ</t>
  </si>
  <si>
    <t>ＡＨＭＡＤTBフルーツセレクション</t>
  </si>
  <si>
    <t>アーマッドティーバックアールグレイ</t>
  </si>
  <si>
    <t>アーマッドティーバックイングリッシュブレックファースト</t>
  </si>
  <si>
    <t>アーマッドティーバックダージリン</t>
  </si>
  <si>
    <t>アーマッドティーバックセイロン</t>
  </si>
  <si>
    <t>ＡＨＭＡＤTBイングリッシュブレックファースト</t>
  </si>
  <si>
    <t>２．５ｇ×５０Ｐ</t>
  </si>
  <si>
    <t>ＡＨＭＡＤTBアールグレイ</t>
  </si>
  <si>
    <t>ＡＨＭＡＤTBEアフタヌーン</t>
  </si>
  <si>
    <t>ＡＨＭＡＤTBダージリン</t>
  </si>
  <si>
    <t>AHMADTBイングリッシュＮＯ．１</t>
  </si>
  <si>
    <t>２ｇ×１００Ｐ</t>
  </si>
  <si>
    <t>AHMADTBアールグレイ</t>
  </si>
  <si>
    <t>アーマッドティーバックデカフェアールグレイ</t>
  </si>
  <si>
    <t>ＡＨＭＡＤTBデカフェアールグレイ</t>
  </si>
  <si>
    <t>セレッシャル　レッド・ジンガー　２０Ｐ</t>
  </si>
  <si>
    <t>ｾﾚｯｼｬﾙ</t>
  </si>
  <si>
    <t>セレッシャル　スリーピータイム　２０Ｐ</t>
  </si>
  <si>
    <t>ハーブティー_アソート5種類_18P</t>
  </si>
  <si>
    <t>セレッシャル　ハニーバニラカモミール　２０Ｐ</t>
  </si>
  <si>
    <t>セレッシャル　ベンガル　スパイス　２０Ｐ</t>
  </si>
  <si>
    <t>フルーツ5種セット_18p</t>
  </si>
  <si>
    <t>セレッシャル　ルイボス　モロッカン　ポムグラネート　２０Ｐ</t>
  </si>
  <si>
    <t>セレッシャル　ルイボス　マダガスカル　バニラ　２０Ｐ</t>
  </si>
  <si>
    <t>セレッシャル　スリーピータイム　ピーチ　２０Ｐ</t>
  </si>
  <si>
    <t>セレッシャル　ジャミンレモンジンジャー　２０Ｐ</t>
  </si>
  <si>
    <t>ヨギティー　ベッドタイム</t>
  </si>
  <si>
    <t>ヨギティー　カモミール</t>
  </si>
  <si>
    <t>ヨギティー　エキナセア</t>
  </si>
  <si>
    <t>ヨギティー　レモンジンジャー</t>
  </si>
  <si>
    <t>ヨギティー　セントジョーンズワート</t>
  </si>
  <si>
    <t>ヨギティー　チャイルイボス</t>
  </si>
  <si>
    <t>ヨギティー　クラッシックインディアンスパイス</t>
  </si>
  <si>
    <t>ヨギティー　ピュアグリーンデカフェ</t>
  </si>
  <si>
    <t>ヨギティー　ピュアリーペパーミント</t>
  </si>
  <si>
    <t>ヨギティー　スロートティー</t>
  </si>
  <si>
    <t>ヨギティー　ウーマンズマザートゥービー</t>
  </si>
  <si>
    <t>ヨギティー　ウーマンズラズベリーリーフ</t>
  </si>
  <si>
    <t>ＦＡＵＣＨＯＮ紅茶ダージリン</t>
  </si>
  <si>
    <t>２０袋</t>
  </si>
  <si>
    <t>FAUCHON</t>
  </si>
  <si>
    <t>ＦＡＵＣＨＯＮ紅茶アップルティー</t>
  </si>
  <si>
    <t>ＦＡＵＣＨＯＮ紅茶アールグレイ</t>
  </si>
  <si>
    <t>ＦＡＵＣＨＯＮ紅茶モーニング</t>
  </si>
  <si>
    <t>ロイヤルブレックファースト２０ＴＢ</t>
  </si>
  <si>
    <t>２０ＴＢ</t>
  </si>
  <si>
    <t>ﾋｶﾞｼｲﾝﾄﾞｶﾞ</t>
  </si>
  <si>
    <t>ザ・キャンベルダージリン２０ＴＢ</t>
  </si>
  <si>
    <t>ザ・ファーストエステートアッサム20ＴＢ</t>
  </si>
  <si>
    <t>ザ・スタントンアールグレイ２０ＴＢ</t>
  </si>
  <si>
    <t>ハンブステッド　ペパーミント</t>
  </si>
  <si>
    <t>１．５ｇ*２０</t>
  </si>
  <si>
    <t>ﾊﾝﾌﾞｽﾃｯﾄﾞ</t>
  </si>
  <si>
    <t>ハンブステッド　ロイヤルカモミール</t>
  </si>
  <si>
    <t>ハンプステッドローズヒップハイピスカス</t>
  </si>
  <si>
    <t>２ｇ*２０</t>
  </si>
  <si>
    <t>ﾊﾝﾌﾟｽﾃｯﾄﾞ</t>
  </si>
  <si>
    <t>ハンプステッド　イングリッシュＢＦ</t>
  </si>
  <si>
    <t>ハンプステッド　アールグレイ</t>
  </si>
  <si>
    <t>ハンプステッド　ダージリン</t>
  </si>
  <si>
    <t>ハンプステッドアッサム</t>
  </si>
  <si>
    <t>ラブ</t>
  </si>
  <si>
    <t>ブラックスパイス　チャイ　有機ﾊｰﾌﾞﾃｨ</t>
  </si>
  <si>
    <t>セイロン紅茶</t>
  </si>
  <si>
    <t>アップルティテーバック</t>
  </si>
  <si>
    <t>25袋</t>
  </si>
  <si>
    <t>レモンティティーバック</t>
  </si>
  <si>
    <t>ライジングセイロン紅茶</t>
  </si>
  <si>
    <t>100袋</t>
  </si>
  <si>
    <t>蜜りんごの和紅茶2g×5P</t>
  </si>
  <si>
    <t>さくらの和紅茶</t>
  </si>
  <si>
    <t>白桃の和紅茶2g×5P</t>
  </si>
  <si>
    <t>瀬戸内レモンの和紅茶2g×5P</t>
  </si>
  <si>
    <t>寄居みかんの和紅茶2g×5P</t>
  </si>
  <si>
    <t>マスクメロン和紅茶2g×5P</t>
  </si>
  <si>
    <t>甲州ぶどうの和紅茶2g×5P</t>
  </si>
  <si>
    <t>ジャスミンと和紅茶2g×5P</t>
  </si>
  <si>
    <t>はちみつの和紅茶2g×5P</t>
  </si>
  <si>
    <t>さくらんぼの和紅茶2g×5P</t>
  </si>
  <si>
    <t>日東紅茶　ルイボスデイズ　ＴＢ　１．５ｇ×４０　３個セット</t>
  </si>
  <si>
    <t>ティーバッグ_2個ｾｯﾄ</t>
  </si>
  <si>
    <t>50P*2</t>
  </si>
  <si>
    <t>セイロンティーアールグレイ</t>
  </si>
  <si>
    <t>2g×25</t>
  </si>
  <si>
    <t>セイロンティーストレート</t>
  </si>
  <si>
    <t>クールルイボスティー</t>
  </si>
  <si>
    <t>TokyoTea</t>
  </si>
  <si>
    <t>東方美人茶</t>
  </si>
  <si>
    <t>特選紅茶ＴＢ</t>
  </si>
  <si>
    <t>紅茶ティーバック</t>
  </si>
  <si>
    <t>2g×110</t>
  </si>
  <si>
    <t>紅茶（ゴールドブレンド）</t>
  </si>
  <si>
    <t>アールグレイ</t>
  </si>
  <si>
    <t>アップルティー</t>
  </si>
  <si>
    <t>1.6g×100P</t>
  </si>
  <si>
    <t>ＣｅｙｌｏｎＦａｍｉｌｙ</t>
  </si>
  <si>
    <t>ｾｲﾛﾝﾌｧﾐﾘｰ</t>
  </si>
  <si>
    <t>はちみつ紅茶</t>
  </si>
  <si>
    <t>ガスコ__有機ルイボスティー__３０Ｐ</t>
  </si>
  <si>
    <t>ガスコ</t>
  </si>
  <si>
    <t>ガスコ__ルイボスチャイ__３０Ｐ</t>
  </si>
  <si>
    <t>30ｐ</t>
  </si>
  <si>
    <t>はちみつ紅茶ティーバッグ</t>
  </si>
  <si>
    <t>ビッグメイク</t>
  </si>
  <si>
    <t>ﾋﾞｯｸﾞﾒｲｸ</t>
  </si>
  <si>
    <t>はちみつチャイ紅茶ティーバッグ</t>
  </si>
  <si>
    <t>ｼﾞｪｲﾌｧｰﾑ</t>
  </si>
  <si>
    <t>水出しはちみつレモンティー</t>
  </si>
  <si>
    <t>はちみつレモン</t>
  </si>
  <si>
    <t>しょうが紅茶</t>
  </si>
  <si>
    <t>レナ・ジャポン・インスティチュート</t>
  </si>
  <si>
    <t>ｻｸﾗ</t>
  </si>
  <si>
    <t>柚子とミントのサングリア</t>
  </si>
  <si>
    <t>繭玉</t>
  </si>
  <si>
    <t>ﾏﾕﾀﾞﾏ</t>
  </si>
  <si>
    <t>セイロン紅茶ティーバッグ</t>
  </si>
  <si>
    <t>ｿｰｻ</t>
  </si>
  <si>
    <t>セイロンティーガーデンズ　ピュアブラックティー</t>
  </si>
  <si>
    <t>ｱｸﾊﾞﾙ</t>
  </si>
  <si>
    <t>ゴールデンセイロン</t>
  </si>
  <si>
    <t>ﾊﾙﾅﾌﾟﾛﾃﾞｭｰ</t>
  </si>
  <si>
    <t>紅茶（レッドアップル）</t>
  </si>
  <si>
    <t>紅茶（アールグレイ）</t>
  </si>
  <si>
    <t>紅茶（フルーツ）</t>
  </si>
  <si>
    <t>ジャフキングス　フォレストフルーツ</t>
  </si>
  <si>
    <t>紅茶（レモン）</t>
  </si>
  <si>
    <t>ジャフキングス　レモン</t>
  </si>
  <si>
    <t>ゼスタピーチティティーバッグ</t>
  </si>
  <si>
    <t>1．8g×20</t>
  </si>
  <si>
    <t>ゼスタマンゴーティー</t>
  </si>
  <si>
    <t>ゼスタアップルティティーバッグ</t>
  </si>
  <si>
    <t>ゼスタストロベリーティー</t>
  </si>
  <si>
    <t>ゼスタフルーツセレクション1．8g×20</t>
  </si>
  <si>
    <t>1.8GX20</t>
  </si>
  <si>
    <t>ゼスタハーブセレクションTB1．5g×20</t>
  </si>
  <si>
    <t>1.5GX20</t>
  </si>
  <si>
    <t>ジャンナッツダージリン</t>
  </si>
  <si>
    <t>ジャンナッツアールグレイ</t>
  </si>
  <si>
    <t>スタッセン　チャイスパイス２５袋</t>
  </si>
  <si>
    <t>２ｇ*２５</t>
  </si>
  <si>
    <t>スタッセンジャパン</t>
  </si>
  <si>
    <t>ｽﾀｯｾﾝ</t>
  </si>
  <si>
    <t>チャイスパイスＴＢ</t>
  </si>
  <si>
    <t>F紅茶アップルティーバッグ</t>
  </si>
  <si>
    <t>FAUCHON紅茶モーニングティーバッグ</t>
  </si>
  <si>
    <t>F紅茶アールグレイティーバッグ</t>
  </si>
  <si>
    <t>インスタントスティック紅茶</t>
  </si>
  <si>
    <t>TEASTEAジンジャーティーＴＢ10Ｐ</t>
  </si>
  <si>
    <t>アールグレイ１０Ｐ</t>
  </si>
  <si>
    <t>アップル１０Ｐ</t>
  </si>
  <si>
    <t>ＴＥＡＳ_ＴＥＡ_水出しティ</t>
  </si>
  <si>
    <t>4.4g×15</t>
  </si>
  <si>
    <t>TEASTEAオレンジ水出しTB15P</t>
  </si>
  <si>
    <t>TEASTEAミックスベリー水出しTB15P</t>
  </si>
  <si>
    <t>ティーランド_紅茶</t>
  </si>
  <si>
    <t>梅の園</t>
  </si>
  <si>
    <t>ｳﾒﾉｴﾝ</t>
  </si>
  <si>
    <t>紅茶ティーバッグ</t>
  </si>
  <si>
    <t>ﾃｨｰﾗﾝﾄﾞ</t>
  </si>
  <si>
    <t>ナチュラルセイロンティー</t>
  </si>
  <si>
    <t>トゥーシーズンズダージリン　ラージリーフ　ＴＢ</t>
  </si>
  <si>
    <t>ロンドンストランドアールグレイ　ラージリーフ　ＴＢ</t>
  </si>
  <si>
    <t>ゴールデンチップドイングリッシュブレックファスト</t>
  </si>
  <si>
    <t>オランジェリーオブレディグレイ　ラージリーフ　ＴＢ</t>
  </si>
  <si>
    <t>オレンジグローブブラックティー　ラージリーフ　ＴＢ</t>
  </si>
  <si>
    <t>トワイニング　セイロンオレンジペコ</t>
  </si>
  <si>
    <t>トワイニング　ダージリン</t>
  </si>
  <si>
    <t>トワイニング　アールグレイ</t>
  </si>
  <si>
    <t>トワイニング　レディグレイ</t>
  </si>
  <si>
    <t>トワイニングスーパーフルーティー7袋</t>
  </si>
  <si>
    <t>トワイニングアップル＆ブラッドオレンジ7袋</t>
  </si>
  <si>
    <t>トワイニング　カモミール</t>
  </si>
  <si>
    <t>トワイニング　ローズヒップハイビスカス</t>
  </si>
  <si>
    <t>トワイニングペパーミント１０Ｐ</t>
  </si>
  <si>
    <t>トワイニングレモン＆ジンジャー１０Ｐ</t>
  </si>
  <si>
    <t>セイロンオレンジペコティーバッグ</t>
  </si>
  <si>
    <t>ダージリン</t>
  </si>
  <si>
    <t>レディグレイ</t>
  </si>
  <si>
    <t>プリンス　オブ　ウェールズ　ティーバッグ</t>
  </si>
  <si>
    <t>ゴールデンアッサム　ティーバッグ</t>
  </si>
  <si>
    <t>イングリッシュブレックＦ</t>
  </si>
  <si>
    <t>トワイニングベスト5</t>
  </si>
  <si>
    <t>ハーブティーバラエティパック</t>
  </si>
  <si>
    <t>トワイニングハウスブレンド</t>
  </si>
  <si>
    <t>リッチルイボス</t>
  </si>
  <si>
    <t>アールグレイセレクションファイブ</t>
  </si>
  <si>
    <t>ｽﾍﾟｼｬﾙｾﾚｸﾄﾃｨｰ＆ﾊｰﾓﾆｰ50P</t>
  </si>
  <si>
    <t>スペシャルセレクト　ティーアンドハーモニー</t>
  </si>
  <si>
    <t>イエロ－ラベル　テイ－バツグ</t>
  </si>
  <si>
    <t>ユニリーバ・ジャパン</t>
  </si>
  <si>
    <t>ＮＥＷイエローラベルＴＢ</t>
  </si>
  <si>
    <t>イエローラベルＴＢ</t>
  </si>
  <si>
    <t>ブリスクティバック</t>
  </si>
  <si>
    <t>ダージリンＴＢ</t>
  </si>
  <si>
    <t>ﾕﾆﾘｰﾊﾞ</t>
  </si>
  <si>
    <t>アールグレイティーバック</t>
  </si>
  <si>
    <t>アップルティーバック</t>
  </si>
  <si>
    <t>レモンティーティーバック</t>
  </si>
  <si>
    <t>ハーブティーピュアビューティー</t>
  </si>
  <si>
    <t>ハーブティースムースシェイプ</t>
  </si>
  <si>
    <t>ハーブティーサニーモーニング</t>
  </si>
  <si>
    <t>ハーブティーリラックスナイト</t>
  </si>
  <si>
    <t>リプトンピュア＆シンプルティ</t>
  </si>
  <si>
    <t>イエローラベル</t>
  </si>
  <si>
    <t>リプトンアップルティー</t>
  </si>
  <si>
    <t>リプトンレモンティー</t>
  </si>
  <si>
    <t>リプトンストロベリーティー</t>
  </si>
  <si>
    <t>リプトンキャラメルティー</t>
  </si>
  <si>
    <t>リプトンピーチティー</t>
  </si>
  <si>
    <t>リプトンメイプルティー</t>
  </si>
  <si>
    <t>リプトンピュア＆シンプル</t>
  </si>
  <si>
    <t>リプトンアールグレイ</t>
  </si>
  <si>
    <t>リプトンダージリン</t>
  </si>
  <si>
    <t>リプトンアイスティーブレンド</t>
  </si>
  <si>
    <t>リプトンダージリンティーバッグ</t>
  </si>
  <si>
    <t>サートーマス　アールグレイ　１２Ｐ</t>
  </si>
  <si>
    <t>2ｇ*12</t>
  </si>
  <si>
    <t>アップルティーバッグ</t>
  </si>
  <si>
    <t>レモンティー　ＴＢ</t>
  </si>
  <si>
    <t>ミックスベリーティーTB</t>
  </si>
  <si>
    <t>ピーチ＆マンゴーティーTB</t>
  </si>
  <si>
    <t>リプトン　アップルパイティー</t>
  </si>
  <si>
    <t>リプトン　ブルーベリーマフィンティー</t>
  </si>
  <si>
    <t>サー・トーマス・リプトンセイロン</t>
  </si>
  <si>
    <t>サー・トーマス・リプトン　イングリッシュブレックファスト</t>
  </si>
  <si>
    <t>リプトン　クレームブリュレティー　ティーバッグ</t>
  </si>
  <si>
    <t>リプトン　フレーバーティーアソート</t>
  </si>
  <si>
    <t>さくらティーティーバッグ</t>
  </si>
  <si>
    <t>コールドブリュー　ティーバッグ　アールグレイ</t>
  </si>
  <si>
    <t>リプトン　イエローラベル　さくらペア</t>
  </si>
  <si>
    <t>フレーバーティーアソートパック　TB</t>
  </si>
  <si>
    <t>ピュア＆シンプルティー</t>
  </si>
  <si>
    <t>ジンジャーティー　TB</t>
  </si>
  <si>
    <t>コールドブリュー　アールグレイ　ＴＢ</t>
  </si>
  <si>
    <t>コールドブリュー　パイナップル＆ハイビスカスティー　ＴＢ</t>
  </si>
  <si>
    <t>コールドブリューアールグレイ</t>
  </si>
  <si>
    <t>コールドブリューパイナップル＆ハイビスカスティー</t>
  </si>
  <si>
    <t>カフェインレスティー</t>
  </si>
  <si>
    <t>リプトンフレーバーアソートメントＰ１０袋１８．５ｇ</t>
  </si>
  <si>
    <t>リプトンアップルルイボスTB15袋</t>
  </si>
  <si>
    <t>リプトンピュアルイボスTB</t>
  </si>
  <si>
    <t>リプトン　イエローラベル　ＴＢ　２５袋＋５袋</t>
  </si>
  <si>
    <t>25袋＋5袋</t>
  </si>
  <si>
    <t>リプトンコールドブリューグリーンティ</t>
  </si>
  <si>
    <t>リプトンコールドブリューアールグレイTB</t>
  </si>
  <si>
    <t>リプトンコールドブリューパイン＆ハイビスカスTB</t>
  </si>
  <si>
    <t>リプトンCBルイボス＆WPTB</t>
  </si>
  <si>
    <t>リプトンキープ＆チャージオリジナルTB10P</t>
  </si>
  <si>
    <t>リプトンキープ＆チャージアールグレイ10P</t>
  </si>
  <si>
    <t>リプトンストロベリールイボスTB15袋</t>
  </si>
  <si>
    <t>キーコーヒー　リプトン　バニラルイボス　ＴＢ　１５Ｐ</t>
  </si>
  <si>
    <t>ｺｰﾋｰﾃﾝインレスティーアップルハニー</t>
  </si>
  <si>
    <t>水出しアールグレイ</t>
  </si>
  <si>
    <t>水出しグリーンティー</t>
  </si>
  <si>
    <t>水出しルイボス</t>
  </si>
  <si>
    <t>リプトン濃厚ミルクティー用アールグレイ</t>
  </si>
  <si>
    <t>リプトン烏龍ミルクティー用ハニーウーロン</t>
  </si>
  <si>
    <t>リプトン水出しルイボス＆ライチティーバッグ</t>
  </si>
  <si>
    <t>リプトン水出しベリーフルーツインティティーバッグ</t>
  </si>
  <si>
    <t>カフェインレスのはちみつ紅茶</t>
  </si>
  <si>
    <t>水出しアイスティーアールグレイ</t>
  </si>
  <si>
    <t>水出しアイスティーグリーンティーピーチ＆オレンジ</t>
  </si>
  <si>
    <t>リプトンピーチミックスTB15袋</t>
  </si>
  <si>
    <t>プレミアム和紅茶2g×12P</t>
  </si>
  <si>
    <t>ティーバック</t>
  </si>
  <si>
    <t>フレバリティーレモン</t>
  </si>
  <si>
    <t>フレバリティー　ダージリン</t>
  </si>
  <si>
    <t>フレバリティーアップル</t>
  </si>
  <si>
    <t>デイリークラブティーバ</t>
  </si>
  <si>
    <t>ダージリンティー</t>
  </si>
  <si>
    <t>デイリークラブ</t>
  </si>
  <si>
    <t>ハーブティカモミール</t>
  </si>
  <si>
    <t>アロマハウスリフレッシュペパーミント</t>
  </si>
  <si>
    <t>ハーブティローズヒップ</t>
  </si>
  <si>
    <t>フレバリーティーブドウ</t>
  </si>
  <si>
    <t>有機栽培紅茶オリジナルブレン</t>
  </si>
  <si>
    <t>フレバリティー　アールグレイ</t>
  </si>
  <si>
    <t>レギュラーティーアールグレー</t>
  </si>
  <si>
    <t>フレバリーミックスパック</t>
  </si>
  <si>
    <t>2.2g×10</t>
  </si>
  <si>
    <t>フレバリーブルーベリー＆ラズＢ</t>
  </si>
  <si>
    <t>水出し紅茶　水出し紅茶ティーバッグアールグレイ</t>
  </si>
  <si>
    <t>プライムダージリン</t>
  </si>
  <si>
    <t>プライムアールグレイ</t>
  </si>
  <si>
    <t>フレバリーシトラス＆ピーチ</t>
  </si>
  <si>
    <t>フレバリティーバラエティ</t>
  </si>
  <si>
    <t>アロマハウスミックスパック</t>
  </si>
  <si>
    <t>水出し紅茶ティーバッグストレート</t>
  </si>
  <si>
    <t>フレバリーマンゴー＆オレンジ</t>
  </si>
  <si>
    <t>日東アロマハウスバラエティ</t>
  </si>
  <si>
    <t>しょうが紅茶ティーバッグ</t>
  </si>
  <si>
    <t>しょうが紅茶ティーバッグ箱</t>
  </si>
  <si>
    <t>水出し紅茶_クリアブレンド</t>
  </si>
  <si>
    <t>ディリークラブアップルティ</t>
  </si>
  <si>
    <t>２．２ｇx１０</t>
  </si>
  <si>
    <t>マンゴー＆オレンジティー　ＴＢ</t>
  </si>
  <si>
    <t>デイリークラブ６バラエティ</t>
  </si>
  <si>
    <t>水出し紅茶ティーバッグ　トロピカルフルーツ</t>
  </si>
  <si>
    <t>デイリークラブティーバック</t>
  </si>
  <si>
    <t>25袋入+5袋入</t>
  </si>
  <si>
    <t>DAY＆DAYティーバック</t>
  </si>
  <si>
    <t>デイリークラブアップル</t>
  </si>
  <si>
    <t>デイリークラブマンゴー＆オレンジ</t>
  </si>
  <si>
    <t>デイリークラブ6バラエティ</t>
  </si>
  <si>
    <t>カフェインレスアールグレイ</t>
  </si>
  <si>
    <t>フルーツブーケ　レッドフルーツ</t>
  </si>
  <si>
    <t>フルーツブーケ　リフレッシュハート</t>
  </si>
  <si>
    <t>フルーツブーケ　ジンジャーレモン</t>
  </si>
  <si>
    <t>フルーツブーケ　アップルスプラッシュ</t>
  </si>
  <si>
    <t>A・Leaf紅茶の国から</t>
  </si>
  <si>
    <t>水出しルイボスティー</t>
  </si>
  <si>
    <t>2.5gx12P</t>
  </si>
  <si>
    <t>水出しアイスティーピーチティー＆ローズヒップ</t>
  </si>
  <si>
    <t>水出しアイスティートロピカルフルーツ</t>
  </si>
  <si>
    <t>日東バラエティスタンダードティーバック</t>
  </si>
  <si>
    <t>日東カフェインレスピーチティー</t>
  </si>
  <si>
    <t>日東紅茶ルイボスデイズティーバック</t>
  </si>
  <si>
    <t>40袋入</t>
  </si>
  <si>
    <t>日東カフェインレスオリジナルブレンドティーバック</t>
  </si>
  <si>
    <t>デイリークラブティーバッグ</t>
  </si>
  <si>
    <t>日東紅茶はちみつ紅茶ティーバッグ</t>
  </si>
  <si>
    <t>ミルクとけだすTBオリジナル</t>
  </si>
  <si>
    <t>8gx4P</t>
  </si>
  <si>
    <t>ミルクとけだすティーバックアールグレイ</t>
  </si>
  <si>
    <t>7.5gx4P</t>
  </si>
  <si>
    <t>水出しアイスティーはちみつレモン</t>
  </si>
  <si>
    <t>ミルクとけだすTB蜂蜜紅茶</t>
  </si>
  <si>
    <t>7.2gx4P</t>
  </si>
  <si>
    <t>ミルクとけだすTB生姜紅茶</t>
  </si>
  <si>
    <t>ミルクとけだすTBほうじ茶</t>
  </si>
  <si>
    <t>いつでもうるおいローズヒップ</t>
  </si>
  <si>
    <t>11gx8</t>
  </si>
  <si>
    <t>日東果実とけだすTBハニーアップルティー</t>
  </si>
  <si>
    <t>日東果実とけだすTBピーチティー</t>
  </si>
  <si>
    <t>ミルクとけだすスパイス香るチャイ</t>
  </si>
  <si>
    <t>7.8g×4</t>
  </si>
  <si>
    <t>水出しアイスティーマスカットグリーン</t>
  </si>
  <si>
    <t>デイリークラブ6バラエティフルーツ</t>
  </si>
  <si>
    <t>水出しアイスティーアップルルイボスティー</t>
  </si>
  <si>
    <t>ストレート紅茶ブレンド箱</t>
  </si>
  <si>
    <t>ミルク紅茶用ブレンド箱</t>
  </si>
  <si>
    <t>午後の紅茶　ロイヤルウバ</t>
  </si>
  <si>
    <t>午後の紅茶　ディンブラ</t>
  </si>
  <si>
    <t>紅茶ＴＢ</t>
  </si>
  <si>
    <t>セイロンティーティーバック</t>
  </si>
  <si>
    <t>毎日の紅茶</t>
  </si>
  <si>
    <t>サンクラウン果精</t>
  </si>
  <si>
    <t>ｻﾝｸﾗｳﾝ</t>
  </si>
  <si>
    <t>農薬を使わずに育てた紅茶</t>
  </si>
  <si>
    <t>農薬を使わずに育てたダージリンブレンド紅茶</t>
  </si>
  <si>
    <t>紅茶（ティーバッグ）</t>
  </si>
  <si>
    <t>110袋</t>
  </si>
  <si>
    <t>アフタヌーンティオーガニックセイロン</t>
  </si>
  <si>
    <t>アフタヌーンティオーガニックアールグレイ</t>
  </si>
  <si>
    <t>アフタヌーンティーディカフェアールグレイ</t>
  </si>
  <si>
    <t>アフタヌーンティーオーガニックダージリン</t>
  </si>
  <si>
    <t>アフタヌーンティーイングリッシュミルクティ</t>
  </si>
  <si>
    <t>オーガニックティ　ピュアセイロン</t>
  </si>
  <si>
    <t>オーガニックティ　ダージリン</t>
  </si>
  <si>
    <t>オーガニックティ　アールグレイ</t>
  </si>
  <si>
    <t>セイロン紅茶三角ティーバッグ</t>
  </si>
  <si>
    <t>2g×25P</t>
  </si>
  <si>
    <t>ダージリン紅茶三角ティーバッグ</t>
  </si>
  <si>
    <t>アールグレイ紅茶三角ティーバッグ</t>
  </si>
  <si>
    <t>アバンスアールグレイオレンジティー三角</t>
  </si>
  <si>
    <t>2g×100P</t>
  </si>
  <si>
    <t>インスタントチャイ紅茶</t>
  </si>
  <si>
    <t>Ｒヒップ＆ハイビスカス</t>
  </si>
  <si>
    <t>ペパーミントリーフ</t>
  </si>
  <si>
    <t>カモミールフラワー</t>
  </si>
  <si>
    <t>ポンパドールローズヒップ＆ハイビスカスティーバッグ</t>
  </si>
  <si>
    <t>ポンパドールペパーミントリーフティーバッグ</t>
  </si>
  <si>
    <t>2.25g×10P</t>
  </si>
  <si>
    <t>ポンパドールカモミールフラワーティーバッグ</t>
  </si>
  <si>
    <t>ポンパドールアップル＆ハーブミックスティーバッグ</t>
  </si>
  <si>
    <t>アップル＆ハーブミックス</t>
  </si>
  <si>
    <t>４アソートハーブティーローズヒップ</t>
  </si>
  <si>
    <t>４アソートハーブティー</t>
  </si>
  <si>
    <t>にっこりさんのラズベリーリーフ</t>
  </si>
  <si>
    <t>ポンパドールジンジャー＆レモンハーブティーティーバッグ</t>
  </si>
  <si>
    <t>ジンジャー＆レモン</t>
  </si>
  <si>
    <t>ティーＢＴＱやさしいデカフェ紅茶セイロン</t>
  </si>
  <si>
    <t>１．５ｇ×１０</t>
  </si>
  <si>
    <t>ﾆﾎﾝﾘﾖｸﾁﾔｾﾝ</t>
  </si>
  <si>
    <t>やさしいﾃﾞｶﾌｪ紅茶ｱｰﾙｸﾞﾚｲ</t>
  </si>
  <si>
    <t>ﾘｮｸﾁｬｾﾝﾀ-</t>
  </si>
  <si>
    <t>ティーブティックやさしいデカフェ紅茶アップル</t>
  </si>
  <si>
    <t>ネイチャーホリック　エキナセア＆リコリスブレンド　１２Ｐ</t>
  </si>
  <si>
    <t>ネイチャーホリック　ラズベリーリーフブレンド　１２Ｐ</t>
  </si>
  <si>
    <t>ネイチャーホリック　セントジョーンズワートブレンド　１２Ｐ</t>
  </si>
  <si>
    <t>ネイチャーホリック　ダンデライオン＆ジンジャー　１２Ｐ</t>
  </si>
  <si>
    <t>ネイチャーホリック　アップル＆カモミールブレンド　１２Ｐ</t>
  </si>
  <si>
    <t>ティーバッグやさしいデカフェ紅茶マスカット</t>
  </si>
  <si>
    <t>ティーＢ　やさしいデカフェ紅茶ピーチ</t>
  </si>
  <si>
    <t>１０袋</t>
  </si>
  <si>
    <t>トラディショナル　ミックスハーブ</t>
  </si>
  <si>
    <t>クールセンセーションストロベリー＆オレンジ</t>
  </si>
  <si>
    <t>ﾎﾟﾝﾊﾟﾄﾞｰﾙ</t>
  </si>
  <si>
    <t>ポンパドール　ルイボスティー　スウィートオレンジTB</t>
  </si>
  <si>
    <t>エルダーフラワーレモン</t>
  </si>
  <si>
    <t>ティーバッグデカフェ紅茶セイロン</t>
  </si>
  <si>
    <t>1.2g×10P</t>
  </si>
  <si>
    <t>ポンパドールターキッシュアップル</t>
  </si>
  <si>
    <t>クールセンセーションピーチ＆パッションフルーツ</t>
  </si>
  <si>
    <t>ポンパドールジンジャー＆ターメリック</t>
  </si>
  <si>
    <t>ティーブティックやさしいデカフェ紅茶ベリーミックス</t>
  </si>
  <si>
    <t>ポンパドール4アソートハーブティーバッグ袋</t>
  </si>
  <si>
    <t>ポンパドール4アソートハーブティフルーツバック8袋</t>
  </si>
  <si>
    <t>ポンパドール3アソートルイボスティ</t>
  </si>
  <si>
    <t>15.75G</t>
  </si>
  <si>
    <t>ﾆﾎﾝﾘｮｸﾁｬｾﾝ</t>
  </si>
  <si>
    <t>ポンパドールジンジャー＆レモン</t>
  </si>
  <si>
    <t>ロイヤルクィーンセイロン紅茶TB</t>
  </si>
  <si>
    <t>紅茶ティーバッグダージリン</t>
  </si>
  <si>
    <t>リッジウェイSBJミルクティーブレンド</t>
  </si>
  <si>
    <t>セイロンティゴールドブレンド</t>
  </si>
  <si>
    <t>セイロンティアールグレイ</t>
  </si>
  <si>
    <t>有機ハーブティーアフターディナーミント</t>
  </si>
  <si>
    <t>アッサムブレンドカフェインレス</t>
  </si>
  <si>
    <t>フェアトレードイングリッシュブレックファスト</t>
  </si>
  <si>
    <t>フェアトレードティーアールグレイ</t>
  </si>
  <si>
    <t>フェアトレードインディアンチャイ</t>
  </si>
  <si>
    <t>フェアトレードティーサマーベリー</t>
  </si>
  <si>
    <t>ハーブティーレモン＆ジンジャー</t>
  </si>
  <si>
    <t>オーガニックティーカモミール</t>
  </si>
  <si>
    <t>ハーブティースノア＆ピース</t>
  </si>
  <si>
    <t>ハーブティーハッピーマンデー</t>
  </si>
  <si>
    <t>ハーブティーラブミートゥルリー</t>
  </si>
  <si>
    <t>オーガニックワイルドベリーティー</t>
  </si>
  <si>
    <t>オーガニックホワイトティー</t>
  </si>
  <si>
    <t>オーガニックホワイトティーラズベリー</t>
  </si>
  <si>
    <t>オーガニックホワイトティーオレンジ</t>
  </si>
  <si>
    <t>タイフーティー</t>
  </si>
  <si>
    <t>40ｐ</t>
  </si>
  <si>
    <t>ヒース＆ヘザー__カモミール__２０ｐ</t>
  </si>
  <si>
    <t>ヒース＆ヘザー__ペパーミント__２０ｐ</t>
  </si>
  <si>
    <t>ヒース＆ヘザー__ローズヒップ__２０ｐ</t>
  </si>
  <si>
    <t>ヒース＆ヘザー__エキナセア＆クランベリー__２０ｐ</t>
  </si>
  <si>
    <t>ヒース＆ヘザー__ラベンダー＆エキナセア__２０ｐ</t>
  </si>
  <si>
    <t>スリートゥルシー　有機ハーブティー</t>
  </si>
  <si>
    <t>ピュア　有機ハーブティー</t>
  </si>
  <si>
    <t>レモン＆マンダリン</t>
  </si>
  <si>
    <t>有機_ハーブティー_セレクション_ボックス</t>
  </si>
  <si>
    <t>エルダーベリー＆エキナセア　有機ハーブティ</t>
  </si>
  <si>
    <t>スリーシナモン</t>
  </si>
  <si>
    <t>有機ハーブティー　エルダーベリー＆エキナセア　ＴＢ</t>
  </si>
  <si>
    <t>ラブ　有機ハーブティー　１０ＴＢ</t>
  </si>
  <si>
    <t>有機ハーブティー　スリーミント　ティーバック</t>
  </si>
  <si>
    <t>レモングラス＆ジンジャー　有機ハーブティー１０ＴＢ</t>
  </si>
  <si>
    <t>スリージンジャー　有機ハーブティー</t>
  </si>
  <si>
    <t>ﾏﾃﾙﾈ_ｶｼｽｺﾝﾎﾟｰﾄ_３０５Ｇ</t>
  </si>
  <si>
    <t>ﾏﾃﾙﾈ</t>
  </si>
  <si>
    <t>オーガニックルイボスティー</t>
  </si>
  <si>
    <t>カーミエン</t>
  </si>
  <si>
    <t>ｶｰﾐｴﾝ</t>
  </si>
  <si>
    <t>バーゲンダル　有機ルイボスティー</t>
  </si>
  <si>
    <t>ティーミックス</t>
  </si>
  <si>
    <t>Ｊ’ｓファクトリー</t>
  </si>
  <si>
    <t>ｼﾞｪｲｽﾞﾌｧｸﾄ</t>
  </si>
  <si>
    <t>Bザリットル紅茶</t>
  </si>
  <si>
    <t>ブレンディザリットルピーチティー</t>
  </si>
  <si>
    <t>Bザリットル紅茶T</t>
  </si>
  <si>
    <t>9.4g</t>
  </si>
  <si>
    <t>ブレンディｺｰﾋｰﾃﾝラトリースティック芳醇オレンジティー</t>
  </si>
  <si>
    <t>ザ・リッチ_ミルク_ティー</t>
  </si>
  <si>
    <t>カフェミックスカフェオレ</t>
  </si>
  <si>
    <t>カフェミックスカフェリッチ</t>
  </si>
  <si>
    <t>まろやかなコクのミルキーブレンド</t>
  </si>
  <si>
    <t>クリーミーカフェオレ</t>
  </si>
  <si>
    <t>抹茶ミルク　やわらか風味</t>
  </si>
  <si>
    <t>辻利抹茶ミルクやわらか風味</t>
  </si>
  <si>
    <t>辻利抹茶ミルクお濃い茶仕立て</t>
  </si>
  <si>
    <t>辻利宇治抹茶入りグリーンレモンティー</t>
  </si>
  <si>
    <t>辻利ほうじ茶ミルクショコラ仕立て</t>
  </si>
  <si>
    <t>辻利抹茶ミルク</t>
  </si>
  <si>
    <t>辻利抹茶ラテ</t>
  </si>
  <si>
    <t>ほっと安らぐはちみつ紅茶</t>
  </si>
  <si>
    <t>チャイの素</t>
  </si>
  <si>
    <t>キーコーヒー　フルーティーＰ　フルーツミックスティー　７Ｐ</t>
  </si>
  <si>
    <t>カフエオレ</t>
  </si>
  <si>
    <t>カフェカプチーノ</t>
  </si>
  <si>
    <t>モカチーノ</t>
  </si>
  <si>
    <t>ﾈｽﾃｨ　ﾚﾓﾝﾃｨ　400g</t>
  </si>
  <si>
    <t>抹茶ラテ</t>
  </si>
  <si>
    <t>ネスティレモン</t>
  </si>
  <si>
    <t>さわやかレモンティー</t>
  </si>
  <si>
    <t>レモンティーパウダー</t>
  </si>
  <si>
    <t>温感紅茶ジンジャーミルクティ</t>
  </si>
  <si>
    <t>リプトン　ティーラテ</t>
  </si>
  <si>
    <t>果実の紅茶ストロベリー＆ラズベリー</t>
  </si>
  <si>
    <t>とけだす果実の紅茶アップル＆ピーチ</t>
  </si>
  <si>
    <t>ﾒｲﾄｳｻﾝｷﾞｮ</t>
  </si>
  <si>
    <t>とけだす果実の紅茶パイン＆マンゴー</t>
  </si>
  <si>
    <t>レモンティ缶</t>
  </si>
  <si>
    <t>アップルティ</t>
  </si>
  <si>
    <t>レモネード</t>
  </si>
  <si>
    <t>レモネードC</t>
  </si>
  <si>
    <t>レモンティ</t>
  </si>
  <si>
    <t>レモンティー　袋入</t>
  </si>
  <si>
    <t>レモネードＣ５００</t>
  </si>
  <si>
    <t>アップルティー袋入</t>
  </si>
  <si>
    <t>ロイヤルミルクティー袋入</t>
  </si>
  <si>
    <t>レモネードC500</t>
  </si>
  <si>
    <t>スティックメイトVCアソート</t>
  </si>
  <si>
    <t>20ﾎﾝ</t>
  </si>
  <si>
    <t>あったかしょうが湯アソート</t>
  </si>
  <si>
    <t>ハイレモンドリンク袋</t>
  </si>
  <si>
    <t>インスタントレモンティー</t>
  </si>
  <si>
    <t>インスタントアップルティー</t>
  </si>
  <si>
    <t>プレミックスロイヤルミルク</t>
  </si>
  <si>
    <t>牛乳でロイヤルミルクティー</t>
  </si>
  <si>
    <t>インスタントレモンティ</t>
  </si>
  <si>
    <t>日東　塩とライチ　徳用</t>
  </si>
  <si>
    <t>至福のシャインマスカット</t>
  </si>
  <si>
    <t>ロイヤルミルクティー糖質オフ</t>
  </si>
  <si>
    <t>GABAロイヤルミルクティー</t>
  </si>
  <si>
    <t>日東紅茶至福のさくらんぼ</t>
  </si>
  <si>
    <t>ﾆﾂｲﾉｳﾘﾝ</t>
  </si>
  <si>
    <t>9.8gx8</t>
  </si>
  <si>
    <t>至福のとろける白桃＆黄金桃</t>
  </si>
  <si>
    <t>9.5gx8</t>
  </si>
  <si>
    <t>至福のさくらんぼ</t>
  </si>
  <si>
    <t>10.6gx8</t>
  </si>
  <si>
    <t>ヒルス　ＭＴ　カフェ・カプチーノ　　缶　190G</t>
  </si>
  <si>
    <t>モダンタイムズ_ミルク紅茶_４２０ｇ</t>
  </si>
  <si>
    <t>モダンタイムス_カフェオレ_４２０ｇ</t>
  </si>
  <si>
    <t>ＭＴ　アップル紅茶　缶　３８０G</t>
  </si>
  <si>
    <t>ミルクでつくる抹茶ラテ</t>
  </si>
  <si>
    <t>つぼ市製茶本舗</t>
  </si>
  <si>
    <t>ﾂﾎﾞｲﾁ</t>
  </si>
  <si>
    <t>ミルクでつくるマサラチャイ</t>
  </si>
  <si>
    <t>ミルクでつくる和紅茶ラテ</t>
  </si>
  <si>
    <t>スイートサクラティー桜花</t>
  </si>
  <si>
    <t>インスタントさくらラテ</t>
  </si>
  <si>
    <t>牛乳屋さんの珈琲　３００Ｇ</t>
  </si>
  <si>
    <t>和光堂_牛乳屋さんのﾛｲﾔﾙﾐﾙｸﾃｨｰ_400G</t>
  </si>
  <si>
    <t>牛乳屋　キャラメルティ３３０</t>
  </si>
  <si>
    <t>牛乳屋さんの珈琲</t>
  </si>
  <si>
    <t>牛乳屋さんのロイヤルミルクティー</t>
  </si>
  <si>
    <t>牛乳屋さんのキャラメルミルクティー</t>
  </si>
  <si>
    <t>牛乳屋さんのほうじ茶ミルクティー</t>
  </si>
  <si>
    <t>メルティ・カプチーノ</t>
  </si>
  <si>
    <t>牛乳屋さんのカフェインレス珈琲</t>
  </si>
  <si>
    <t>牛乳屋さんのカフェインレスミルクティー</t>
  </si>
  <si>
    <t>ネスティ　レモン</t>
  </si>
  <si>
    <t>ネスティ　オレンジ</t>
  </si>
  <si>
    <t>レモネードミックス</t>
  </si>
  <si>
    <t>リーフティー</t>
  </si>
  <si>
    <t>ＡＨＭＡＤ紅茶アールグレイ</t>
  </si>
  <si>
    <t>ＡＨＭＡＤ紅茶Ｅ．ブレックファースト</t>
  </si>
  <si>
    <t>ＡＨＭＡＤ紅茶イングリッシュＮｏ.1</t>
  </si>
  <si>
    <t>ＡＨＭＡＤ紅茶セイロン</t>
  </si>
  <si>
    <t>AHMAD紅茶イングリッシュブレックファースト</t>
  </si>
  <si>
    <t>AHMAD紅茶アールグレイ</t>
  </si>
  <si>
    <t>AHMAD紅茶イングリッシュティーＮｏ．１</t>
  </si>
  <si>
    <t>AHMAD紅茶ダージリン</t>
  </si>
  <si>
    <t>セレッシャル　レモンジンガー　２０Ｐ</t>
  </si>
  <si>
    <t>ＦＡＵＣＨＯＮ紅茶セイロン缶</t>
  </si>
  <si>
    <t>ＦＡＵＣＨＯＮ紅茶ダージリン缶</t>
  </si>
  <si>
    <t>ＦＡＵＣＨＯＮ紅茶アールグレイ缶</t>
  </si>
  <si>
    <t>ＦＡＵＣＨＯＮ紅茶ブレンド缶</t>
  </si>
  <si>
    <t>ＦＡＵＣＨＯＮ紅茶モーニング缶</t>
  </si>
  <si>
    <t>ＦＡＵＣＨＯＮ紅茶アップル缶</t>
  </si>
  <si>
    <t>ロイヤルブレックファースト</t>
  </si>
  <si>
    <t>ザ・ファーストエステートアッサム缶</t>
  </si>
  <si>
    <t>ザ・スタントンアールグレイ缶</t>
  </si>
  <si>
    <t>ハンプステッド紅茶ダージリン</t>
  </si>
  <si>
    <t>ハンプステッド紅茶アールグレイ</t>
  </si>
  <si>
    <t>ハンプステッド紅茶イングリッシュブレックファースト</t>
  </si>
  <si>
    <t>天草紅茶</t>
  </si>
  <si>
    <t>キーマン紅茶</t>
  </si>
  <si>
    <t>ﾐﾀﾁ</t>
  </si>
  <si>
    <t>リーフダージリンエクストラ</t>
  </si>
  <si>
    <t>リーフカートンアールグレイ</t>
  </si>
  <si>
    <t>レディグレイ　リーフ</t>
  </si>
  <si>
    <t>クオリティ　ダージリン</t>
  </si>
  <si>
    <t>クオリティ　ビンテージ　ダージリン</t>
  </si>
  <si>
    <t>クオリティ　レディグレイ</t>
  </si>
  <si>
    <t>クオリティ　アールグレイ</t>
  </si>
  <si>
    <t>クオリティ　アイリッシュブレックファスト</t>
  </si>
  <si>
    <t>リーフパックダージリン</t>
  </si>
  <si>
    <t>トワイニング紅茶リーフパックアールグレイ</t>
  </si>
  <si>
    <t>リーフパックレディグレイ</t>
  </si>
  <si>
    <t>トワイニングカフェインレスアールグレイ</t>
  </si>
  <si>
    <t>トワイニング20Pアールグレイルイボス</t>
  </si>
  <si>
    <t>トワイニング腸活ミルクティー</t>
  </si>
  <si>
    <t>トワイニングスリープカモミールアップル</t>
  </si>
  <si>
    <t>リプトンシトラスシャイン</t>
  </si>
  <si>
    <t>果実の紅茶アップル＆ピーチ</t>
  </si>
  <si>
    <t>渋みの少ない紅茶_２００ｇ</t>
  </si>
  <si>
    <t>こく味のある紅茶_１５０ｇ</t>
  </si>
  <si>
    <t>渋みの少ない紅茶</t>
  </si>
  <si>
    <t>こく味のある紅茶</t>
  </si>
  <si>
    <t>香りの高い紅茶</t>
  </si>
  <si>
    <t>アールグレイ紅茶</t>
  </si>
  <si>
    <t>日東紅茶ロイヤルミルクティーピーチ</t>
  </si>
  <si>
    <t>日東しょうが紅茶</t>
  </si>
  <si>
    <t>9.5g×6</t>
  </si>
  <si>
    <t>マルコポーロ</t>
  </si>
  <si>
    <t>フルーツガーデンブラッドオレンジ</t>
  </si>
  <si>
    <t>フルーツガーデンフルーツパラダイス</t>
  </si>
  <si>
    <t>フルーツガーデンハワイカクテル</t>
  </si>
  <si>
    <t>成城石井　セイロンディンブラ__１７０ｇ</t>
  </si>
  <si>
    <t>成城石井　ダージリン__１３０ｇ</t>
  </si>
  <si>
    <t>成城石井　アッサム　１３０ｇ</t>
  </si>
  <si>
    <t>成城石井　ロイヤルブレンド　１５０ｇ</t>
  </si>
  <si>
    <t>成城石井__ダージリン__１３０ｇ</t>
  </si>
  <si>
    <t>成城石井__セイロンディンブラ__１７０ｇ</t>
  </si>
  <si>
    <t>成城石井__アッサム__１３０ｇ</t>
  </si>
  <si>
    <t>成城石井__ロイヤルブレンド__１５０ｇ</t>
  </si>
  <si>
    <t>アールグレイティー</t>
  </si>
  <si>
    <t>紅茶セイロンＥＸＢＯＰ</t>
  </si>
  <si>
    <t>ローズヒップ</t>
  </si>
  <si>
    <t>サンチャ　ダージリンティー</t>
  </si>
  <si>
    <t>八基通商</t>
  </si>
  <si>
    <t>ﾊﾁｷﾂｳｼｮｳ</t>
  </si>
  <si>
    <t>サンチャ　アッサムティー</t>
  </si>
  <si>
    <t>サンチャ　アールグレイティー</t>
  </si>
  <si>
    <t>サンチャ　ローズペコ</t>
  </si>
  <si>
    <t>マッスンブゆず茶</t>
  </si>
  <si>
    <t>エー・アール・シー</t>
  </si>
  <si>
    <t>コーヒー関連品</t>
  </si>
  <si>
    <t>コンデンスミルクチューブ</t>
  </si>
  <si>
    <t>北海道コンデンスミルク</t>
  </si>
  <si>
    <t>コンデンスミルクローファット</t>
  </si>
  <si>
    <t>ネスレ　ミルクメイド</t>
  </si>
  <si>
    <t>コーヒーお買い得品</t>
  </si>
  <si>
    <t>有機ドリップ茶</t>
  </si>
  <si>
    <t>有機ドリップ茶白折れ</t>
  </si>
  <si>
    <t>日本薬品</t>
  </si>
  <si>
    <t>ｵﾝｶﾞﾈ　ﾖｰｸﾞﾙﾄﾊﾟｳﾀﾞｰ_15G×10P</t>
  </si>
  <si>
    <t>こだわり産地青汁のススメ</t>
  </si>
  <si>
    <t>3GX20</t>
  </si>
  <si>
    <t>実感果実のチカラ　食物繊維</t>
  </si>
  <si>
    <t>7GX5</t>
  </si>
  <si>
    <t>実感果実のチカラ　マルチビタミン</t>
  </si>
  <si>
    <t>6GX5</t>
  </si>
  <si>
    <t>実感果実のチカラ鉄分</t>
  </si>
  <si>
    <t>INICcoffeeHoneyNUTSCoffee</t>
  </si>
  <si>
    <t>10g×2本</t>
  </si>
  <si>
    <t>パウダーフーズフォレスト</t>
  </si>
  <si>
    <t>ﾊﾟｳﾀﾞｰﾌｰｽﾞ</t>
  </si>
  <si>
    <t>INICcoffeeHoneyBUTTERCoffee</t>
  </si>
  <si>
    <t>9.9g×2本</t>
  </si>
  <si>
    <t>INICcoffeeBeansAromaFainecupsAss</t>
  </si>
  <si>
    <t>4g×3本</t>
  </si>
  <si>
    <t>INICcoffeeSmoothAromaAssorted</t>
  </si>
  <si>
    <t>ブラックコーヒー無糖</t>
  </si>
  <si>
    <t>リキッドコーヒーBLACK無糖</t>
  </si>
  <si>
    <t>ブラックMINIBOTTLE</t>
  </si>
  <si>
    <t>カフェラテMINIBOTTLE</t>
  </si>
  <si>
    <t>ALTOCIELOIcedCoffee無糖</t>
  </si>
  <si>
    <t>国産はと麦茶ＴＢ30Ｐ</t>
  </si>
  <si>
    <t>まきしむはんでぃどりっぷ</t>
  </si>
  <si>
    <t>ＡＧＦインスタントコーヒー３０</t>
  </si>
  <si>
    <t>ハンディドリップ</t>
  </si>
  <si>
    <t>ばらえてぃこーひーぎふと</t>
  </si>
  <si>
    <t>ちょっと贅沢な珈琲店プレミアムドリップアソート</t>
  </si>
  <si>
    <t>たらこんぶ茶漬</t>
  </si>
  <si>
    <t>ドリップポッドＤＰ２　ブラック</t>
  </si>
  <si>
    <t>DP2K</t>
  </si>
  <si>
    <t>ドリップポッドDP2ホワイト</t>
  </si>
  <si>
    <t>DP2W</t>
  </si>
  <si>
    <t>ドリップポッドDP2レッド</t>
  </si>
  <si>
    <t>DP2R</t>
  </si>
  <si>
    <t>ゴールドスペシャルDPリッチブレンド</t>
  </si>
  <si>
    <t>UCC職人の珈琲ポーション深いコク無糖希釈</t>
  </si>
  <si>
    <t>カフェインレスコーヒーVP</t>
  </si>
  <si>
    <t>職人の珈琲　ポーションコーヒー_深いコク　無糖_き釈用</t>
  </si>
  <si>
    <t>10gX8</t>
  </si>
  <si>
    <t>コーヒーフィルター無漂白2~4人用</t>
  </si>
  <si>
    <t>120枚入</t>
  </si>
  <si>
    <t>コーヒーフィルターカレンダー</t>
  </si>
  <si>
    <t>野菜生活牛乳まぜて飲む野菜</t>
  </si>
  <si>
    <t>20ml×6</t>
  </si>
  <si>
    <t>森半宇治抹茶ラテ</t>
  </si>
  <si>
    <t>香り立つほうじ茶オーレ</t>
  </si>
  <si>
    <t>クリスタルドリッパー箱入り</t>
  </si>
  <si>
    <t>キーコーヒー　コーヒーフィルター1-2人用無漂白</t>
  </si>
  <si>
    <t>キーコーヒー　コーヒーフィルター2-4人用無漂白</t>
  </si>
  <si>
    <t>円すい形コーヒーフィルター</t>
  </si>
  <si>
    <t>コーヒーフィルター2～4人</t>
  </si>
  <si>
    <t>100枚入り</t>
  </si>
  <si>
    <t>コーヒーフィルター無漂白タブ付</t>
  </si>
  <si>
    <t>フィルター無漂白１２０Ｐ</t>
  </si>
  <si>
    <t>１０１フィルタ－　４０マイ</t>
  </si>
  <si>
    <t>45枚</t>
  </si>
  <si>
    <t>１０２フィルタ－（３－４）Ｎ</t>
  </si>
  <si>
    <t>コーヒーサーバー１０２</t>
  </si>
  <si>
    <t>ドリップオンバラェティギフ</t>
  </si>
  <si>
    <t>ブラウンシュガースティック</t>
  </si>
  <si>
    <t>ノンカロリーシロップポーション</t>
  </si>
  <si>
    <t>ノンカロリーシロップ</t>
  </si>
  <si>
    <t>コーヒーフレッシュ</t>
  </si>
  <si>
    <t>45p</t>
  </si>
  <si>
    <t>ワシミック</t>
  </si>
  <si>
    <t>397g</t>
  </si>
  <si>
    <t>ミルクメイド（無糖練乳）</t>
  </si>
  <si>
    <t>411g</t>
  </si>
  <si>
    <t>バリスタ_ホワイト</t>
  </si>
  <si>
    <t>1台</t>
  </si>
  <si>
    <t>Ｎ３０－ＡＳＡ</t>
  </si>
  <si>
    <t>ネスカフェセット</t>
  </si>
  <si>
    <t>ネスレコンピネーション</t>
  </si>
  <si>
    <t>バリスタ_レッド</t>
  </si>
  <si>
    <t>ネスカフェ香味焙煎オーガニック　アイスコーヒー無糖</t>
  </si>
  <si>
    <t>ネスカフェ　コールドブリューコーヒー無糖　</t>
  </si>
  <si>
    <t>スタバホワイトモカNDG専用カプセル</t>
  </si>
  <si>
    <t>エスプレッソベース　無糖</t>
  </si>
  <si>
    <t>エスプレッソベース　甘さ控えめ</t>
  </si>
  <si>
    <t>練乳（缶）</t>
  </si>
  <si>
    <t>スキムミルク</t>
  </si>
  <si>
    <t>スキムス－パ－カルシウム</t>
  </si>
  <si>
    <t>ＣａラクトフェリンスキムＳＴ</t>
  </si>
  <si>
    <t>スキムミルクガセット</t>
  </si>
  <si>
    <t>ｃａラクトフェリンスキムミルク</t>
  </si>
  <si>
    <t>16g×10</t>
  </si>
  <si>
    <t>コラーゲンスキム</t>
  </si>
  <si>
    <t>ラクトフェリンスキムミルク</t>
  </si>
  <si>
    <t>コンデンスミルク缶</t>
  </si>
  <si>
    <t>PLEMiLスキム　コラーゲン</t>
  </si>
  <si>
    <t>果実とけだすテTBはちみつレモンティー4P</t>
  </si>
  <si>
    <t>ミルクとけだすTBアイスアールグレイ4P</t>
  </si>
  <si>
    <t>コンデンスミルク</t>
  </si>
  <si>
    <t>守山乳業</t>
  </si>
  <si>
    <t>ﾓﾘﾔﾏﾆｭｳ</t>
  </si>
  <si>
    <t>ロザッティ</t>
  </si>
  <si>
    <t>ジュエルスイーツカフェ　マイルドテイスト</t>
  </si>
  <si>
    <t>ジュエルスイーツカフェ　エクセレントテイスト</t>
  </si>
  <si>
    <t>ジュエルスイーツカフェ　ビターテイスト</t>
  </si>
  <si>
    <t>みたけ食品グローアップ</t>
  </si>
  <si>
    <t>スキムミルク_箱</t>
  </si>
  <si>
    <t>クエーカーオートミール</t>
  </si>
  <si>
    <t>マイニチホネブトスキムミルク</t>
  </si>
  <si>
    <t>毎日骨太ＭＢＰスキムミルク</t>
  </si>
  <si>
    <t>スキムミルク_ガセット</t>
  </si>
  <si>
    <t>毎日骨太スキム</t>
  </si>
  <si>
    <t>モダンタイムス青汁カフェラテ300g</t>
  </si>
  <si>
    <t>レモンバーム</t>
  </si>
  <si>
    <t>ドリップパック香り豊かブレンド</t>
  </si>
  <si>
    <t>ドリップパックコクと深み香ばしブレンド</t>
  </si>
  <si>
    <t>成城石井__アルフォンソマンゴードリンク__１０００ｍｌ</t>
  </si>
  <si>
    <t>ミルクでつくる宇治抹茶ラテ</t>
  </si>
  <si>
    <t>ミルクでつくる棒ほうじ茶ラテ</t>
  </si>
  <si>
    <t>ミルメークコーヒー20P</t>
  </si>
  <si>
    <t>6gx20P</t>
  </si>
  <si>
    <t>ライオンコーヒーバニラマカダミアDB</t>
  </si>
  <si>
    <t>ライオンコーヒーバニラキャラメルDB</t>
  </si>
  <si>
    <t>ライオンコーヒーチョコレートマカダミア</t>
  </si>
  <si>
    <t>ライオンコーヒーヘーゼルナッツDB</t>
  </si>
  <si>
    <t>韓国風お好み焼粉</t>
  </si>
  <si>
    <t>ゆず茶（1000g）</t>
  </si>
  <si>
    <t>キングコーヒー3in1-ミルク・砂糖入りコーヒー</t>
  </si>
  <si>
    <t>16g×20</t>
  </si>
  <si>
    <t>TNI_king</t>
  </si>
  <si>
    <t>フレーバードロップスレモンライム</t>
  </si>
  <si>
    <t>45ml</t>
  </si>
  <si>
    <t>バイタルジング</t>
  </si>
  <si>
    <t>ﾋﾞﾎﾞ･ｸｴｽﾄ</t>
  </si>
  <si>
    <t>フレーバードロップスラズベリー</t>
  </si>
  <si>
    <t>フレーバードロップスマンダリン</t>
  </si>
  <si>
    <t>フレーバードロップスピーチ</t>
  </si>
  <si>
    <t>フレーバードロップスリンゴカシス</t>
  </si>
  <si>
    <t>フレーバードロップスパイナップル</t>
  </si>
  <si>
    <t>フレーバードロップストロピカル</t>
  </si>
  <si>
    <t>デザート</t>
  </si>
  <si>
    <t>カップおしるこ</t>
  </si>
  <si>
    <t>ｸﾗｼｴﾌ-ｽﾞ</t>
  </si>
  <si>
    <t>LEMONA×TWIICE</t>
  </si>
  <si>
    <t>70包</t>
  </si>
  <si>
    <t>京南製薬ジャパン</t>
  </si>
  <si>
    <t>ﾚﾓﾅ</t>
  </si>
  <si>
    <t>TEARTHレモンジンジャー</t>
  </si>
  <si>
    <t>1.5gx25P</t>
  </si>
  <si>
    <t>ｻﾝﾃﾞﾝｼｮｳｼﾞ</t>
  </si>
  <si>
    <t>ハニレモHoneyLemonade</t>
  </si>
  <si>
    <t>松治郎の舗</t>
  </si>
  <si>
    <t>ﾏﾂｼﾞﾛｳﾉﾎ</t>
  </si>
  <si>
    <t>カップ_ミルクセーキ</t>
  </si>
  <si>
    <t>ミルクセーキ</t>
  </si>
  <si>
    <t>抹茶くず湯</t>
  </si>
  <si>
    <t>今岡製菓</t>
  </si>
  <si>
    <t>レモン湯</t>
  </si>
  <si>
    <t>しょうが湯　得用</t>
  </si>
  <si>
    <t>20g×10P</t>
  </si>
  <si>
    <t>バタフライピーピンクレモネード</t>
  </si>
  <si>
    <t>ｲﾏｵｶｾｲｶ</t>
  </si>
  <si>
    <t>瀬戸内ブル-レモネードソーダ</t>
  </si>
  <si>
    <t>生姜かたくり５Ｐ</t>
  </si>
  <si>
    <t>辻利ミルクでつくる宇治抹茶ラテ</t>
  </si>
  <si>
    <t>辻利ミルクでつくる抹茶チャイ</t>
  </si>
  <si>
    <t>森半_泡立つ抹茶ｵｰﾚ10GX5</t>
  </si>
  <si>
    <t>森半_香り立つ焙じ茶ｵｰﾚ_13GX5</t>
  </si>
  <si>
    <t>甘酒パウチ　</t>
  </si>
  <si>
    <t>ホットレモン</t>
  </si>
  <si>
    <t>ホットかりん</t>
  </si>
  <si>
    <t>はちみつかりん</t>
  </si>
  <si>
    <t>甘酒</t>
  </si>
  <si>
    <t>ほっとレモン　袋</t>
  </si>
  <si>
    <t>しょうが湯　　袋</t>
  </si>
  <si>
    <t>クラシエ　ほっと贅沢　濃蜜　ゆず茶</t>
  </si>
  <si>
    <t>お米麹甘酒</t>
  </si>
  <si>
    <t>宇治抹茶葛湯</t>
  </si>
  <si>
    <t>はちみつレモン3袋入</t>
  </si>
  <si>
    <t>ｸﾗｼｴﾌｰｽﾞ</t>
  </si>
  <si>
    <t>３個パック</t>
  </si>
  <si>
    <t>完全メシグリーンスムージー</t>
  </si>
  <si>
    <t>完全メシバナナスムージー</t>
  </si>
  <si>
    <t>完全メシベリースムージー</t>
  </si>
  <si>
    <t>完全メシキャラメルラテ</t>
  </si>
  <si>
    <t>泡ふわイチゴミルク</t>
  </si>
  <si>
    <t>泡ふわバナナンミルク</t>
  </si>
  <si>
    <t>冷ししょうが湯　４Ｐ</t>
  </si>
  <si>
    <t>日東　抹茶くず湯</t>
  </si>
  <si>
    <t>しょうが湯平袋</t>
  </si>
  <si>
    <t>17gX4</t>
  </si>
  <si>
    <t>樋口しょうが湯</t>
  </si>
  <si>
    <t>抹茶かたくり平袋</t>
  </si>
  <si>
    <t>18gX4</t>
  </si>
  <si>
    <t>きんかん湯平袋</t>
  </si>
  <si>
    <t>16gX4</t>
  </si>
  <si>
    <t>ほっとレモン</t>
  </si>
  <si>
    <t>まろやかはちみつレモン</t>
  </si>
  <si>
    <t>甘酒瓶入りストレート</t>
  </si>
  <si>
    <t>南国果実とココナッツ</t>
  </si>
  <si>
    <t>きなこラテ　チロルＸ日東</t>
  </si>
  <si>
    <t>13GX8</t>
  </si>
  <si>
    <t>レモンしょうが湯</t>
  </si>
  <si>
    <t>檸檬しょうが湯</t>
  </si>
  <si>
    <t>冷やし麹甘酒</t>
  </si>
  <si>
    <t>レモン香る麹甘酒４Ｐ</t>
  </si>
  <si>
    <t>冷やし甘酒　レモン風味</t>
  </si>
  <si>
    <t>マンゴープリン</t>
  </si>
  <si>
    <t>和歌山産業</t>
  </si>
  <si>
    <t>ﾜｶﾔﾏｻﾝｷﾞｮｳ</t>
  </si>
  <si>
    <t>ファンシーチョコ</t>
  </si>
  <si>
    <t>ｲｰｸﾞﾙ</t>
  </si>
  <si>
    <t>大島ミルメークコーヒー</t>
  </si>
  <si>
    <t>ミルメイクバナナ</t>
  </si>
  <si>
    <t>ミルメークイチゴ</t>
  </si>
  <si>
    <t>5g×5P</t>
  </si>
  <si>
    <t>ミルメークメロン</t>
  </si>
  <si>
    <t>6g×5袋入</t>
  </si>
  <si>
    <t>大根しょうが湯</t>
  </si>
  <si>
    <t>ｲﾄｸ</t>
  </si>
  <si>
    <t>冷しあめゆ３Ｐ</t>
  </si>
  <si>
    <t>蒸し生姜</t>
  </si>
  <si>
    <t>和漢しょうが湯</t>
  </si>
  <si>
    <t>紀州梅</t>
  </si>
  <si>
    <t>アサイーミックス</t>
  </si>
  <si>
    <t>黒ごまラテ</t>
  </si>
  <si>
    <t>あめゆ</t>
  </si>
  <si>
    <t>博多ハニーレモン　５Ｐ</t>
  </si>
  <si>
    <t>１５ｇ＊４Ｐ</t>
  </si>
  <si>
    <t>ハニーのどきんかん湯</t>
  </si>
  <si>
    <t>飲もうラムネ</t>
  </si>
  <si>
    <t>ﾊｶﾀﾁｮｳﾄﾞ</t>
  </si>
  <si>
    <t>生姜湯辛味絶佳小袋</t>
  </si>
  <si>
    <t>5ﾌｸﾛ</t>
  </si>
  <si>
    <t>うどんや風一夜薬本舗</t>
  </si>
  <si>
    <t>ｳﾄﾞﾝﾔ</t>
  </si>
  <si>
    <t>生姜湯中辛小袋</t>
  </si>
  <si>
    <t>飲用</t>
  </si>
  <si>
    <t>~１２ｇ</t>
  </si>
  <si>
    <t>ライジング蜂蜜入りガムシロップ</t>
  </si>
  <si>
    <t>10g×12</t>
  </si>
  <si>
    <t>7g×20</t>
  </si>
  <si>
    <t>六甲牛乳</t>
  </si>
  <si>
    <t>12g×12P</t>
  </si>
  <si>
    <t>9g×12個入</t>
  </si>
  <si>
    <t>ＡＧＦ　マリームガムシロップ</t>
  </si>
  <si>
    <t>KEY　ｵﾘｺﾞ糖入りｼｭｶﾞｰｼﾛｯﾌﾟ_13G*8P</t>
  </si>
  <si>
    <t>ガムシロップCX-10</t>
  </si>
  <si>
    <t>11g×10個入</t>
  </si>
  <si>
    <t>ガムシロップ１０Ｊ－１２</t>
  </si>
  <si>
    <t>オリゴ糖入り_ガムシロップ</t>
  </si>
  <si>
    <t>ﾐﾂﾓﾄ</t>
  </si>
  <si>
    <t>9gx50個</t>
  </si>
  <si>
    <t>やまと蜂蜜</t>
  </si>
  <si>
    <t>ﾔﾏﾄﾊﾁﾐﾂ</t>
  </si>
  <si>
    <t>１３ｇ~</t>
  </si>
  <si>
    <t>ガムシロップ徳用</t>
  </si>
  <si>
    <t>13g×8P</t>
  </si>
  <si>
    <t>シュガーシロップ</t>
  </si>
  <si>
    <t>生活派_ｶﾞﾑｼﾛｯﾌﾟ_10P</t>
  </si>
  <si>
    <t>生活派_ｶﾞﾑｼﾛｯﾌﾟ_13g*20P</t>
  </si>
  <si>
    <t>グレナデンシロップ</t>
  </si>
  <si>
    <t>780ml</t>
  </si>
  <si>
    <t>ｻﾝﾄﾘｰﾌｰｽﾞ</t>
  </si>
  <si>
    <t>パールエース　ガムシロップ</t>
  </si>
  <si>
    <t>ネスレ_ガムシロップ</t>
  </si>
  <si>
    <t>ゆとりの時間　ガムシロップ</t>
  </si>
  <si>
    <t>13g×13</t>
  </si>
  <si>
    <t>スプーン印シロップポーション</t>
  </si>
  <si>
    <t>シロップ</t>
  </si>
  <si>
    <t>ｽﾌﾟ-ﾝ</t>
  </si>
  <si>
    <t>13g×50</t>
  </si>
  <si>
    <t>13g×20P</t>
  </si>
  <si>
    <t>15g×30P</t>
  </si>
  <si>
    <t>オリゴ糖ガムシロップ</t>
  </si>
  <si>
    <t>ハートフルオリゴ糖ガムシロップ</t>
  </si>
  <si>
    <t>15g×20</t>
  </si>
  <si>
    <t>13g×50個入</t>
  </si>
  <si>
    <t>カロリーオフ</t>
  </si>
  <si>
    <t>食美体健ノンカロリーシロップ５ｍｌ＊２０Ｐ</t>
  </si>
  <si>
    <t>ガムシロップ_ゼロ</t>
  </si>
  <si>
    <t>コーヒーシュガー</t>
  </si>
  <si>
    <t>ﾀﾞｲﾄｳｼｮｸﾋﾝ</t>
  </si>
  <si>
    <t>ロザッティスティック</t>
  </si>
  <si>
    <t>シュガーバニーズブラウンシュガー</t>
  </si>
  <si>
    <t>シュガーバニーズ粉砂糖</t>
  </si>
  <si>
    <t>台糖</t>
  </si>
  <si>
    <t>ロザッティ小粒</t>
  </si>
  <si>
    <t>コーヒー糖カップ</t>
  </si>
  <si>
    <t>バラ印コーヒーシュガー</t>
  </si>
  <si>
    <t>スティックシュガー</t>
  </si>
  <si>
    <t>５ｇ未満３０本以下</t>
  </si>
  <si>
    <t>ﾊﾀﾉﾎｳｿｳ</t>
  </si>
  <si>
    <t>コーヨー商事</t>
  </si>
  <si>
    <t>ｺｰﾖｰ</t>
  </si>
  <si>
    <t>フレーバーシュガーカフェモカ</t>
  </si>
  <si>
    <t>フレーバーシュガーキャラメル</t>
  </si>
  <si>
    <t>ｷｰｺｰﾋｰ_ｺｰﾋｰｼｭｶﾞｰST3G*20</t>
  </si>
  <si>
    <t>スプーン印ティータイムメイトスティツク</t>
  </si>
  <si>
    <t>3g×24P</t>
  </si>
  <si>
    <t>ペットスリー</t>
  </si>
  <si>
    <t>カップシュガースリー</t>
  </si>
  <si>
    <t>3g×65</t>
  </si>
  <si>
    <t>ｽﾌﾟｰﾝｼﾞﾙｼ</t>
  </si>
  <si>
    <t>スティックシュガー　３０Ｐ</t>
  </si>
  <si>
    <t>ｻﾗﾔ_ﾗｶﾝﾄSﾋﾟｭｱﾃｲｽﾄ_3g*25ﾎﾝ</t>
  </si>
  <si>
    <t>ラカントロカボスイートナー</t>
  </si>
  <si>
    <t>５ｇ未満３１本以上</t>
  </si>
  <si>
    <t>パールボースリー１００</t>
  </si>
  <si>
    <t>50本でこの値段</t>
  </si>
  <si>
    <t>TEKKI</t>
  </si>
  <si>
    <t>生活派スティックシュガー</t>
  </si>
  <si>
    <t>メルヘンシュガー</t>
  </si>
  <si>
    <t>５０本でこの値段</t>
  </si>
  <si>
    <t>4g×120</t>
  </si>
  <si>
    <t>ティータイムメイト</t>
  </si>
  <si>
    <t>スプーン印おさとうスティックお徳用</t>
  </si>
  <si>
    <t>ティータイムシュガー</t>
  </si>
  <si>
    <t>ＴＭステックシュガー</t>
  </si>
  <si>
    <t>3g×120</t>
  </si>
  <si>
    <t>1.2g×50P</t>
  </si>
  <si>
    <t>バラ印スティックシュガー</t>
  </si>
  <si>
    <t>ペットシュガー</t>
  </si>
  <si>
    <t>日新ペットシュガー</t>
  </si>
  <si>
    <t>カップペットシュガー</t>
  </si>
  <si>
    <t>カップ印ペットシュガー</t>
  </si>
  <si>
    <t>4g×100</t>
  </si>
  <si>
    <t>スティックシュガー　５０Ｐ</t>
  </si>
  <si>
    <t>3g×46</t>
  </si>
  <si>
    <t>５ｇ以上３０本未満</t>
  </si>
  <si>
    <t>パールボー_シックス</t>
  </si>
  <si>
    <t>サトウキビイチバントウスティック</t>
  </si>
  <si>
    <t>スプーン印デュエットスティック</t>
  </si>
  <si>
    <t>バラ印ハンディスティクシュガー</t>
  </si>
  <si>
    <t>ｶｯﾌﾟｼｭｶﾞｰ_ｼｯｸｽ30</t>
  </si>
  <si>
    <t>りんごジュース</t>
  </si>
  <si>
    <t>５ｇ以上３１本以上</t>
  </si>
  <si>
    <t>パールボーシュガー容器入</t>
  </si>
  <si>
    <t>パールボーシュガー</t>
  </si>
  <si>
    <t>5g×100</t>
  </si>
  <si>
    <t>パールボーシックス</t>
  </si>
  <si>
    <t>5g×80P</t>
  </si>
  <si>
    <t>生活派_ｽﾃｨｸｼｭｶﾞｰｼｯｸｽ100_6g*100</t>
  </si>
  <si>
    <t>スティックシュガー100</t>
  </si>
  <si>
    <t>スプーン印甘さいろいろ８・６・３</t>
  </si>
  <si>
    <t>ペットシュガーＦパック</t>
  </si>
  <si>
    <t>ペットシュガー　ミックス</t>
  </si>
  <si>
    <t>ｶｯﾌﾟｼｭｶﾞｰ_ｼｯｸｽ100</t>
  </si>
  <si>
    <t>~５００ｇ</t>
  </si>
  <si>
    <t>角砂糖小袋</t>
  </si>
  <si>
    <t>スプーン印角砂糖小粒</t>
  </si>
  <si>
    <t>スプーン印かくざ父さん</t>
  </si>
  <si>
    <t>スプーン印レモンシュガー</t>
  </si>
  <si>
    <t>バラ印角砂糖</t>
  </si>
  <si>
    <t>バラ印フレンチシュガー</t>
  </si>
  <si>
    <t>プチ角砂糖</t>
  </si>
  <si>
    <t>きび角砂糖　小粒</t>
  </si>
  <si>
    <t>ベビー角砂糖</t>
  </si>
  <si>
    <t>きび砂糖ミニ角</t>
  </si>
  <si>
    <t>カップ印角砂糖</t>
  </si>
  <si>
    <t>馬印角砂糖小粒</t>
  </si>
  <si>
    <t>５０１ｇ~</t>
  </si>
  <si>
    <t>角砂糖_大袋</t>
  </si>
  <si>
    <t>角砂糖小粒</t>
  </si>
  <si>
    <t>スプーン印角砂糖デカチビ</t>
  </si>
  <si>
    <t>角砂糖並型</t>
  </si>
  <si>
    <t>角砂糖ちびっこ</t>
  </si>
  <si>
    <t>日新製糖　角砂糖　袋１ｋｇ</t>
  </si>
  <si>
    <t>ミニ角砂糖</t>
  </si>
  <si>
    <t>中日本　大きな小さな角砂糖</t>
  </si>
  <si>
    <t>ハートフル畑　角砂糖</t>
  </si>
  <si>
    <t>ジャム・蜂蜜</t>
  </si>
  <si>
    <t>はちみつ</t>
  </si>
  <si>
    <t>はちみつその他</t>
  </si>
  <si>
    <t>ミズアメ</t>
  </si>
  <si>
    <t>選んでe蜂蜜屋さんの水あめ</t>
  </si>
  <si>
    <t>水あめボトル</t>
  </si>
  <si>
    <t>麦芽糖水飴</t>
  </si>
  <si>
    <t>スドージャム</t>
  </si>
  <si>
    <t>ｽﾄﾞｰｼﾞｬﾑ</t>
  </si>
  <si>
    <t>スドージャム　紙カップ水あめ　１５０ｇ</t>
  </si>
  <si>
    <t>かりん飴</t>
  </si>
  <si>
    <t>うこん水飴</t>
  </si>
  <si>
    <t>しょうが飴</t>
  </si>
  <si>
    <t>麦芽水あめ</t>
  </si>
  <si>
    <t>越智商店</t>
  </si>
  <si>
    <t>ｵﾁｼｮｳﾃﾝ</t>
  </si>
  <si>
    <t>水あめカップ</t>
  </si>
  <si>
    <t>みつよしフーズ</t>
  </si>
  <si>
    <t>ﾐﾂﾖｼ</t>
  </si>
  <si>
    <t>みつ・シロップ</t>
  </si>
  <si>
    <t>ハニーメープル</t>
  </si>
  <si>
    <t>ケーキシロップ</t>
  </si>
  <si>
    <t>メープルシロップ</t>
  </si>
  <si>
    <t>グランノール__有機ＪＡＳ__メープルシロップNo.1ライト</t>
  </si>
  <si>
    <t>333ｇ</t>
  </si>
  <si>
    <t>ｸﾞﾗﾝﾉ-ﾙ</t>
  </si>
  <si>
    <t>グランノール　メープルシロップＮｏ．１ライト</t>
  </si>
  <si>
    <t>ノコミス__カナダ産メープルシロップＮＯ．２アンバー_1320g</t>
  </si>
  <si>
    <t>ノコミス__カナダ産__メープルシロップＮｏ．１ライト_1320</t>
  </si>
  <si>
    <t>ブルーベリー果汁入りシロップ</t>
  </si>
  <si>
    <t>黒みつ</t>
  </si>
  <si>
    <t>沖縄産加工黒糖使用_黒みつ</t>
  </si>
  <si>
    <t>蜂蜜シロップ</t>
  </si>
  <si>
    <t>ナッツの蜂蜜漬け</t>
  </si>
  <si>
    <t>ＭＹ_ＨＯＮＥＹ</t>
  </si>
  <si>
    <t>MYHONEY</t>
  </si>
  <si>
    <t>メープルシロップアンバーリッチテイスト</t>
  </si>
  <si>
    <t>メープルシロップ　ダークロバストテイスト</t>
  </si>
  <si>
    <t>628g</t>
  </si>
  <si>
    <t>B＆B</t>
  </si>
  <si>
    <t>スリムアップＳ　はちみつシロップ</t>
  </si>
  <si>
    <t>がるしにあだいえっと</t>
  </si>
  <si>
    <t>和菓子屋のあんみつ黒みつ</t>
  </si>
  <si>
    <t>ｴｲﾀﾛｳｿｳﾎﾝﾎ</t>
  </si>
  <si>
    <t>和菓子屋の黒みつ</t>
  </si>
  <si>
    <t>太陽の黒糖_シロップ</t>
  </si>
  <si>
    <t>カナダＮＯ１メープルシロップ</t>
  </si>
  <si>
    <t>メイプルシロップ</t>
  </si>
  <si>
    <t>サクラ印黒みつ</t>
  </si>
  <si>
    <t>ちょい足しはちみつシロップ</t>
  </si>
  <si>
    <t>ショコラオランジュシロップ</t>
  </si>
  <si>
    <t>瀬戸内レモンのレモネード</t>
  </si>
  <si>
    <t>ディズニーケーキシロップ</t>
  </si>
  <si>
    <t>ゴールド黒みつ</t>
  </si>
  <si>
    <t>ﾆﾎﾝﾊﾁﾐﾂ</t>
  </si>
  <si>
    <t>メープルシロップ１００％</t>
  </si>
  <si>
    <t>特撰シロップ黒みつ</t>
  </si>
  <si>
    <t>廣田本店</t>
  </si>
  <si>
    <t>ﾋﾛﾀﾎﾝﾃﾝ</t>
  </si>
  <si>
    <t>ｶｯﾌﾟ印_黒みつﾎﾞﾄﾙ_150g</t>
  </si>
  <si>
    <t>ハチミツ</t>
  </si>
  <si>
    <t>ﾉｼﾞﾏｶｲｻﾝ</t>
  </si>
  <si>
    <t>モンファボリメープルシロップ</t>
  </si>
  <si>
    <t>ﾓﾝﾌｧﾎﾞﾘ</t>
  </si>
  <si>
    <t>モンファボリメープルシロップダークロバスト</t>
  </si>
  <si>
    <t>桃太郎黒みつ</t>
  </si>
  <si>
    <t>平野商店</t>
  </si>
  <si>
    <t>ﾋﾗﾉｼｮｳﾃﾝ</t>
  </si>
  <si>
    <t>ロカボスタイル_低糖質シロップ</t>
  </si>
  <si>
    <t>ロカボスタイル_低糖質メープル風味シロップ</t>
  </si>
  <si>
    <t>ロカボスタイル_低糖質チョコレート風味シロップ</t>
  </si>
  <si>
    <t>黒蜜</t>
  </si>
  <si>
    <t>氷みつイチゴ</t>
  </si>
  <si>
    <t>ハニー</t>
  </si>
  <si>
    <t>ﾊﾆ-</t>
  </si>
  <si>
    <t>オリゴ糖＆はちみつ</t>
  </si>
  <si>
    <t>梅屋ﾊﾈｰ_新はちみつｼﾛｯﾌﾟﾎﾟﾘ_1KG</t>
  </si>
  <si>
    <t>メープルシロップダークロバスト</t>
  </si>
  <si>
    <t>有機ＪＡＳ　ブルーアガベシロップ</t>
  </si>
  <si>
    <t>加工はちみつ他</t>
  </si>
  <si>
    <t>アンパンマンスティックはちみつ</t>
  </si>
  <si>
    <t>朝日ヘルシーハチミツ加糖</t>
  </si>
  <si>
    <t>みかん蜂蜜</t>
  </si>
  <si>
    <t>小池養蜂園</t>
  </si>
  <si>
    <t>ｺｲｹﾖｳﾎｳｼﾞｮ</t>
  </si>
  <si>
    <t>ベトナム産ライチはちみつ</t>
  </si>
  <si>
    <t>アルノ</t>
  </si>
  <si>
    <t>ｼｶﾉﾖｳﾎｳｴﾝ</t>
  </si>
  <si>
    <t>養蜂家のはちみつ紅茶</t>
  </si>
  <si>
    <t>養蜂家のはちみつミルクティー</t>
  </si>
  <si>
    <t>4gx20P</t>
  </si>
  <si>
    <t>養蜂家のはちみつルイボスティー</t>
  </si>
  <si>
    <t>2.5gx20P</t>
  </si>
  <si>
    <t>ライチはちみつ</t>
  </si>
  <si>
    <t>はちみつカンパニー</t>
  </si>
  <si>
    <t>ﾊﾁﾐﾂｶﾝﾊﾟﾆｰ</t>
  </si>
  <si>
    <t>加工はちみつ</t>
  </si>
  <si>
    <t>蜂蜜カリン</t>
  </si>
  <si>
    <t>ブルーベリー＆ハニー</t>
  </si>
  <si>
    <t>ブレーベリー＆ハニー</t>
  </si>
  <si>
    <t>はちみつ入りカリン</t>
  </si>
  <si>
    <t>ローヤルゼリー添加はちみつ</t>
  </si>
  <si>
    <t>ハニーミックスナッツ</t>
  </si>
  <si>
    <t>デルタインターナショナル</t>
  </si>
  <si>
    <t>ﾃﾞﾙﾀ</t>
  </si>
  <si>
    <t>くるみの蜂蜜漬け</t>
  </si>
  <si>
    <t>はちみつフルーツソース　　ブルベリー</t>
  </si>
  <si>
    <t>ボーソーハチミツ</t>
  </si>
  <si>
    <t>ﾎﾞｳｿｳﾊﾁﾐﾂ</t>
  </si>
  <si>
    <t>はちみつフルーツソース　　リンゴ</t>
  </si>
  <si>
    <t>加糖　蜂蜜</t>
  </si>
  <si>
    <t>れもんはちみつ　瓶</t>
  </si>
  <si>
    <t>５６０ｇ</t>
  </si>
  <si>
    <t>加糖はちみつ</t>
  </si>
  <si>
    <t>加糖蜂蜜</t>
  </si>
  <si>
    <t>飲用はちみつ</t>
  </si>
  <si>
    <t>ゆず茶Pカップ</t>
  </si>
  <si>
    <t>蜂蜜ゆず茶</t>
  </si>
  <si>
    <t>はちみつゆず茶</t>
  </si>
  <si>
    <t>ｴｽｴｽﾋﾞｰ</t>
  </si>
  <si>
    <t>宗家のゆず茶</t>
  </si>
  <si>
    <t>エコバンク_ハイビスカスコーディアルシロップ_３６０ｇ</t>
  </si>
  <si>
    <t>エコバンク</t>
  </si>
  <si>
    <t>ｴｺﾊﾞﾝｸ</t>
  </si>
  <si>
    <t>ｱｸﾃｨﾌﾞﾏﾇｶﾊﾆ-__110G</t>
  </si>
  <si>
    <t>110Ｇ</t>
  </si>
  <si>
    <t>サクラ　ハチミツレモン</t>
  </si>
  <si>
    <t>サクラ　はちみつ生姜湯</t>
  </si>
  <si>
    <t>はちみつ＆れもん</t>
  </si>
  <si>
    <t>810ｇ</t>
  </si>
  <si>
    <t>はちみつ＆しょうが</t>
  </si>
  <si>
    <t>香りのゆず茶</t>
  </si>
  <si>
    <t>サクラ印純粋マヌカハニー</t>
  </si>
  <si>
    <t>レモン＆はちみつ</t>
  </si>
  <si>
    <t>特選　高知県産柚子使用　ゆず茶</t>
  </si>
  <si>
    <t>特選　高知県産生姜使用　生姜蜂蜜漬け</t>
  </si>
  <si>
    <t>ゆず茶（宮崎産）</t>
  </si>
  <si>
    <t>米良食品</t>
  </si>
  <si>
    <t>ｱｶﾂｷｼｮｳｼﾞ</t>
  </si>
  <si>
    <t>ハチミツレモン</t>
  </si>
  <si>
    <t>ｴｽﾞﾋﾞｰ</t>
  </si>
  <si>
    <t>大象ジャパンゆず茶</t>
  </si>
  <si>
    <t>大象ジャパンりんご茶</t>
  </si>
  <si>
    <t>カピラーノアクティブマヌカハニーMG30</t>
  </si>
  <si>
    <t>カピラーノオーストラリアオーガニツクハニー</t>
  </si>
  <si>
    <t>コサナ　マヌカハニーＭＧＯ　１００＋　２５０ｇ</t>
  </si>
  <si>
    <t>ｺｻﾅ</t>
  </si>
  <si>
    <t>コサナ　マヌカハニーＭＧＯ　４００＋　２５０ｇ</t>
  </si>
  <si>
    <t>ハニーカンパニー　マヌカハニー</t>
  </si>
  <si>
    <t>ハニーカンパニー　マヌカハニー＋５</t>
  </si>
  <si>
    <t>ハニーカンパニー　マヌカハニー＋１０</t>
  </si>
  <si>
    <t>中国産はちみつ</t>
  </si>
  <si>
    <t>小容量（~199g）</t>
  </si>
  <si>
    <t>プーさんはちみつ</t>
  </si>
  <si>
    <t>クヰンビーガーデン</t>
  </si>
  <si>
    <t>ｸｲﾝﾋﾞｰｶﾞｰﾃ</t>
  </si>
  <si>
    <t>蜂蜜</t>
  </si>
  <si>
    <t>純粋ハチミツミニ</t>
  </si>
  <si>
    <t>エクセレント純粋ハチミツ</t>
  </si>
  <si>
    <t>純粋はちみつ　菜の花</t>
  </si>
  <si>
    <t>はちみつ純正１００％</t>
  </si>
  <si>
    <t>ハチミツレンゲ</t>
  </si>
  <si>
    <t>ミニミニハネー</t>
  </si>
  <si>
    <t>15g×10P</t>
  </si>
  <si>
    <t>サクラ印純粋ひまわりはちみつ</t>
  </si>
  <si>
    <t>れんげ花ハチミツ</t>
  </si>
  <si>
    <t>アカシア花ハチミツ</t>
  </si>
  <si>
    <t>黒ごまはちみつ</t>
  </si>
  <si>
    <t>純粋はちみつ　個食</t>
  </si>
  <si>
    <t>タカ食品工業</t>
  </si>
  <si>
    <t>ﾀｶｼｮｸﾋﾝ</t>
  </si>
  <si>
    <t>ハネーソフト　個食</t>
  </si>
  <si>
    <t>中容量（200~399g）</t>
  </si>
  <si>
    <t>ヘルシーハチミツ</t>
  </si>
  <si>
    <t>みかんはちみつ</t>
  </si>
  <si>
    <t>ﾀﾃﾞｼﾅｺｳｹﾞﾝ</t>
  </si>
  <si>
    <t>純粋はちみつレンゲ</t>
  </si>
  <si>
    <t>レンゲはちみつ</t>
  </si>
  <si>
    <t>サクラ印純粋ハチミツポリ</t>
  </si>
  <si>
    <t>アカシアはちみつシャインゴールド</t>
  </si>
  <si>
    <t>ちょい足しハチミツ</t>
  </si>
  <si>
    <t>純粋アカシアはちみつ</t>
  </si>
  <si>
    <t>サクラ印純粋アカシアはちみつ</t>
  </si>
  <si>
    <t>ゴールドアカシアはちみつ</t>
  </si>
  <si>
    <t>ゴールドレンゲはちみつポリ</t>
  </si>
  <si>
    <t>レンゲ印柚子＆はちみつ</t>
  </si>
  <si>
    <t>レンゲ印ローヤルゼリー添加蜂蜜</t>
  </si>
  <si>
    <t>レンゲ印アカシア蜂蜜倒立</t>
  </si>
  <si>
    <t>はちみつ１番</t>
  </si>
  <si>
    <t>山内製菓</t>
  </si>
  <si>
    <t>アカシアはちみつ　ＰＥＴ</t>
  </si>
  <si>
    <t>ｱﾙﾒﾊﾞ-ｽﾞ</t>
  </si>
  <si>
    <t>菩提樹はちみつ　ＰＥＴ</t>
  </si>
  <si>
    <t>ミエリツィア　アカシアのハチミツ　４００ｇ</t>
  </si>
  <si>
    <t>生ローヤルゼリー入り蜂蜜</t>
  </si>
  <si>
    <t>グリーンプロポリス入り蜂蜜</t>
  </si>
  <si>
    <t>大容量（400g~）</t>
  </si>
  <si>
    <t>ヘルシーはちみつ</t>
  </si>
  <si>
    <t>純粋蜂蜜</t>
  </si>
  <si>
    <t>純粋はちみつ_2本セット</t>
  </si>
  <si>
    <t>ﾊﾅﾂｳｼﾖｳ</t>
  </si>
  <si>
    <t>純粋はちみつ2個セット</t>
  </si>
  <si>
    <t>1kg×2</t>
  </si>
  <si>
    <t>三洋通商　純粋はちみつ　５００ｇ</t>
  </si>
  <si>
    <t>宮下商店</t>
  </si>
  <si>
    <t>ﾐﾔｼﾀｼｮｳﾃﾝ</t>
  </si>
  <si>
    <t>華通商</t>
  </si>
  <si>
    <t>ハチミツ　ポリ</t>
  </si>
  <si>
    <t>純粋はちみつポリ</t>
  </si>
  <si>
    <t>すきとおったはちみつ</t>
  </si>
  <si>
    <t>ハチミツポリ</t>
  </si>
  <si>
    <t>純粋アカシアシャインゴールド蜂蜜</t>
  </si>
  <si>
    <t>純粋蜂蜜ポリ</t>
  </si>
  <si>
    <t>サクラ印　ハチミツ　ボトル５００ｇ</t>
  </si>
  <si>
    <t>ｻｸﾗ九州沖縄限定　純粋はちみつ</t>
  </si>
  <si>
    <t>純粋はちみつホワイト</t>
  </si>
  <si>
    <t>九州沖縄限定純粋はちみつ</t>
  </si>
  <si>
    <t>川商_ｸﾛｰﾊﾞｰｸﾚｽﾄ蜂蜜</t>
  </si>
  <si>
    <t>４５４ｇ</t>
  </si>
  <si>
    <t>ｶﾜｼｮｳﾌ-ｽﾞ</t>
  </si>
  <si>
    <t>純粋はちみつ（ポリ容器）</t>
  </si>
  <si>
    <t>レンゲ印　蜂蜜</t>
  </si>
  <si>
    <t>はちみつオレンジラベル瓶</t>
  </si>
  <si>
    <t>1450g</t>
  </si>
  <si>
    <t>ゴールドれんげはちみつ</t>
  </si>
  <si>
    <t>オレンジラベルハチミツ</t>
  </si>
  <si>
    <t>アカシアはちみつ</t>
  </si>
  <si>
    <t>純粋はちみつ瓶</t>
  </si>
  <si>
    <t>レンゲ印ゴールドアカシア蜂蜜</t>
  </si>
  <si>
    <t>ﾊﾅﾂｳｼｮｳ</t>
  </si>
  <si>
    <t>はちみつものがたり</t>
  </si>
  <si>
    <t>百花蜜蜂蜜</t>
  </si>
  <si>
    <t>かりん蜂蜜</t>
  </si>
  <si>
    <t>ビーシー純粋はちみつ</t>
  </si>
  <si>
    <t>アカシヤ蜂蜜</t>
  </si>
  <si>
    <t>ミエリツィア　オレンジのハチミツ　４００ｇ</t>
  </si>
  <si>
    <t>ﾐｴﾘﾂｨｱ_栗の蜂蜜</t>
  </si>
  <si>
    <t>ミエリツィア　ユーカリのハチミツ　４００ｇ</t>
  </si>
  <si>
    <t>ミエリツィア　トスカーナのハチミツ　４００ｇ</t>
  </si>
  <si>
    <t>非中国産はちみつ</t>
  </si>
  <si>
    <t>カナダ産純粋はちみつ</t>
  </si>
  <si>
    <t>純粋ハチミツポリ</t>
  </si>
  <si>
    <t>純粋アカシアはちみつシャインゴールドラベル</t>
  </si>
  <si>
    <t>レンゲ印純粋ハチミツ</t>
  </si>
  <si>
    <t>中日本青果センター</t>
  </si>
  <si>
    <t>レンゲ純粋ハチミツ</t>
  </si>
  <si>
    <t>アルゼンチン産非加熱はちみつマヒカハニー</t>
  </si>
  <si>
    <t>ライヴス</t>
  </si>
  <si>
    <t>ﾏﾋｶ</t>
  </si>
  <si>
    <t>ネイチャータッチドマヌカハニー30+</t>
  </si>
  <si>
    <t>オーケーエージェンシー</t>
  </si>
  <si>
    <t>ｵｰｹｰｴｰｼﾞｪﾝ</t>
  </si>
  <si>
    <t>はな房国産百花蜂蜜</t>
  </si>
  <si>
    <t>はな房朝採れ蜂蜜</t>
  </si>
  <si>
    <t>純粋はちみつスティックタイプ</t>
  </si>
  <si>
    <t>柑橘の花の純粋はちみつ</t>
  </si>
  <si>
    <t>アルゼンチン産純粋はちみつ</t>
  </si>
  <si>
    <t>メキシコ産純粋はちみつ</t>
  </si>
  <si>
    <t>サクラ印カナダ産純粋はちみつ</t>
  </si>
  <si>
    <t>金市商店国産みかん蜂蜜　100g</t>
  </si>
  <si>
    <t>あかしあ蜂蜜</t>
  </si>
  <si>
    <t>国産百花蜂蜜</t>
  </si>
  <si>
    <t>国産北海道蜂蜜</t>
  </si>
  <si>
    <t>国産りんご蜂蜜</t>
  </si>
  <si>
    <t>金市商店国産菩提樹蜂蜜　130g</t>
  </si>
  <si>
    <t>国産百花蜜</t>
  </si>
  <si>
    <t>藤井養蜂場</t>
  </si>
  <si>
    <t>ﾌｼﾞｲﾖｳﾎｳ</t>
  </si>
  <si>
    <t>純粋蜂蜜みつばちの恵</t>
  </si>
  <si>
    <t>ﾌｼﾞｲﾖｳﾎｳｼﾞ</t>
  </si>
  <si>
    <t>国産　花々の蜜</t>
  </si>
  <si>
    <t>水谷養蜂園</t>
  </si>
  <si>
    <t>ﾐｽﾞﾀﾆﾖｳﾎｳｴ</t>
  </si>
  <si>
    <t>国産アカシア蜜　瓶</t>
  </si>
  <si>
    <t>国産はちみつスティックタイプ</t>
  </si>
  <si>
    <t>１０ｇＸ６本</t>
  </si>
  <si>
    <t>ゴールデンネクター　ハンガリー産　巣ごと蜂蜜__３５０ｇ</t>
  </si>
  <si>
    <t>サクラ印　ハチミツ　瓶　２２５ｇ</t>
  </si>
  <si>
    <t>ハンガリー産アカシア蜂蜜ピッチャー入り</t>
  </si>
  <si>
    <t>カナダ産純粋蜂蜜</t>
  </si>
  <si>
    <t>サクラアルゼンチン産純粋はちみつ</t>
  </si>
  <si>
    <t>サクラニュージンランド純粋クローバーはちみつ</t>
  </si>
  <si>
    <t>サクラスペイン産純粋オレンジハチミツ</t>
  </si>
  <si>
    <t>サクラハンガリー産純粋アカシアハチミツ</t>
  </si>
  <si>
    <t>贅沢蜂蜜ハンガリー産アカシアはちみつ</t>
  </si>
  <si>
    <t>サクラ印メキシコ産純粋はちみつ</t>
  </si>
  <si>
    <t>アルゼンチン産＆カナダ産純粋蜂蜜</t>
  </si>
  <si>
    <t>サクラ印　ニュージーＬ純粋クローバー蜂蜜</t>
  </si>
  <si>
    <t>アルゼンチン＆カナダ純粋蜂蜜</t>
  </si>
  <si>
    <t>メキシコ産はちみつ</t>
  </si>
  <si>
    <t>贅沢蜂蜜メキシコ産オレンジはちみつ</t>
  </si>
  <si>
    <t>九州沖縄限定はちみつ</t>
  </si>
  <si>
    <t>レンゲ印　アルゼンチン産Ｒゼリー添加蜂蜜　２４５ｇ</t>
  </si>
  <si>
    <t>245G</t>
  </si>
  <si>
    <t>レンゲ印スペイン産ローズマリー純粋はちみつ</t>
  </si>
  <si>
    <t>レンゲ印ハンガリー産アカシア蜂蜜</t>
  </si>
  <si>
    <t>レンゲ印ローヤルゼリー添加アルゼンチン産蜂蜜倒立</t>
  </si>
  <si>
    <t>アルゼンチンRJ添加蜂蜜</t>
  </si>
  <si>
    <t>熊手蜂蜜アルゼンチン産＆カナダ産蜂蜜</t>
  </si>
  <si>
    <t>熊手蜂蜜</t>
  </si>
  <si>
    <t>ｸﾏﾃﾞﾊﾁﾐﾂ</t>
  </si>
  <si>
    <t>アルゼンチン産はちみつ</t>
  </si>
  <si>
    <t>松治郎</t>
  </si>
  <si>
    <t>ﾐｽﾞﾀﾆﾖｳﾎｳ</t>
  </si>
  <si>
    <t>甲斐の恵み手作りももジャム</t>
  </si>
  <si>
    <t>みやさか食品</t>
  </si>
  <si>
    <t>ﾐﾔｻｶｼｮｸﾋﾝ</t>
  </si>
  <si>
    <t>甲斐の恵み手作りぶどうジャム</t>
  </si>
  <si>
    <t>スペイン産オレンジ蜂蜜</t>
  </si>
  <si>
    <t>ﾋﾞｰｷｽﾄ</t>
  </si>
  <si>
    <t>ゴールデンネクター_ハンガリー産アカシア蜂蜜_５００ｇ</t>
  </si>
  <si>
    <t>国産山の花々のはちみつ</t>
  </si>
  <si>
    <t>ﾂｶﾓﾄﾖｳﾎｳｼﾞ</t>
  </si>
  <si>
    <t>世界遺産ベトナム産純粋はちみつ</t>
  </si>
  <si>
    <t>ﾌﾞﾘｯｼﾞ</t>
  </si>
  <si>
    <t>純粋はちみつPUREHONEY</t>
  </si>
  <si>
    <t>ＢＩＨＯＥＮ</t>
  </si>
  <si>
    <t>サクラ印　アルゼンチン産ハチミツ</t>
  </si>
  <si>
    <t>サクラ印　ＡＺ産＆ＮＺ産　純粋はちみつ</t>
  </si>
  <si>
    <t>純粋ひまわりはちみつ</t>
  </si>
  <si>
    <t>アルゼンチン＆カナダ産純粋はちみつ</t>
  </si>
  <si>
    <t>レンゲ印純粋ハチミツ瓶</t>
  </si>
  <si>
    <t>715g</t>
  </si>
  <si>
    <t>ｱﾙｾﾞﾝﾁﾝ産純粋はちみつﾎﾟﾘ</t>
  </si>
  <si>
    <t>レンゲ印カナダ産純粋ハチミツ</t>
  </si>
  <si>
    <t>トルコ産巣入り蜂蜜</t>
  </si>
  <si>
    <t>熊手アルゼンチン産蜂蜜</t>
  </si>
  <si>
    <t>アルゼンチン産純粋蜂蜜</t>
  </si>
  <si>
    <t>成城石井　ヒマラヤンアカシア純粋蜂蜜</t>
  </si>
  <si>
    <t>成城石井__エジプト産__クローバー純粋はちみつ__５００ｇ</t>
  </si>
  <si>
    <t>ハネータイ産純粋はちみつ</t>
  </si>
  <si>
    <t>マルミ　加糖はちみつ　１０００ｇ</t>
  </si>
  <si>
    <t>スプレッド</t>
  </si>
  <si>
    <t>惣菜系</t>
  </si>
  <si>
    <t>ガーリックトーストミックス</t>
  </si>
  <si>
    <t>パパン_カレートースト</t>
  </si>
  <si>
    <t>パパン　コーンスープ味</t>
  </si>
  <si>
    <t>パパン　オニオングラタン味</t>
  </si>
  <si>
    <t>塗るテリーヌ広島県産牡蠣</t>
  </si>
  <si>
    <t>塗るテリーヌ北海道産スモークサーモン</t>
  </si>
  <si>
    <t>塗るテリーヌ国産チキンレバー</t>
  </si>
  <si>
    <t>塗るテリーヌ国産ビーフ</t>
  </si>
  <si>
    <t>塗るテリーヌ国産ポーク</t>
  </si>
  <si>
    <t>塗るテリーヌ鳥取県産紅ズワイガニ</t>
  </si>
  <si>
    <t>ポテトーストピザ風味</t>
  </si>
  <si>
    <t>ポテトースト大人のカレー味</t>
  </si>
  <si>
    <t>ポテトーストバターしょうゆ味</t>
  </si>
  <si>
    <t>ポテトーストカレー味</t>
  </si>
  <si>
    <t>ｱｼｽﾄ　ﾌｫｱｸﾞﾗのﾊﾟﾃ(ﾍﾟｰｽﾄ)</t>
  </si>
  <si>
    <t>ピスタチオスプレッド</t>
  </si>
  <si>
    <t>チューブ</t>
  </si>
  <si>
    <t>明太フランス風トーストスプ</t>
  </si>
  <si>
    <t>ガーリックトーストスプレッド</t>
  </si>
  <si>
    <t>明太フランス風トーストスプレッド</t>
  </si>
  <si>
    <t>ポルチーニトーストスプレッド</t>
  </si>
  <si>
    <t>ガーリックシュリンプ</t>
  </si>
  <si>
    <t>バジルトーストスプレッド</t>
  </si>
  <si>
    <t>メロンパン風トーストスプレッド</t>
  </si>
  <si>
    <t>ヴェルデココナッツトーストスプレッド</t>
  </si>
  <si>
    <t>カレーパン風トーストスプレッド</t>
  </si>
  <si>
    <t>あんソースSボトル</t>
  </si>
  <si>
    <t>パン工房コーン＆マヨ</t>
  </si>
  <si>
    <t>キューピー　５種の野菜のピザソース</t>
  </si>
  <si>
    <t>パン工房てりやきピザソース</t>
  </si>
  <si>
    <t>ポテトグラタン　マヨチーズ味</t>
  </si>
  <si>
    <t>パン工房バジル香るピザソース</t>
  </si>
  <si>
    <t>パン工房　シーチキン＆マヨ</t>
  </si>
  <si>
    <t>てりやきソース＆マヨ</t>
  </si>
  <si>
    <t>パン工房カレー</t>
  </si>
  <si>
    <t>パン工房チリ＆ビーンズ</t>
  </si>
  <si>
    <t>パンコウボウツナマヨ</t>
  </si>
  <si>
    <t>パンコウボウ　アップル</t>
  </si>
  <si>
    <t>パン工房ベーコン＆オニオン</t>
  </si>
  <si>
    <t>パン工房コーン＆マヨネーズ</t>
  </si>
  <si>
    <t>パン工房ツナ＆マヨネーズ</t>
  </si>
  <si>
    <t>パン工房ピザソース</t>
  </si>
  <si>
    <t>パン工房マヨグラタン</t>
  </si>
  <si>
    <t>ソースコンポーゼ</t>
  </si>
  <si>
    <t>パン工房ツナ＆マヨ</t>
  </si>
  <si>
    <t>パン工房　コーン＆マヨ</t>
  </si>
  <si>
    <t>ベジタブル＆ビーンズ</t>
  </si>
  <si>
    <t>パン工房チーズ＆マヨ</t>
  </si>
  <si>
    <t>サンドイッチスプレッド</t>
  </si>
  <si>
    <t>ベーコン＆エッグ</t>
  </si>
  <si>
    <t>ポテトーストバターしょうゆ味90g</t>
  </si>
  <si>
    <t>ピーナッツクリーム</t>
  </si>
  <si>
    <t>ピーナッツバタークランチ</t>
  </si>
  <si>
    <t>ピーナッツバター</t>
  </si>
  <si>
    <t>ピーナッツバター　クリーミー（粒なし）</t>
  </si>
  <si>
    <t>ﾎｰﾑﾌﾟﾚｰﾄ</t>
  </si>
  <si>
    <t>ピーナッツバター　クランチー（粒入り）</t>
  </si>
  <si>
    <t>ピーナッツバター種子島産粗糖使用</t>
  </si>
  <si>
    <t>ランプピーナッツホイップ</t>
  </si>
  <si>
    <t>ピーナッツバタークランチー</t>
  </si>
  <si>
    <t>ピーナッツペースト無糖</t>
  </si>
  <si>
    <t>広川</t>
  </si>
  <si>
    <t>ﾋﾛｶﾜ</t>
  </si>
  <si>
    <t>ピーナッツペースト　無糖</t>
  </si>
  <si>
    <t>紙カップ</t>
  </si>
  <si>
    <t>Ｆカップピーナツクリーム</t>
  </si>
  <si>
    <t>カップジャム　ピーナッツ</t>
  </si>
  <si>
    <t>プラカップ</t>
  </si>
  <si>
    <t>デキシーピーナッツクリーム</t>
  </si>
  <si>
    <t>ピーナツホイップ</t>
  </si>
  <si>
    <t>ふんわりホイップピーナッツ</t>
  </si>
  <si>
    <t>ピーナッツ＆チョコ（ストライプ）瓶</t>
  </si>
  <si>
    <t>ピーナッツバターチャンク</t>
  </si>
  <si>
    <t>ｽｷｯﾋﾟ-</t>
  </si>
  <si>
    <t>ピーナッツバタークリ―ミ―</t>
  </si>
  <si>
    <t>ｽｷｯﾋﾟｰ</t>
  </si>
  <si>
    <t>ピーナッツバターTOGOクリーミー</t>
  </si>
  <si>
    <t>JIF</t>
  </si>
  <si>
    <t>クリーミーピーナッツバター</t>
  </si>
  <si>
    <t>クランチピーナッツバター</t>
  </si>
  <si>
    <t>ピーナッツバター粒入り</t>
  </si>
  <si>
    <t>ピーナッツバターソフト</t>
  </si>
  <si>
    <t>ピーナッツホイップチューブ</t>
  </si>
  <si>
    <t>ピーナツバター　クリーミー</t>
  </si>
  <si>
    <t>ピーナツバター　クランチ</t>
  </si>
  <si>
    <t>ピーナッツバター砂糖食塩不使用</t>
  </si>
  <si>
    <t>カンピーピーナッツバタークリーミーペット</t>
  </si>
  <si>
    <t>ピーナッツバタークリミータイプ</t>
  </si>
  <si>
    <t>ランプチョコホイップ</t>
  </si>
  <si>
    <t>Ｐカップピーナッツソフト</t>
  </si>
  <si>
    <t>Ｐカップつぶピーソフト</t>
  </si>
  <si>
    <t>Ｐカップきなこピーナッツソフト</t>
  </si>
  <si>
    <t>パンにぬるピーナッツ</t>
  </si>
  <si>
    <t>パンにぬるホイップクリーム粒ピーナッツ</t>
  </si>
  <si>
    <t>パンにぬるクリームきなこピーナッツ</t>
  </si>
  <si>
    <t>パンにぬるホイップクリームピーナッツ</t>
  </si>
  <si>
    <t>パンにホイップクリームきなこピーナッツ</t>
  </si>
  <si>
    <t>クッキー＆ピーナッツ</t>
  </si>
  <si>
    <t>オーマイ　アマニ入りピーナッツクリーム　１２５ｇ</t>
  </si>
  <si>
    <t>ピーナッツジュニア</t>
  </si>
  <si>
    <t>ピーナッツバタークリーミー粒入り</t>
  </si>
  <si>
    <t>ﾀﾞｲｼﾖｳ</t>
  </si>
  <si>
    <t>ウ゛ェルデピーナッツホイップ</t>
  </si>
  <si>
    <t>ピーナッツホイップ</t>
  </si>
  <si>
    <t>ヴェルデチョコ＆ピーナッツ</t>
  </si>
  <si>
    <t>チョコ＆ピーナッツ</t>
  </si>
  <si>
    <t>13g×4</t>
  </si>
  <si>
    <t>ｳﾞｪﾙﾃﾞﾋﾟｰﾅｯﾂﾎｲｯﾌﾟ</t>
  </si>
  <si>
    <t>ﾍﾞﾙﾃﾞ</t>
  </si>
  <si>
    <t>チョコ</t>
  </si>
  <si>
    <t>ゴールドセレクションヘーゼルショコラクリーム</t>
  </si>
  <si>
    <t>チョコピーナッツ</t>
  </si>
  <si>
    <t>大人のビターなチョコレートクリーム</t>
  </si>
  <si>
    <t>Ｆカップチョコレートクリーム</t>
  </si>
  <si>
    <t>カップジャム　チョコレート</t>
  </si>
  <si>
    <t>デキシーチョコレートクリーム</t>
  </si>
  <si>
    <t>チョコレートホイップ</t>
  </si>
  <si>
    <t>シュガートーストチョコクッキー</t>
  </si>
  <si>
    <t>新チョコレートホイップ</t>
  </si>
  <si>
    <t>シュガートースト焼きチョコ風味</t>
  </si>
  <si>
    <t>ヌテラ</t>
  </si>
  <si>
    <t>日本フェレロ</t>
  </si>
  <si>
    <t>ﾌｪﾚﾛ</t>
  </si>
  <si>
    <t>フェレロヌテラ</t>
  </si>
  <si>
    <t>ブラック＆ホワイト</t>
  </si>
  <si>
    <t>13gx4</t>
  </si>
  <si>
    <t>11gx4</t>
  </si>
  <si>
    <t>ファミリーカップ香るチョコレートクリーム</t>
  </si>
  <si>
    <t>　Ｐカップ　チョコソフト</t>
  </si>
  <si>
    <t>パンにぬるクリームチョコ</t>
  </si>
  <si>
    <t>パンにぬるホイップクリームチョコ</t>
  </si>
  <si>
    <t>チョコレートジュニア</t>
  </si>
  <si>
    <t>ヌテラヘーゼルナッツ＆チョコ</t>
  </si>
  <si>
    <t>チョコシロップ</t>
  </si>
  <si>
    <t>ﾊｰｼｰ</t>
  </si>
  <si>
    <t>ウ゛ェルデチョコホイップ</t>
  </si>
  <si>
    <t>チョコホイップチューブ</t>
  </si>
  <si>
    <t>チョコホイップ</t>
  </si>
  <si>
    <t>チョコブラック＆ホワイト</t>
  </si>
  <si>
    <t>ブラック＆ホワイトクリーム</t>
  </si>
  <si>
    <t>ｳﾞｪﾙﾃﾞﾁｮｺﾎｲｯﾌﾟ</t>
  </si>
  <si>
    <t>アップルジンジャーシュガー</t>
  </si>
  <si>
    <t>アーモンドシュガー</t>
  </si>
  <si>
    <t>ボンヌママンミルクジャム</t>
  </si>
  <si>
    <t>ストロベリーシュガー瓶</t>
  </si>
  <si>
    <t>パパンメロンパン味</t>
  </si>
  <si>
    <t>黒胡麻クリーム</t>
  </si>
  <si>
    <t>パパン　スィートポテト味</t>
  </si>
  <si>
    <t>２６ｇ</t>
  </si>
  <si>
    <t>パパンチョコバナナ味</t>
  </si>
  <si>
    <t>フルーツソースブルーベリー</t>
  </si>
  <si>
    <t>フルーツソースストロベリー</t>
  </si>
  <si>
    <t>カカオシュガー</t>
  </si>
  <si>
    <t>キャラメルシナモンシュガー</t>
  </si>
  <si>
    <t>バニラシュガー</t>
  </si>
  <si>
    <t>シナモンシュガー</t>
  </si>
  <si>
    <t>黒胡麻クリーム　瓶</t>
  </si>
  <si>
    <t>アヲハタ黒胡麻クリーム</t>
  </si>
  <si>
    <t>栗バター</t>
  </si>
  <si>
    <t>濃厚いちごバター</t>
  </si>
  <si>
    <t>ﾀﾃｼﾅｺｳｹﾞﾝ</t>
  </si>
  <si>
    <t>濃厚りんごバター</t>
  </si>
  <si>
    <t>濃厚レモンバター</t>
  </si>
  <si>
    <t>シナモンアップルバタースタンドパック</t>
  </si>
  <si>
    <t>抹茶あんリッチバター</t>
  </si>
  <si>
    <t>つぶあんリッチバター</t>
  </si>
  <si>
    <t>レモンバター</t>
  </si>
  <si>
    <t>レモンカード</t>
  </si>
  <si>
    <t>ココナッツペースト</t>
  </si>
  <si>
    <t>１７５ｇ</t>
  </si>
  <si>
    <t>BuQa</t>
  </si>
  <si>
    <t>旭食　海藻サラダ</t>
  </si>
  <si>
    <t>アサイーミックスソース</t>
  </si>
  <si>
    <t>いちごバター</t>
  </si>
  <si>
    <t>十勝小豆のあんバター</t>
  </si>
  <si>
    <t>とろける贅沢宇治抹茶クリーム</t>
  </si>
  <si>
    <t>とろける贅沢濃厚バニラクリーム</t>
  </si>
  <si>
    <t>シュガートーストとろける北海道ミルク</t>
  </si>
  <si>
    <t>シュガートースト香ばしアーモンド</t>
  </si>
  <si>
    <t>サン＆テーブルあじわうバターのスプレッド145g</t>
  </si>
  <si>
    <t>からしたろう</t>
  </si>
  <si>
    <t>鶴羽二重　大判</t>
  </si>
  <si>
    <t>パパンシナモンシュガー詰め替え用袋</t>
  </si>
  <si>
    <t>パパン　キャラメルシナモンシュガー　詰替用　袋</t>
  </si>
  <si>
    <t>パパン　バニラシュガー　詰め替え用　袋</t>
  </si>
  <si>
    <t>パパン　カカオシュガー　詰め替え用　袋</t>
  </si>
  <si>
    <t>パパンレモンミルク味</t>
  </si>
  <si>
    <t>パパンアップルパイ</t>
  </si>
  <si>
    <t>パパン抹茶ラテ味</t>
  </si>
  <si>
    <t>北海道ふわふわメロンバター</t>
  </si>
  <si>
    <t>あんバター</t>
  </si>
  <si>
    <t>斑尾　くるみバター　１８０ｇ</t>
  </si>
  <si>
    <t>ﾏﾀﾞﾗｵ</t>
  </si>
  <si>
    <t>斑尾　黒ごまバター　１７０Ｇ</t>
  </si>
  <si>
    <t>斑尾　七穀バター　１７０Ｇ</t>
  </si>
  <si>
    <t>斑尾高原_くるみﾊﾞﾀｰ</t>
  </si>
  <si>
    <t>斑尾_黒ごまﾊﾞﾀｰ</t>
  </si>
  <si>
    <t>斑尾_七穀ﾊﾞﾀｰ</t>
  </si>
  <si>
    <t>フルーツソースいちご</t>
  </si>
  <si>
    <t>フルーツソースキウイ</t>
  </si>
  <si>
    <t>蔵王フルーツソースブルーベリー</t>
  </si>
  <si>
    <t>ｻﾞｵｳ</t>
  </si>
  <si>
    <t>蔵王フルーツソースストロベリー</t>
  </si>
  <si>
    <t>蔵王フルーツソースキウイ</t>
  </si>
  <si>
    <t>蔵王フルーツソースマンゴー</t>
  </si>
  <si>
    <t>蔵王レモネードベース</t>
  </si>
  <si>
    <t>ひろさき屋いちごバター瓶</t>
  </si>
  <si>
    <t>ﾋﾛｻｷﾔ</t>
  </si>
  <si>
    <t>九鬼はちみつごまくりーむ白</t>
  </si>
  <si>
    <t>アーモンドクリーム</t>
  </si>
  <si>
    <t>三育フーズ</t>
  </si>
  <si>
    <t>ｻﾝｲｸﾌ-ｽﾞ</t>
  </si>
  <si>
    <t>ﾆﾎﾝﾌｪﾚﾛ</t>
  </si>
  <si>
    <t>メープルスイート</t>
  </si>
  <si>
    <t>ソントンポテトトーストコンポタ風</t>
  </si>
  <si>
    <t>宇治抹茶クリーム</t>
  </si>
  <si>
    <t>カンピーきなこクリームペット</t>
  </si>
  <si>
    <t>加賀棒ほうじ茶ラテクリーム</t>
  </si>
  <si>
    <t>焼いておいしいメロンパン</t>
  </si>
  <si>
    <t>焼いておいしいカレーパン</t>
  </si>
  <si>
    <t>焼いておいしいシュガートースト</t>
  </si>
  <si>
    <t>Ｆカップ黒ごまクリーム</t>
  </si>
  <si>
    <t>Ｆカップメープルスィート</t>
  </si>
  <si>
    <t>Ｆカップバンホーテンココアクリーム</t>
  </si>
  <si>
    <t>Ｆカップキャラメルクリーム</t>
  </si>
  <si>
    <t>Ｆカップカスタードクリーム</t>
  </si>
  <si>
    <t>ゆるり日和黒ごまクリーム</t>
  </si>
  <si>
    <t>ゆるり日和きなこクリーム</t>
  </si>
  <si>
    <t>オレンジマーマレード</t>
  </si>
  <si>
    <t>ブルーベリージャム</t>
  </si>
  <si>
    <t>チョコレートクリーム</t>
  </si>
  <si>
    <t>ソントン　ゆるリ日和きなこクリーム　１２０ｇ</t>
  </si>
  <si>
    <t>ファミリーカップしゃきしゃきリンゴジャム</t>
  </si>
  <si>
    <t>とろけるカスタードクリーム</t>
  </si>
  <si>
    <t>ファミリーカップ香ばし黒ゴマクリーム</t>
  </si>
  <si>
    <t>紙カップとろ～りぷりんクリーム</t>
  </si>
  <si>
    <t>とろーりプリンクリーム</t>
  </si>
  <si>
    <t>ｽﾄﾞｰ</t>
  </si>
  <si>
    <t>きなこクリーミー</t>
  </si>
  <si>
    <t>デキシーレーズンクリーム</t>
  </si>
  <si>
    <t>ミルクホイップ</t>
  </si>
  <si>
    <t>シュガートースト</t>
  </si>
  <si>
    <t>ふんわりホイップ　キャラメル風味</t>
  </si>
  <si>
    <t>ふんわりホイップ　ミルメーク味</t>
  </si>
  <si>
    <t>ふんわりホイップ黒豆きなこ</t>
  </si>
  <si>
    <t>ヘーゼルナッツホイップ</t>
  </si>
  <si>
    <t>ふんわりホイップカフェオレ</t>
  </si>
  <si>
    <t>ふんわりホイップ紫いも</t>
  </si>
  <si>
    <t>シュガートースト　メープル</t>
  </si>
  <si>
    <t>シュガートースト　いちご風味</t>
  </si>
  <si>
    <t>ポテトーストコンソメ風味</t>
  </si>
  <si>
    <t>チーズトースト</t>
  </si>
  <si>
    <t>シュガートーストきなこ揚パン</t>
  </si>
  <si>
    <t>シナモンアップルバター</t>
  </si>
  <si>
    <t>桜あん</t>
  </si>
  <si>
    <t>パンにぬるホイップクリームミルク</t>
  </si>
  <si>
    <t>ﾊﾟﾝにぬるﾎｲｯﾌﾟｸﾘｰﾑ黒ｺﾞﾏ</t>
  </si>
  <si>
    <t>パンにぬるホイップクリーム黒ゴマ</t>
  </si>
  <si>
    <t>シュガートーストメープル風味</t>
  </si>
  <si>
    <t>シュガートーストきなこ揚げパン風味</t>
  </si>
  <si>
    <t>シュガートーストザクザクアップルパイ風味</t>
  </si>
  <si>
    <t>クッキー＆バニラホイップ</t>
  </si>
  <si>
    <t>塗って焼いたら明太トースト</t>
  </si>
  <si>
    <t>コメダ特製小倉あん</t>
  </si>
  <si>
    <t>森永ミルクキャラメルあん</t>
  </si>
  <si>
    <t>白ごまジュニア</t>
  </si>
  <si>
    <t>デキシーココアクリーム</t>
  </si>
  <si>
    <t>デキシー黒豆きなこクリーム</t>
  </si>
  <si>
    <t>レーズンクリーム</t>
  </si>
  <si>
    <t>珈琲所コメダ珈琲店監修ココアクリーム</t>
  </si>
  <si>
    <t>ビスケットスプレッドクランチ</t>
  </si>
  <si>
    <t>キャラメルシロップマレーシア産</t>
  </si>
  <si>
    <t>623g</t>
  </si>
  <si>
    <t>安納芋あんトッピング</t>
  </si>
  <si>
    <t>きなこトッピング</t>
  </si>
  <si>
    <t>こしあんトッピング</t>
  </si>
  <si>
    <t>ウ゛ェルデシュガートーストスプレッド</t>
  </si>
  <si>
    <t>メロンパントーストスプレッド</t>
  </si>
  <si>
    <t>シュガートーストスプレット</t>
  </si>
  <si>
    <t>フレンチトーストスプレット</t>
  </si>
  <si>
    <t>ガーリックトーストスプレ</t>
  </si>
  <si>
    <t>ヴェルデミルクホイップ</t>
  </si>
  <si>
    <t>ヴェルデガーリックトーストスプレッド</t>
  </si>
  <si>
    <t>ヴェルデ明太フランス風トーストスプレッド</t>
  </si>
  <si>
    <t>イチゴ＆バター風味クリーム</t>
  </si>
  <si>
    <t>ブルーベリー＆バター風味クリーム</t>
  </si>
  <si>
    <t>はちみつオリゴ＆バター風味クリーム</t>
  </si>
  <si>
    <t>11g×4P</t>
  </si>
  <si>
    <t>濃い抹茶宇治抹茶使用＆ミルク風味クリーム</t>
  </si>
  <si>
    <t>バナナホイップ</t>
  </si>
  <si>
    <t>ヴェルデイチゴホイップ</t>
  </si>
  <si>
    <t>メロンパン風ホイップ</t>
  </si>
  <si>
    <t>シュガーバタートーストスプレッド</t>
  </si>
  <si>
    <t>カスタードホイップバナナ風味</t>
  </si>
  <si>
    <t>はちみつオリゴ＆バター風味</t>
  </si>
  <si>
    <t>ミルキーホイップ</t>
  </si>
  <si>
    <t>ミルキーホイップいちご味</t>
  </si>
  <si>
    <t>抹茶ソースSボトル</t>
  </si>
  <si>
    <t>かけるご褒美あん×バター</t>
  </si>
  <si>
    <t>メープル風＆バター風味</t>
  </si>
  <si>
    <t>ヴェルデイチゴ＆バター風味ク</t>
  </si>
  <si>
    <t>ヴェルデブルーベリー＆バター</t>
  </si>
  <si>
    <t>ヴェルデはちみつ＆バター風味クリーム</t>
  </si>
  <si>
    <t>シュガートーストスプレッド</t>
  </si>
  <si>
    <t>フレンチトースト風スプレッド</t>
  </si>
  <si>
    <t>メープル風シロップ＆バター風味クリーム</t>
  </si>
  <si>
    <t>ヴェルデ　イチゴ＆バター風味クリーム</t>
  </si>
  <si>
    <t>ヴェルデ　はちみつオリゴ＆バター風味クリーム</t>
  </si>
  <si>
    <t>ヴェルデメロンパン風トーストスプレッド</t>
  </si>
  <si>
    <t>ヴェルデシュガートーストスプレッド</t>
  </si>
  <si>
    <t>ヴェルデフレンチトーストスプレッド</t>
  </si>
  <si>
    <t>ｳﾞｪﾙﾃﾞｷｬﾗﾒﾙﾄｰｽﾄｽﾌﾟﾚｯﾄﾞ</t>
  </si>
  <si>
    <t>レモンクリームホイップ</t>
  </si>
  <si>
    <t>いちご＆バター風味クリーム</t>
  </si>
  <si>
    <t>はちみつ＆バター風味クリーム</t>
  </si>
  <si>
    <t>ブルーベリー＆バター</t>
  </si>
  <si>
    <t>パン工房チーズケーキクリーム</t>
  </si>
  <si>
    <t>そのままアップルソース</t>
  </si>
  <si>
    <t>トッピーチョコクランチ</t>
  </si>
  <si>
    <t>トッピーハニーアップル</t>
  </si>
  <si>
    <t>トッピーいちごミルク</t>
  </si>
  <si>
    <t>ポーションジャムストロベリー</t>
  </si>
  <si>
    <t>ポーションジャムマーマレード</t>
  </si>
  <si>
    <t>ポーションジャムベルーベリー</t>
  </si>
  <si>
    <t>リンゴ　個食</t>
  </si>
  <si>
    <t>イチゴミックス　個食</t>
  </si>
  <si>
    <t>マーマレード　個食</t>
  </si>
  <si>
    <t>ブルーベリー　個食</t>
  </si>
  <si>
    <t>メープルゼリー　個食</t>
  </si>
  <si>
    <t>ピーナツソフト　個食</t>
  </si>
  <si>
    <t>チョコレートソフト　個食</t>
  </si>
  <si>
    <t>ぴーなっつぺーすと　無糖(砂糖不使用</t>
  </si>
  <si>
    <t>麻布川越屋</t>
  </si>
  <si>
    <t>ｱｻﾞﾌﾞｶﾜｺﾞｴ</t>
  </si>
  <si>
    <t>なんでもごだれ</t>
  </si>
  <si>
    <t>案山子農産加工</t>
  </si>
  <si>
    <t>ｼﾝｼｭｳｼｾﾞﾝｵ</t>
  </si>
  <si>
    <t>遠藤コメダ珈琲店パキッテこしあん</t>
  </si>
  <si>
    <t>きなこクリームチューブ</t>
  </si>
  <si>
    <t>ジャム</t>
  </si>
  <si>
    <t>小容量（~１９９ｇ）</t>
  </si>
  <si>
    <t>ブルーベリーポーション</t>
  </si>
  <si>
    <t>55りんごジャム</t>
  </si>
  <si>
    <t>イチゴジャムポーション</t>
  </si>
  <si>
    <t>オレンジママレードポーション</t>
  </si>
  <si>
    <t>55グレープフルーツジャム</t>
  </si>
  <si>
    <t>イチゴジャム</t>
  </si>
  <si>
    <t>オレンジママレードジャム</t>
  </si>
  <si>
    <t>リンゴ</t>
  </si>
  <si>
    <t>５５　レモンママレード</t>
  </si>
  <si>
    <t>イチジク</t>
  </si>
  <si>
    <t>3種のミックスリンゴ・イチゴ・ブドウ</t>
  </si>
  <si>
    <t>アップル＆シナモンレーズン入り</t>
  </si>
  <si>
    <t>ピーチ・メルバ白桃・ラズベリー</t>
  </si>
  <si>
    <t>５５　グレープフルーツ</t>
  </si>
  <si>
    <t>4種のベリー</t>
  </si>
  <si>
    <t>白桃＆グァバ</t>
  </si>
  <si>
    <t>オレンジ＆ジンジャー</t>
  </si>
  <si>
    <t>リンゴ＆ジンジャー</t>
  </si>
  <si>
    <t>イチジク＆ドライプルーン</t>
  </si>
  <si>
    <t>アップル＆クランベリー</t>
  </si>
  <si>
    <t>まるごと果実白桃</t>
  </si>
  <si>
    <t>レモンママレードジャム</t>
  </si>
  <si>
    <t>マンゴー＆パッションフルーツ</t>
  </si>
  <si>
    <t>ストロベリー＆ラズベリー</t>
  </si>
  <si>
    <t>焼いて香り立つりんごバター</t>
  </si>
  <si>
    <t>焼いて香り立ついちごバター</t>
  </si>
  <si>
    <t>焼いて香り立つオレンジバター</t>
  </si>
  <si>
    <t>白桃＆グァバジャム</t>
  </si>
  <si>
    <t>ピーチ･メルバジャム白桃･ラズベリー</t>
  </si>
  <si>
    <t>55ストロベリー＆ラズベリー</t>
  </si>
  <si>
    <t>ワイルドブルーベリージャム</t>
  </si>
  <si>
    <t>リンゴジャム</t>
  </si>
  <si>
    <t>アンズジャム</t>
  </si>
  <si>
    <t>イチジクジャム</t>
  </si>
  <si>
    <t>3種のフルーツジャム</t>
  </si>
  <si>
    <t>カラメルりんごジャム</t>
  </si>
  <si>
    <t>5種のベリー</t>
  </si>
  <si>
    <t>つぶつぶイチゴジャム</t>
  </si>
  <si>
    <t>つぶつぶブルーベリージャム</t>
  </si>
  <si>
    <t>プチジャムイチゴ</t>
  </si>
  <si>
    <t>プチジャムマーマレード</t>
  </si>
  <si>
    <t>プチジャムブルーベリー</t>
  </si>
  <si>
    <t>プチジャムアップル</t>
  </si>
  <si>
    <t>瀬戸内レモンママレード</t>
  </si>
  <si>
    <t>明治屋　ＭＹ　果実実感　ざくざくオレンジママレ-ド　１６０ｇ</t>
  </si>
  <si>
    <t>明治屋　ＭＹ　果実実感　ラズベリージャム　１６０ｇ</t>
  </si>
  <si>
    <t>果実実感ジューシーパインアップルジャム</t>
  </si>
  <si>
    <t>果実実感ぷちぷちキウイジャム</t>
  </si>
  <si>
    <t>アップル＆シナモンジャム</t>
  </si>
  <si>
    <t>ﾋﾟｰﾁ･ﾒﾙﾊﾞｼﾞｬﾑ(白桃･ﾗｽﾞﾍﾞﾘｰ)</t>
  </si>
  <si>
    <t>５５バナナジャム</t>
  </si>
  <si>
    <t>アヲハタ５５　３種のミックスジャム</t>
  </si>
  <si>
    <t>ピーチ・メルバジャム</t>
  </si>
  <si>
    <t>５５　ミックスジャム</t>
  </si>
  <si>
    <t>冬のダイダイジャム</t>
  </si>
  <si>
    <t>アヲハタ５５いちごジャム</t>
  </si>
  <si>
    <t>アヲハタ５５オレンジママレー</t>
  </si>
  <si>
    <t>アヲハタ５５ミックスジャム</t>
  </si>
  <si>
    <t>レモンママレード</t>
  </si>
  <si>
    <t>アヲハタ５５イチジクジャム</t>
  </si>
  <si>
    <t>マンゴージャム</t>
  </si>
  <si>
    <t>５５　ブルーベリージャム</t>
  </si>
  <si>
    <t>アヲハタ５５ダブルベリージャム</t>
  </si>
  <si>
    <t>アヲハタ55イチゴジャム</t>
  </si>
  <si>
    <t>アヲハタ55オレンジママレード</t>
  </si>
  <si>
    <t>アヲハタ５５オレンジママレ</t>
  </si>
  <si>
    <t>アヲハタ５５　４個のベリージャム</t>
  </si>
  <si>
    <t>アヲハタ55ブルーベリージャム</t>
  </si>
  <si>
    <t>アヲハタ55リンゴジャム</t>
  </si>
  <si>
    <t>アヲハタレモンママレード</t>
  </si>
  <si>
    <t>アヲハタいちじくジャム</t>
  </si>
  <si>
    <t>アヲハタ55アンズジャム</t>
  </si>
  <si>
    <t>アヲハタ55レモンママレード</t>
  </si>
  <si>
    <t>アヲハタ55イチジクジャム</t>
  </si>
  <si>
    <t>アヲハタ55マンゴージャム</t>
  </si>
  <si>
    <t>アヲハタ５５ブルーベリー</t>
  </si>
  <si>
    <t>アヲハタ553種のベリージャム</t>
  </si>
  <si>
    <t>アヲハタ554種のベリージャム</t>
  </si>
  <si>
    <t>チェリージャム</t>
  </si>
  <si>
    <t>アヲハタ５５ぶどうジャム</t>
  </si>
  <si>
    <t>５５　ぶどうジャム</t>
  </si>
  <si>
    <t>５５白桃ジャム</t>
  </si>
  <si>
    <t>ストロベリージャム</t>
  </si>
  <si>
    <t>ブルベリージャム</t>
  </si>
  <si>
    <t>ビターオレンジマーマレード</t>
  </si>
  <si>
    <t>ミックスベリージャム</t>
  </si>
  <si>
    <t>アイチフーズ　北海道ふらのワインジャム</t>
  </si>
  <si>
    <t>アイチフーズ</t>
  </si>
  <si>
    <t>ｱｲﾁﾌ-ｽﾞ</t>
  </si>
  <si>
    <t>まるごと果実いちじく</t>
  </si>
  <si>
    <t>きなこ＆沖縄県産黒糖</t>
  </si>
  <si>
    <t>スプーンフリーいちご</t>
  </si>
  <si>
    <t>スプーンフリーオレンジ</t>
  </si>
  <si>
    <t>スプーンフリーブルーベリー</t>
  </si>
  <si>
    <t>スプーンフリートロピカル</t>
  </si>
  <si>
    <t>スプーンフリーりんご</t>
  </si>
  <si>
    <t>果樹園のなめらかみかんジャム</t>
  </si>
  <si>
    <t>早和果樹園</t>
  </si>
  <si>
    <t>ｿｳﾜｶｼﾞｭｴﾝ</t>
  </si>
  <si>
    <t>もみじ饅頭のこしあんバター</t>
  </si>
  <si>
    <t>国産いちごジャム</t>
  </si>
  <si>
    <t>ｸﾞﾘｰﾝｳｯﾄﾞ</t>
  </si>
  <si>
    <t>GREENWOOD国産ブルーベリージャム</t>
  </si>
  <si>
    <t>ｶﾝﾋﾟｰ　緑黄色野菜のｼﾞｬﾑ_145G</t>
  </si>
  <si>
    <t>果実百科いちご砂糖不使用</t>
  </si>
  <si>
    <t>果実百科オレンジ砂糖不使用</t>
  </si>
  <si>
    <t>果実百科パインアップル砂糖不使用</t>
  </si>
  <si>
    <t>果実百科ミックスベリー砂糖不使用</t>
  </si>
  <si>
    <t>果実の贅沢3種のいちごジャム</t>
  </si>
  <si>
    <t>果実の贅沢3種のマーマレード</t>
  </si>
  <si>
    <t>いちごジャム</t>
  </si>
  <si>
    <t>マーマレード</t>
  </si>
  <si>
    <t>リンゴジャムシナモン入</t>
  </si>
  <si>
    <t>カスタードクリーム</t>
  </si>
  <si>
    <t>CoCo壱番屋監修カレートースト90g</t>
  </si>
  <si>
    <t>こだわり北海道ミルクジャム　瓶</t>
  </si>
  <si>
    <t>Sun＆Tableなめらかチーズクリーム</t>
  </si>
  <si>
    <t>Sun＆Tableとろける北海道ミルク</t>
  </si>
  <si>
    <t>Sun＆Table香ばしアーモンド</t>
  </si>
  <si>
    <t>ちょっと贅沢粒あんジャム</t>
  </si>
  <si>
    <t>ホイップクッキー＆バニラ</t>
  </si>
  <si>
    <t>100%フルーツストロベリー</t>
  </si>
  <si>
    <t>100%フルーツマーマレード</t>
  </si>
  <si>
    <t>100%フルーツブルーベリー</t>
  </si>
  <si>
    <t>100%フルーツアップル</t>
  </si>
  <si>
    <t>100%フルーツクランベリー</t>
  </si>
  <si>
    <t>100%フルーツ瀬戸内レモンマーマレード</t>
  </si>
  <si>
    <t>ぬりまろ</t>
  </si>
  <si>
    <t>中村化成産業</t>
  </si>
  <si>
    <t>ﾅｶﾑﾗｶｾｲ</t>
  </si>
  <si>
    <t>ぬりまろ塩キャラメル味</t>
  </si>
  <si>
    <t>紅はるかのトリコ</t>
  </si>
  <si>
    <t>紅はるかと和紅茶のトリコ</t>
  </si>
  <si>
    <t>ハーベスイート苺ジャム</t>
  </si>
  <si>
    <t>寿高原食品</t>
  </si>
  <si>
    <t>ｺﾄﾌﾞｷｺｳｹﾞﾝ</t>
  </si>
  <si>
    <t>ハーベスイートママレードジャム</t>
  </si>
  <si>
    <t>ハーべスイートブルーベリージャム</t>
  </si>
  <si>
    <t>ハーベスイートマップルジャム</t>
  </si>
  <si>
    <t>JAふらの北海道ミルクジャム</t>
  </si>
  <si>
    <t>柚子マーマレード</t>
  </si>
  <si>
    <t>リンゴとミックスベリーのジャム</t>
  </si>
  <si>
    <t>アガベ生姜</t>
  </si>
  <si>
    <t>ズンダジャム</t>
  </si>
  <si>
    <t>小島食品製造</t>
  </si>
  <si>
    <t>ｺｼﾞﾏｼｮｸﾋﾝ</t>
  </si>
  <si>
    <t>長野県産杏ジャム</t>
  </si>
  <si>
    <t>長野県産　杏バター</t>
  </si>
  <si>
    <t>ざくろジャム</t>
  </si>
  <si>
    <t>フルーツソースマンゴー</t>
  </si>
  <si>
    <t>蔵王東北産いちごジャム</t>
  </si>
  <si>
    <t>蔵王東北産ブルーベリージャム</t>
  </si>
  <si>
    <t>蔵王山形産さくらんぼジャム</t>
  </si>
  <si>
    <t>蔵王山形産ラ・フランスジャム</t>
  </si>
  <si>
    <t>蔵王山形産白桃ジャム</t>
  </si>
  <si>
    <t>蔵王山形産りんごジャム</t>
  </si>
  <si>
    <t>弘前屋　カシスジャム</t>
  </si>
  <si>
    <t>ｺｽﾓ</t>
  </si>
  <si>
    <t>紀州南高梅プレミアムジャム</t>
  </si>
  <si>
    <t>梅屋</t>
  </si>
  <si>
    <t>ｳﾒﾔ</t>
  </si>
  <si>
    <t>紀州古城梅プレミアムジャム</t>
  </si>
  <si>
    <t>サン･ダルフォーアップルシナモン</t>
  </si>
  <si>
    <t>ｴﾇｱｲｾｽ</t>
  </si>
  <si>
    <t>黒ゴマクリーム</t>
  </si>
  <si>
    <t>珈琲実験室　ブルーベリーと紅茶のジャム　１４０ｇ</t>
  </si>
  <si>
    <t>珈琲実験室</t>
  </si>
  <si>
    <t>ｺ-ﾋ-ｼﾞｯｹﾝｼ</t>
  </si>
  <si>
    <t>珈琲実験室　苺と木苺と紅茶のジャム　１４０ｇ</t>
  </si>
  <si>
    <t>珈琲実験室　オレンジと紅茶のジャム　１４０ｇ</t>
  </si>
  <si>
    <t>フルーツソースラ・フランス</t>
  </si>
  <si>
    <t>ｱﾔﾑ_ｶﾔ･ｼﾞｬﾑ</t>
  </si>
  <si>
    <t>中容量（２００~３９９ｇ）</t>
  </si>
  <si>
    <t>イチゴ</t>
  </si>
  <si>
    <t>オレンジママレード</t>
  </si>
  <si>
    <t>５５リンゴ250g</t>
  </si>
  <si>
    <t>５５アンズ250g</t>
  </si>
  <si>
    <t>トラディショナルイチゴジャム</t>
  </si>
  <si>
    <t>トラディショナルママレード</t>
  </si>
  <si>
    <t>トラディショナルブルーベリージャ</t>
  </si>
  <si>
    <t>つぶ入いちごジャム</t>
  </si>
  <si>
    <t>ライジングオレンジママレード</t>
  </si>
  <si>
    <t>ライジングイチゴジャム</t>
  </si>
  <si>
    <t>粒入りいちごジャム</t>
  </si>
  <si>
    <t>オレンジジャム</t>
  </si>
  <si>
    <t>りんごジャム</t>
  </si>
  <si>
    <t>ピーチジャム</t>
  </si>
  <si>
    <t>パインジャム</t>
  </si>
  <si>
    <t>キュウイジャム</t>
  </si>
  <si>
    <t>まるまるＦ　アプリコット</t>
  </si>
  <si>
    <t>まるまるＦ　サワーチェリー</t>
  </si>
  <si>
    <t>まるまるＦ　ラズベリー</t>
  </si>
  <si>
    <t>まるまるＦ　ブラックベリー</t>
  </si>
  <si>
    <t>まるまるＦ　ストロベリー</t>
  </si>
  <si>
    <t>ランプオレンジマーマレード</t>
  </si>
  <si>
    <t>ランプブルーベリージャム</t>
  </si>
  <si>
    <t>ランプいちごジャム</t>
  </si>
  <si>
    <t>ザフルーツストロベリージャム</t>
  </si>
  <si>
    <t>ザフルーツブルーベリージャム</t>
  </si>
  <si>
    <t>ザフルーツオレンジマーマレード</t>
  </si>
  <si>
    <t>まるごとぶんたん土佐文旦マーマレード</t>
  </si>
  <si>
    <t>ﾄｻﾌﾞﾝﾀﾝｻﾝﾁ</t>
  </si>
  <si>
    <t>低糖度ジャムブルーベリー</t>
  </si>
  <si>
    <t>はなのみ</t>
  </si>
  <si>
    <t>ﾊﾅﾉﾐ</t>
  </si>
  <si>
    <t>低糖度ジャムいちご</t>
  </si>
  <si>
    <t>フラワージャム国産のいちごとさくら</t>
  </si>
  <si>
    <t>フラワージャム国産のさくら</t>
  </si>
  <si>
    <t>伊豆産苺ジャム</t>
  </si>
  <si>
    <t>ｲｽﾞﾌｴﾙﾒﾝﾃ</t>
  </si>
  <si>
    <t>贅沢メキシコ産純粋オレンジ蜂蜜</t>
  </si>
  <si>
    <t>ダブルベリージャム</t>
  </si>
  <si>
    <t>ＧＷ　ＪＡＳ特級いちごジャム</t>
  </si>
  <si>
    <t>ＧＷ　ＪＡＳ特級オレンジママレード</t>
  </si>
  <si>
    <t>ＧＷ　ＪＡＳ特級ブルーベリージャム</t>
  </si>
  <si>
    <t>ＧＷ　ＪＡＳ特級あんずジャム</t>
  </si>
  <si>
    <t>ＧＷ　ＪＡＳ特級パインアップルジャム</t>
  </si>
  <si>
    <t>ＧＷアップル＆シナモン</t>
  </si>
  <si>
    <t>ＧＷ　手造りオレンジママレード</t>
  </si>
  <si>
    <t>ＧＷ　手造りブルーベリージャム</t>
  </si>
  <si>
    <t>オレンジマーマレードジャム</t>
  </si>
  <si>
    <t>JAS特級いちごジャム</t>
  </si>
  <si>
    <t>JAS特級オレンジマーマレード</t>
  </si>
  <si>
    <t>JAS特級ブルーベリージャム</t>
  </si>
  <si>
    <t>JAS特級あんずジャム</t>
  </si>
  <si>
    <t>GREENWOODラズベリー＆ブルーベリージャム</t>
  </si>
  <si>
    <t>GREENWOOD手造りジャムブルーベリー</t>
  </si>
  <si>
    <t>GREENWOOD手造りジャムオレンジママレード</t>
  </si>
  <si>
    <t>パインアメジャム</t>
  </si>
  <si>
    <t>オレンジアメジャム</t>
  </si>
  <si>
    <t>GREENWOOD手造りいちごジャム</t>
  </si>
  <si>
    <t>カンピー　マンゴージャム</t>
  </si>
  <si>
    <t>ｶﾝﾋﾟｰ_りんごｼﾞｬﾑ_360G</t>
  </si>
  <si>
    <t>カンピーオレンジママレード</t>
  </si>
  <si>
    <t>カンピーいちごジャム</t>
  </si>
  <si>
    <t>ＧＷ　手造りキウイフルーツ</t>
  </si>
  <si>
    <t>手造りジャムりんご</t>
  </si>
  <si>
    <t>国産果実使用いちごジャム　２６０ｇ</t>
  </si>
  <si>
    <t>260G</t>
  </si>
  <si>
    <t>GREENWOOD</t>
  </si>
  <si>
    <t>国産果実使用オレンジマーマレード</t>
  </si>
  <si>
    <t>国産果実使用ブルーベリージャム　２６０ｇ</t>
  </si>
  <si>
    <t>限定パインジャム</t>
  </si>
  <si>
    <t>限定マンゴージャム</t>
  </si>
  <si>
    <t>ﾗﾝﾌﾟ</t>
  </si>
  <si>
    <t>SUNYO_いちごジャム</t>
  </si>
  <si>
    <t>SUNYO_ブルーベリージャム</t>
  </si>
  <si>
    <t>SUNYO_オレンジマーマレード</t>
  </si>
  <si>
    <t>中川商業高校いちごみるくの素</t>
  </si>
  <si>
    <t>コメダ珈琲店監修国産いちごバター</t>
  </si>
  <si>
    <t>コメダ珈琲店監修国産りんごバター</t>
  </si>
  <si>
    <t>MY水あめ</t>
  </si>
  <si>
    <t>ｶﾌﾞﾒｲｼﾞﾔ</t>
  </si>
  <si>
    <t>信越食品　国産いちごジャム　２５０ｇ</t>
  </si>
  <si>
    <t>信越食品工業</t>
  </si>
  <si>
    <t>ｼﾝｴﾂｼｮｸﾋﾝ</t>
  </si>
  <si>
    <t>信越食品　愛媛県産甘夏マーマレード　２５０ｇ</t>
  </si>
  <si>
    <t>武谷ジャムストロベリー</t>
  </si>
  <si>
    <t>武谷ジャムマーマレード</t>
  </si>
  <si>
    <t>成城石井__苺ジャム__小瓶</t>
  </si>
  <si>
    <t>295ｇ</t>
  </si>
  <si>
    <t>成城石井__アプリコットジャム__小瓶</t>
  </si>
  <si>
    <t>成城石井__ブルーベリージャム__小瓶</t>
  </si>
  <si>
    <t>成城石井__ラズベリージャム__小瓶</t>
  </si>
  <si>
    <t>成城石井__温州みかんとオレンジジャム</t>
  </si>
  <si>
    <t>成城石井　アップルシナモンジャム</t>
  </si>
  <si>
    <t>成城石井　シャンパーニュミッシェルジャック使用　シャンパンマ</t>
  </si>
  <si>
    <t>成城石井　コニャック入りのブルーベリージャム__２６０ｇ</t>
  </si>
  <si>
    <t>成城石井　キルシュ入りのストロベリージャム__２６０ｇ</t>
  </si>
  <si>
    <t>成城石井いちごバター</t>
  </si>
  <si>
    <t>成城石井シチリア産レモンペースト使用レモンカード__２００ｇ</t>
  </si>
  <si>
    <t>成城石井　ストロベリージャム（チアシード入り）</t>
  </si>
  <si>
    <t>成城石井　ブルーベリージャム（チアシード入り）</t>
  </si>
  <si>
    <t>紀州古城梅甘露煮</t>
  </si>
  <si>
    <t>287ml</t>
  </si>
  <si>
    <t>馬場音一商店りんごバター</t>
  </si>
  <si>
    <t>馬場音一商店さつまいもバター</t>
  </si>
  <si>
    <t>ストリームラインストロベリー</t>
  </si>
  <si>
    <t>キタノ商事</t>
  </si>
  <si>
    <t>ｷﾀﾉｼｮｳｼﾞ</t>
  </si>
  <si>
    <t>ストリームラインブルーベリー</t>
  </si>
  <si>
    <t>朝日　ダニッシュストロベリージャム　２３０ｇ</t>
  </si>
  <si>
    <t>朝日　ダニッシュブルーベリージャム　２３０ｇ</t>
  </si>
  <si>
    <t>朝日　ダニッシュマーマレード２３０ｇ</t>
  </si>
  <si>
    <t>アロニアミックス低糖</t>
  </si>
  <si>
    <t>ﾊﾟｼﾌｨｯｸ</t>
  </si>
  <si>
    <t>ラズベリージャム</t>
  </si>
  <si>
    <t>カヤジャム</t>
  </si>
  <si>
    <t>大容量（４００ｇ~）</t>
  </si>
  <si>
    <t>ライジングブルーベリ</t>
  </si>
  <si>
    <t>瀬戸内ハニーレモン</t>
  </si>
  <si>
    <t>いちごジャム大容量瓶</t>
  </si>
  <si>
    <t>ブルーベリージャム大容量瓶</t>
  </si>
  <si>
    <t>オレンジマーマレード大容量瓶</t>
  </si>
  <si>
    <t>55イチゴ</t>
  </si>
  <si>
    <t>55オレンジママレード</t>
  </si>
  <si>
    <t>55ブルーベリー</t>
  </si>
  <si>
    <t>リプレ</t>
  </si>
  <si>
    <t>モーニングジャムいちご</t>
  </si>
  <si>
    <t>モーニングジャムママレード</t>
  </si>
  <si>
    <t>モーニングジャムブルーベリー</t>
  </si>
  <si>
    <t>詰め替え用いちごジャム</t>
  </si>
  <si>
    <t>詰め替え用ブルーベリージャム</t>
  </si>
  <si>
    <t>手造りジャムいちご</t>
  </si>
  <si>
    <t>手造りジャムブルーベリー</t>
  </si>
  <si>
    <t>トリプルベリージャム</t>
  </si>
  <si>
    <t>カンピーいちごジャム増量</t>
  </si>
  <si>
    <t>カンピーオレンジママレード増量</t>
  </si>
  <si>
    <t>カンピーブルーベリージャム増量</t>
  </si>
  <si>
    <t>加藤産業いちごジャム</t>
  </si>
  <si>
    <t>845g</t>
  </si>
  <si>
    <t>ランプ　ブルーベリージャム</t>
  </si>
  <si>
    <t>星野_いちごｼﾞｬﾑ</t>
  </si>
  <si>
    <t>835g</t>
  </si>
  <si>
    <t>星野_ｵﾚﾝｼﾞﾏﾏﾚ-ﾄﾞ</t>
  </si>
  <si>
    <t>国産オレンジマーマレード</t>
  </si>
  <si>
    <t>ｽﾄﾛﾍﾞﾘｰｼﾞｬﾑ</t>
  </si>
  <si>
    <t>ﾌﾞﾙｰﾍﾞﾘｰｼﾞｬﾑ</t>
  </si>
  <si>
    <t>100%フルーツサワーチェリー</t>
  </si>
  <si>
    <t>粒入りイチゴジャム</t>
  </si>
  <si>
    <t>FVイーストジャパン</t>
  </si>
  <si>
    <t>ﾌｼﾞﾌｰﾄﾞ</t>
  </si>
  <si>
    <t>ゆず茶瓶</t>
  </si>
  <si>
    <t>成城石井__苺ジャム</t>
  </si>
  <si>
    <t>成城石井__杏ジャム</t>
  </si>
  <si>
    <t>成城石井__ブルーベリージャム</t>
  </si>
  <si>
    <t>成城石井__ラズベリージャム</t>
  </si>
  <si>
    <t>ＧＳ黒ゴマクリーム</t>
  </si>
  <si>
    <t>黒ごまクリーム</t>
  </si>
  <si>
    <t>紙カップイチゴジャム</t>
  </si>
  <si>
    <t>紙カップチョコレートクリーム</t>
  </si>
  <si>
    <t>紙カップピーナッツクリーム</t>
  </si>
  <si>
    <t>紙カップブルーベリージャム</t>
  </si>
  <si>
    <t>紙カップマーマレード</t>
  </si>
  <si>
    <t>カシスオレンジジャム</t>
  </si>
  <si>
    <t>チョコレートクリームジャム</t>
  </si>
  <si>
    <t>カップアロエジャム</t>
  </si>
  <si>
    <t>カップりんごジャム</t>
  </si>
  <si>
    <t>カップいちごジャム</t>
  </si>
  <si>
    <t>カップオレンジマーマレード</t>
  </si>
  <si>
    <t>カップブルーベリージャム</t>
  </si>
  <si>
    <t>カップピーナッツクリーム</t>
  </si>
  <si>
    <t>カップチョコレートクリーム</t>
  </si>
  <si>
    <t>カップカシスオレンジジャム</t>
  </si>
  <si>
    <t>カップダブルベリージャム</t>
  </si>
  <si>
    <t>白桃ジャム</t>
  </si>
  <si>
    <t>芳醇果実ストロベリー</t>
  </si>
  <si>
    <t>芳醇果実ブルーベリー</t>
  </si>
  <si>
    <t>芳醇果実フルーツパーラー</t>
  </si>
  <si>
    <t>Ｆカップイチゴジャム</t>
  </si>
  <si>
    <t>Ｆカップオレンジマーマレード</t>
  </si>
  <si>
    <t>Ｆカップ　ブルーベリージャム</t>
  </si>
  <si>
    <t>Ｆカップアロエジャム</t>
  </si>
  <si>
    <t>Ｆカップマンゴージャム</t>
  </si>
  <si>
    <t>Ｆカップ自然のブルーベリー</t>
  </si>
  <si>
    <t>Ｆカップ_ブルーベリージャム</t>
  </si>
  <si>
    <t>Ｆカップりんごジャム</t>
  </si>
  <si>
    <t>りんごジャムシナモン入</t>
  </si>
  <si>
    <t>ファミリーカップつぶつぶイチゴジャム</t>
  </si>
  <si>
    <t>ファミリーカップごろごろブルーベリージャム</t>
  </si>
  <si>
    <t>ファミリーカップ果皮ざくざくマーマレード</t>
  </si>
  <si>
    <t>ファミリーカップ濃厚ピーナッツクリーム</t>
  </si>
  <si>
    <t>毎朝カップイチゴジャム</t>
  </si>
  <si>
    <t>毎朝カップマーマレード</t>
  </si>
  <si>
    <t>毎朝カップブルーベリージャム</t>
  </si>
  <si>
    <t>毎朝カップチョコレート</t>
  </si>
  <si>
    <t>毎朝カップピーナッツ</t>
  </si>
  <si>
    <t>毎朝カップメイプルジャム</t>
  </si>
  <si>
    <t>紫いもジャム</t>
  </si>
  <si>
    <t>しょうがジャム</t>
  </si>
  <si>
    <t>紙カップジャム_ブルーベリー</t>
  </si>
  <si>
    <t>紙カップジャム_メープル</t>
  </si>
  <si>
    <t>カップジャム　ブルーベリー</t>
  </si>
  <si>
    <t>抹茶あずきジャム</t>
  </si>
  <si>
    <t>カップジャム_メープル</t>
  </si>
  <si>
    <t>カップジャム　カシス</t>
  </si>
  <si>
    <t>つぶあんジャム</t>
  </si>
  <si>
    <t>カップジャム　イチゴ</t>
  </si>
  <si>
    <t>カップジャム　ママレード</t>
  </si>
  <si>
    <t>カップジャム_マンゴー</t>
  </si>
  <si>
    <t>毎朝カップチョコレートクリーム</t>
  </si>
  <si>
    <t>メイプルジャム</t>
  </si>
  <si>
    <t>紙カップ　イチゴジャム</t>
  </si>
  <si>
    <t>ｽﾄﾞ-ｼﾞｬﾑ</t>
  </si>
  <si>
    <t>紙カップ　マーマレード</t>
  </si>
  <si>
    <t>紙カップ　チョコクリーム</t>
  </si>
  <si>
    <t>紙カップ　ピーナッツクリーム</t>
  </si>
  <si>
    <t>紙カップ　ブルーベリージャム</t>
  </si>
  <si>
    <t>有機ストロベリージャム</t>
  </si>
  <si>
    <t>ﾋﾞﾀｼﾞｬｰﾐﾝ</t>
  </si>
  <si>
    <t>有機ブルーベリージャム</t>
  </si>
  <si>
    <t>コント・プロヴァンス_アーモンドアプリコットジャム_３７０ｇ</t>
  </si>
  <si>
    <t>コント・ド・プロヴァンス_スイート＆ビターオレンジ_３７０ｇ</t>
  </si>
  <si>
    <t>コント・ド・プロヴァンス_カシスジャム_３７０ｇ</t>
  </si>
  <si>
    <t>コント・ド・プロヴァンス_ラズベリー_３７０ｇ</t>
  </si>
  <si>
    <t>有機いちごジャム</t>
  </si>
  <si>
    <t>有機いちごｼﾞｬﾑ</t>
  </si>
  <si>
    <t>有機ﾌﾞﾙｰﾍﾞﾘｰｼﾞｬﾑ</t>
  </si>
  <si>
    <t>有機あんずｼﾞｬﾑ</t>
  </si>
  <si>
    <t>成城石井__有機ストロベリージャム__３２５ｇ</t>
  </si>
  <si>
    <t>成城石井__有機ブルーベリージャム__３２５ｇ</t>
  </si>
  <si>
    <t>成城石井__こくあまマンゴージャム__２６０ｇ</t>
  </si>
  <si>
    <t>有機フェアトレード　ストロベリージャム</t>
  </si>
  <si>
    <t>275ｇ</t>
  </si>
  <si>
    <t>有機フェアトレード　ラズベリージャム</t>
  </si>
  <si>
    <t>有機フェアトレード　カシスジャム</t>
  </si>
  <si>
    <t>有機フェアトレード　オレンジジャム</t>
  </si>
  <si>
    <t>有機フェアトレード　ブルーベリージャム</t>
  </si>
  <si>
    <t>ｱｸﾞﾘｼﾁﾘｱ_ｵｰｶﾞﾆｯｸﾏｰﾏﾚｰﾄﾞ</t>
  </si>
  <si>
    <t>アグリシチリア</t>
  </si>
  <si>
    <t>ｵｰｶﾞﾆｯｸﾏｰﾏﾚｰﾄﾞ_ﾌﾞﾗｯﾄﾞｼﾁﾘｱﾝｵﾚﾝｼﾞ</t>
  </si>
  <si>
    <t>ｵｰｶﾞﾆｯｸﾏｰﾏﾚｰﾄﾞｼﾁﾘｱﾝﾚﾓﾝ</t>
  </si>
  <si>
    <t>砂糖不使用</t>
  </si>
  <si>
    <t>まるごと果実いちご</t>
  </si>
  <si>
    <t>あさくら</t>
  </si>
  <si>
    <t>まるごと果実ブルーベリー</t>
  </si>
  <si>
    <t>まるごと果実オレンジ</t>
  </si>
  <si>
    <t>まるごと果実りんご</t>
  </si>
  <si>
    <t>信州須藤農園ｱﾌﾟﾘｺｯﾄ</t>
  </si>
  <si>
    <t>信州須藤農園ｸﾗﾝﾍﾞﾘｰ</t>
  </si>
  <si>
    <t>１００％ストロベリー</t>
  </si>
  <si>
    <t>１００％フルーツマーマレード</t>
  </si>
  <si>
    <t>１００％ブルーベリー</t>
  </si>
  <si>
    <t>信州須藤農園ｱｯﾌﾟﾙ</t>
  </si>
  <si>
    <t>100％フルーツアプリコット</t>
  </si>
  <si>
    <t>100%フルーツクラウンベリー</t>
  </si>
  <si>
    <t>スーパーフルーティイチゴジャム</t>
  </si>
  <si>
    <t>まるごと果実_ブルーベリー</t>
  </si>
  <si>
    <t>アヲハタフルーティフルストロベリージャム</t>
  </si>
  <si>
    <t>アヲハタフルーティフルマンゴージャム</t>
  </si>
  <si>
    <t>まるごと果実_いちご</t>
  </si>
  <si>
    <t>まるごと果実あんず</t>
  </si>
  <si>
    <t>スーパーフルーティブルベリ</t>
  </si>
  <si>
    <t>スーパーフルーティアンズ</t>
  </si>
  <si>
    <t>スーパーフルーティイチゴ</t>
  </si>
  <si>
    <t>まるごと果実マンゴー</t>
  </si>
  <si>
    <t>まるごと果実クランベリー</t>
  </si>
  <si>
    <t>ヒロタカ　希少糖ジャム　ブルーベリー　１５０ｇ</t>
  </si>
  <si>
    <t>ヒロタカ</t>
  </si>
  <si>
    <t>ﾋﾛﾀｶ</t>
  </si>
  <si>
    <t>ヒロタカ　希少糖ジャム　ストロベリー　１５０ｇ</t>
  </si>
  <si>
    <t>ヒロタカ　蜂蜜で作った果肉いっぱいのジャム　白桃　１５０ｇ</t>
  </si>
  <si>
    <t>果物仕上げいちご</t>
  </si>
  <si>
    <t>果物仕上げブルーベリー</t>
  </si>
  <si>
    <t>果物仕上げオレンジ</t>
  </si>
  <si>
    <t>果物仕上げパインアップル</t>
  </si>
  <si>
    <t>フルーツ×フルーツいちご</t>
  </si>
  <si>
    <t>フルーツ×フルーツオレンジ</t>
  </si>
  <si>
    <t>フルーツ×フルーツブルーベリー</t>
  </si>
  <si>
    <t>フルーツ×フルーツパインアップル</t>
  </si>
  <si>
    <t>まるごと果実ﾏﾝｺﾞｰ</t>
  </si>
  <si>
    <t>ｽﾄﾞｼﾞｬﾑ</t>
  </si>
  <si>
    <t>100%フルーツ瀬戸内レモン</t>
  </si>
  <si>
    <t>100％フルーツストロベリー</t>
  </si>
  <si>
    <t>100％フルーツブルーベリー</t>
  </si>
  <si>
    <t>砂糖不使用ブルーベリージャム</t>
  </si>
  <si>
    <t>プラス糀_糀ジャム</t>
  </si>
  <si>
    <t>成城石井　オールフルーツスタイル　ストロベリー</t>
  </si>
  <si>
    <t>265ｇ</t>
  </si>
  <si>
    <t>成城石井　オールフルーツスタイル　ブルーベリー</t>
  </si>
  <si>
    <t>成城石井　オールフルーツスタイル　マーマレード</t>
  </si>
  <si>
    <t>成城石井__オールフルーツスタイルごろっごろっりんご</t>
  </si>
  <si>
    <t>サンクゼール　オールフルーツ　あんず　１４５ｇ</t>
  </si>
  <si>
    <t>ｻﾝｸｾﾞ-ﾙ</t>
  </si>
  <si>
    <t>サンクゼール　オールフルーツ　ブルーベリー　１４５ｇ</t>
  </si>
  <si>
    <t>サンクゼール　オールフルーツ　いちご　１４５ｇ</t>
  </si>
  <si>
    <t>サンクゼール　オールフルーツ　ラ・フランス　１４５ｇ</t>
  </si>
  <si>
    <t>サンクゼール　オールフルーツ　きいちご　１４５ｇ</t>
  </si>
  <si>
    <t>サンクゼール　オールフルーツ　カシス　１４５ｇ</t>
  </si>
  <si>
    <t>サンダルフォー　ラズベリー　</t>
  </si>
  <si>
    <t>ｻﾝﾀﾞﾙﾌｫ</t>
  </si>
  <si>
    <t>サンダルフォー_フルーツジャム</t>
  </si>
  <si>
    <t>サンダルフォー_ブラックチェリー</t>
  </si>
  <si>
    <t>サンダルフォーパインアップル＆マンゴー</t>
  </si>
  <si>
    <t>ｻﾝﾀﾞﾙﾌｫ-</t>
  </si>
  <si>
    <t>サンダルフォーフルーツジャム</t>
  </si>
  <si>
    <t>サンダルフォ－　ストロベリ－ジャム_瓶</t>
  </si>
  <si>
    <t>サンダルフォー_アプリコットジャム</t>
  </si>
  <si>
    <t>サンダルフォー　ブルーベリージャム_瓶</t>
  </si>
  <si>
    <t>サンダルフォー_カシスジャム</t>
  </si>
  <si>
    <t>サンダルフォー_マーマレード</t>
  </si>
  <si>
    <t>サンダルフォーストロベリー</t>
  </si>
  <si>
    <t>サンダルフォーアプリコット</t>
  </si>
  <si>
    <t>ｻﾝﾀﾞﾙﾌｫｰ</t>
  </si>
  <si>
    <t>サンダルフォーブルーベリー</t>
  </si>
  <si>
    <t>フルーツジャムカシス</t>
  </si>
  <si>
    <t>サンダルフォーママレード</t>
  </si>
  <si>
    <t>ﾏﾃﾙﾈ　りんごｺﾝﾎﾟｰﾄ_小290G</t>
  </si>
  <si>
    <t>ﾏﾃﾙﾈ_ｱﾌﾟﾘｺｯﾄｺﾝﾎﾟｰﾄ</t>
  </si>
  <si>
    <t>ﾏﾃﾙﾈ_ﾌﾟﾗﾑ_ｺﾝﾎﾟｰﾄ_小</t>
  </si>
  <si>
    <t>ﾏﾃﾙﾈ_ﾙﾊﾞｰﾌﾞｺﾝﾎﾟｰﾄ_小</t>
  </si>
  <si>
    <t>ﾏﾃﾙﾈ_ﾁｪﾘｰｺﾝﾎﾟｰﾄ</t>
  </si>
  <si>
    <t>ﾏﾃﾙﾈ_ﾌﾞﾙｰﾍﾞﾘｰｺﾝﾎﾟｰﾄ_300G</t>
  </si>
  <si>
    <t>ﾏﾃﾙﾈ_ｽﾄﾛﾍﾞﾘｰｺﾝﾎﾟｰﾄ_300G</t>
  </si>
  <si>
    <t>ﾏﾃﾙﾈ_ｵﾚﾝｼﾞ･ｺﾝﾎﾟｰﾄ</t>
  </si>
  <si>
    <t>カロリーハーフイチゴ</t>
  </si>
  <si>
    <t>カロリーハーフオレンジママレード</t>
  </si>
  <si>
    <t>カロリーハーフブルーベリー</t>
  </si>
  <si>
    <t>カロリーハーフイチゴジャム</t>
  </si>
  <si>
    <t>カロリーハーフブルーベリージャム</t>
  </si>
  <si>
    <t>カロリーハーフ_アンズジャム</t>
  </si>
  <si>
    <t>アヲハタ　カロリー５０％カット　いちごジャム</t>
  </si>
  <si>
    <t>アヲハタ　カロリー５０％カット　マーマレード</t>
  </si>
  <si>
    <t>アヲハタ　カロリー５０％カット　ブルーベリージャム</t>
  </si>
  <si>
    <t>1470g</t>
  </si>
  <si>
    <t>輸入</t>
  </si>
  <si>
    <t>ボンヌママンストロベリージャム</t>
  </si>
  <si>
    <t>ボンヌママンブルーベリージャム</t>
  </si>
  <si>
    <t>ボンヌママンオレンジマーマレード</t>
  </si>
  <si>
    <t>ボンヌママンアプリコットジャム</t>
  </si>
  <si>
    <t>ボンヌママンカシスジャム</t>
  </si>
  <si>
    <t>ボンヌママンマロンクリーム</t>
  </si>
  <si>
    <t>ボンヌママン　ラズベリージャム</t>
  </si>
  <si>
    <t>２２５g</t>
  </si>
  <si>
    <t>ｽﾏｯｶｰｽﾞ_ﾌﾞﾙｰﾍﾞﾘｰｼﾞｬﾑ_340G</t>
  </si>
  <si>
    <t>ｽﾏｯｶ-ｽﾞ</t>
  </si>
  <si>
    <t>ｽﾏｯｶｰｽﾞ_ｺﾝｺｰﾄﾞｸﾞﾚｰﾌﾟｼﾞｬﾑ_340G</t>
  </si>
  <si>
    <t>ｽﾏｯｶｰｽﾞ_ｽﾄﾛﾍﾞﾘｰｼﾞｬﾑ_340g</t>
  </si>
  <si>
    <t>ｽﾏｯｶｰｽﾞ_ﾏﾏﾚｰﾄﾞｼﾞｬﾑ_340g</t>
  </si>
  <si>
    <t>ボンヌママン　ストロベリージャム</t>
  </si>
  <si>
    <t>ボンヌママン　オレンジマーマレード</t>
  </si>
  <si>
    <t>ボンヌママン　ブルーベリージャム</t>
  </si>
  <si>
    <t>ボンヌママン　マロンクリーム</t>
  </si>
  <si>
    <t>サン・ダルフォーアップルシナモン</t>
  </si>
  <si>
    <t>サンダルフォーラズベリー</t>
  </si>
  <si>
    <t>サンダルフォーブラックチェリー</t>
  </si>
  <si>
    <t>ｻﾝ.ﾀﾞﾙﾌｵ-</t>
  </si>
  <si>
    <t>マテルネラズベリー　コンポート</t>
  </si>
  <si>
    <t>りんごコンポート</t>
  </si>
  <si>
    <t>オレンジコンポート</t>
  </si>
  <si>
    <t>アプリコット・コンポート</t>
  </si>
  <si>
    <t>ストロベリーコンポート</t>
  </si>
  <si>
    <t>カシス・コンポート</t>
  </si>
  <si>
    <t>ブルーベリーコンポート</t>
  </si>
  <si>
    <t>マンゴーコンポート</t>
  </si>
  <si>
    <t>アプリコット低糖</t>
  </si>
  <si>
    <t>ﾌﾞﾗｯｸﾍﾞﾘｰ＆ﾐｯｸｽｼﾞｬﾑ</t>
  </si>
  <si>
    <t>ヒーロー　ストロベリー</t>
  </si>
  <si>
    <t>ﾋｰﾛｰ</t>
  </si>
  <si>
    <t>ヒーロー　ブルーベリー</t>
  </si>
  <si>
    <t>ヒーロー　オレンジマーマレード</t>
  </si>
  <si>
    <t>メンズ＆ガッサー　果実１００　チェリー　２４０Ｇ</t>
  </si>
  <si>
    <t>ﾒﾝｽﾞ＆ｶﾞｯｻ-</t>
  </si>
  <si>
    <t>果実100ストロベリー</t>
  </si>
  <si>
    <t>果実100ブルーベリー</t>
  </si>
  <si>
    <t>メンズ＆ガッサー　果実１００　ピーチ・パッション　２４０ｇ</t>
  </si>
  <si>
    <t>製菓材・デザート</t>
  </si>
  <si>
    <t>製菓材料</t>
  </si>
  <si>
    <t>割チョコ・スプレー・チップ</t>
  </si>
  <si>
    <t>カラフルスプレー</t>
  </si>
  <si>
    <t>チョコチップ　チョコ</t>
  </si>
  <si>
    <t>ミニハートチョコ　チョコ＆イチゴ</t>
  </si>
  <si>
    <t>口どけチョコ</t>
  </si>
  <si>
    <t>口どけチョコ　ホワイト</t>
  </si>
  <si>
    <t>口どけチョコ　ストロベリー</t>
  </si>
  <si>
    <t>ヴァーチュ</t>
  </si>
  <si>
    <t>ｳﾞｧｰﾁｪ</t>
  </si>
  <si>
    <t>プチチョコチップチョコ</t>
  </si>
  <si>
    <t>プチチョコチップストロベリー</t>
  </si>
  <si>
    <t>ミニハートチョコ</t>
  </si>
  <si>
    <t>ミニハートイチゴ</t>
  </si>
  <si>
    <t>カラフルチョコスプレー</t>
  </si>
  <si>
    <t>チョコレートクランチ</t>
  </si>
  <si>
    <t>プチチョコチップホワイト</t>
  </si>
  <si>
    <t>キャラメルクランチ</t>
  </si>
  <si>
    <t>ミックスカラースプレー</t>
  </si>
  <si>
    <t>共立　ホームメイドスイートチョコ</t>
  </si>
  <si>
    <t>HMチョコチップ</t>
  </si>
  <si>
    <t>１１１コーティングチョコブラ</t>
  </si>
  <si>
    <t>トリオスプレー</t>
  </si>
  <si>
    <t>キャラメルチョコチップ</t>
  </si>
  <si>
    <t>スイートチョコ</t>
  </si>
  <si>
    <t>ホームメイド製菓用チョコチップ</t>
  </si>
  <si>
    <t>割チョコミルク</t>
  </si>
  <si>
    <t>チョコチップ</t>
  </si>
  <si>
    <t>カップ専用チョコレートミルク</t>
  </si>
  <si>
    <t>カップ専用チョコレートホワイト</t>
  </si>
  <si>
    <t>カップ専用チョコレートストロベリー</t>
  </si>
  <si>
    <t>トッピングビビットチョコスプレー</t>
  </si>
  <si>
    <t>トッピングミニミニチョコレート</t>
  </si>
  <si>
    <t>トッピングピンクチョコスプレー</t>
  </si>
  <si>
    <t>ホワイトチョコチップ</t>
  </si>
  <si>
    <t>共立_HM焼き菓子用ﾁｮｺﾁｯﾌﾟ_50G</t>
  </si>
  <si>
    <t>焼き菓子用チョコチップ</t>
  </si>
  <si>
    <t>洋生チョコレートミルク</t>
  </si>
  <si>
    <t>割チョコ濃いストロベリー</t>
  </si>
  <si>
    <t>割チョコシャンパン風</t>
  </si>
  <si>
    <t>割チョコ_ミルク</t>
  </si>
  <si>
    <t>割チョコ_ストロベリー</t>
  </si>
  <si>
    <t>割チョコ_ホワイト</t>
  </si>
  <si>
    <t>割チョコ_スイート</t>
  </si>
  <si>
    <t>割チョコスイート</t>
  </si>
  <si>
    <t>共立食品　トッピングミニミニチョコレート　１５ｇ</t>
  </si>
  <si>
    <t>共立食品　溶かして使えるチョコストロベリー１００ｇ</t>
  </si>
  <si>
    <t>徳用溶かして使えるチョコレートミルク</t>
  </si>
  <si>
    <t>製菓用ミックスカラースプレー</t>
  </si>
  <si>
    <t>食品手作りチョコレートミルク</t>
  </si>
  <si>
    <t>徳用溶かして使えるチョコレートストロベリー</t>
  </si>
  <si>
    <t>ホームメイドスイートチョコ</t>
  </si>
  <si>
    <t>手作り用チョコレートスイート</t>
  </si>
  <si>
    <t>手作り用チョコレートホワイト</t>
  </si>
  <si>
    <t>手作り用チョコレートストロベリー</t>
  </si>
  <si>
    <t>共立食品　製菓用ルビーチョコレート　１００ｇ</t>
  </si>
  <si>
    <t>トッピングキラキラハートシュガー</t>
  </si>
  <si>
    <t>徳用溶かして使えるチョコレートホワイト</t>
  </si>
  <si>
    <t>ディズニーチョコバナナを作ろう</t>
  </si>
  <si>
    <t>チョコバナナを作ろう</t>
  </si>
  <si>
    <t>製菓用焼き菓子用チョコチップ</t>
  </si>
  <si>
    <t>カラースプレー</t>
  </si>
  <si>
    <t>8ｇ×3ｐ</t>
  </si>
  <si>
    <t>ロイヤルミックスチョコ</t>
  </si>
  <si>
    <t>チョコチップ＆ココア</t>
  </si>
  <si>
    <t>チョコチップミックス</t>
  </si>
  <si>
    <t>チョコッチップミックス</t>
  </si>
  <si>
    <t>クーベルチュールミルク</t>
  </si>
  <si>
    <t>クーベルチュールダーク</t>
  </si>
  <si>
    <t>クーベルチュールホワイト</t>
  </si>
  <si>
    <t>ワレチョコミルク</t>
  </si>
  <si>
    <t>ワレチョコダーク</t>
  </si>
  <si>
    <t>トッピングセット</t>
  </si>
  <si>
    <t>焼菓子用チョコチップ</t>
  </si>
  <si>
    <t>デコスィーツカラーチョコスプレー</t>
  </si>
  <si>
    <t>デコスィーツマーブルチョコ</t>
  </si>
  <si>
    <t>デコスィーツキスチョコ</t>
  </si>
  <si>
    <t>デコペン・プレート</t>
  </si>
  <si>
    <t>デコれーとペン　チョコ</t>
  </si>
  <si>
    <t>デコれーとペン　ピンク</t>
  </si>
  <si>
    <t>デコれーとペン　ホワイト</t>
  </si>
  <si>
    <t>デコれーとペン　ブルー</t>
  </si>
  <si>
    <t>デコれーとペンイエロー</t>
  </si>
  <si>
    <t>デコれーとペン　グリーン</t>
  </si>
  <si>
    <t>デコれーとペン　ブラック</t>
  </si>
  <si>
    <t>デコれーとペンチョコ</t>
  </si>
  <si>
    <t>デコれーとペンピンク</t>
  </si>
  <si>
    <t>デコれーとペンホワイト</t>
  </si>
  <si>
    <t>デコれーとペンブルー</t>
  </si>
  <si>
    <t>デコれーとペングリーン</t>
  </si>
  <si>
    <t>ヴァーチュデコれーとペンストロベリー</t>
  </si>
  <si>
    <t>デコれーとペンブラック</t>
  </si>
  <si>
    <t>デコれーとペンレッド</t>
  </si>
  <si>
    <t>デコれーとペンストロベリー</t>
  </si>
  <si>
    <t>ソフトタイプデコれーとペンチョコ</t>
  </si>
  <si>
    <t>ソフトタイプデコレートペンホワイト</t>
  </si>
  <si>
    <t>三色デコペン</t>
  </si>
  <si>
    <t>デコペンチョコ</t>
  </si>
  <si>
    <t>デコペンホワイト</t>
  </si>
  <si>
    <t>デコペンピンク</t>
  </si>
  <si>
    <t>共立　恐竜プレートチョコ</t>
  </si>
  <si>
    <t>くまのプーさんバースデイチ</t>
  </si>
  <si>
    <t>ハローキティプレートチョコ</t>
  </si>
  <si>
    <t>マイメロディプレートチョコ</t>
  </si>
  <si>
    <t>ジェルペンレッド</t>
  </si>
  <si>
    <t>ジェルペンブルー</t>
  </si>
  <si>
    <t>ジェルペングリーン</t>
  </si>
  <si>
    <t>ジェルペンイエロー</t>
  </si>
  <si>
    <t>ジェルペンレッド　イチゴ味</t>
  </si>
  <si>
    <t>ジェルペングリーン　メロン味</t>
  </si>
  <si>
    <t>ジェルペンイエロー　レモン味</t>
  </si>
  <si>
    <t>ミッキーバースデープレート</t>
  </si>
  <si>
    <t>リロ＆スティッチバースデイチ</t>
  </si>
  <si>
    <t>バースデープレートチョコ</t>
  </si>
  <si>
    <t>デコレーションセット</t>
  </si>
  <si>
    <t>ホームメイドデコペンブルー速乾性</t>
  </si>
  <si>
    <t>ホームメイドデコペンレッド</t>
  </si>
  <si>
    <t>メッセージプレートチョコ</t>
  </si>
  <si>
    <t>ホワイトプレートチョコ</t>
  </si>
  <si>
    <t>すみっコぐらしケーキ用プレート</t>
  </si>
  <si>
    <t>ゴールドプレート</t>
  </si>
  <si>
    <t>1点</t>
  </si>
  <si>
    <t>チョコペン</t>
  </si>
  <si>
    <t>チョコペン　ホワイト</t>
  </si>
  <si>
    <t>チョコペン　ピンク</t>
  </si>
  <si>
    <t>チョコペンブラック</t>
  </si>
  <si>
    <t>ｸﾗｳﾝﾌｰｽﾞ</t>
  </si>
  <si>
    <t>チョコペンホワイト</t>
  </si>
  <si>
    <t>デコペンブラウン</t>
  </si>
  <si>
    <t>デコスィーツデコレーションペンブラウン</t>
  </si>
  <si>
    <t>デコスィーツデコレーションペンピンク</t>
  </si>
  <si>
    <t>デコスィーツデコレーションペンホワイト</t>
  </si>
  <si>
    <t>シュガー・パウダー・アラザン</t>
  </si>
  <si>
    <t>シュガー</t>
  </si>
  <si>
    <t>キラキラシュガーハート　ホワイト＆ピンク</t>
  </si>
  <si>
    <t>トッピングシュガー　スター＆ハート</t>
  </si>
  <si>
    <t>カラフルシュガー</t>
  </si>
  <si>
    <t>トッピングパウダーシュガー</t>
  </si>
  <si>
    <t>カラフルシュガーミンツ</t>
  </si>
  <si>
    <t>トッピングシュガースター</t>
  </si>
  <si>
    <t>トッピングシュガーハート</t>
  </si>
  <si>
    <t>純粉糖</t>
  </si>
  <si>
    <t>オリエンタル</t>
  </si>
  <si>
    <t>ｵﾘｴﾝﾀﾙ</t>
  </si>
  <si>
    <t>アイシングシュガー</t>
  </si>
  <si>
    <t>アイシングシュガーペン</t>
  </si>
  <si>
    <t>アイシングシュガー合成着色料不使用</t>
  </si>
  <si>
    <t>カラフルスターシュガー</t>
  </si>
  <si>
    <t>デコレーション粉糖</t>
  </si>
  <si>
    <t>トッピングカラーシュガー</t>
  </si>
  <si>
    <t>8ｇ*2</t>
  </si>
  <si>
    <t>ホームメイド製菓用粉糖</t>
  </si>
  <si>
    <t>トッピングカラフルスターシュガー</t>
  </si>
  <si>
    <t>6g×2</t>
  </si>
  <si>
    <t>トッピングハッピーポップシュガー</t>
  </si>
  <si>
    <t>トッピングポップシュガー</t>
  </si>
  <si>
    <t>トッピングスターポップシュガー</t>
  </si>
  <si>
    <t>トッピングシュガーミックスブルー</t>
  </si>
  <si>
    <t>トッピングシュガーミックスオレンジ</t>
  </si>
  <si>
    <t>トッピングシュガーミックスピンク</t>
  </si>
  <si>
    <t>トッピングピンクジュエリーシュガー</t>
  </si>
  <si>
    <t>トッピングミニミンツ</t>
  </si>
  <si>
    <t>ホームメイドシュガーパウダー</t>
  </si>
  <si>
    <t>共立食品　トッピング　キラキラハートシュガー　５ｇ</t>
  </si>
  <si>
    <t>トッピングジュエリーシュガー</t>
  </si>
  <si>
    <t>ｷﾖｳﾘﾂｼﾖｸﾋﾝ</t>
  </si>
  <si>
    <t>トッピングスターシュガー</t>
  </si>
  <si>
    <t>トッピングパステルシュガー</t>
  </si>
  <si>
    <t>トッピングシュガースプレー</t>
  </si>
  <si>
    <t>共立食品　トッピング　ポップシュガー　８ｇ</t>
  </si>
  <si>
    <t>トッピングキラキラスターシュガー</t>
  </si>
  <si>
    <t>ロイヤルフロストシュガー</t>
  </si>
  <si>
    <t>パウダーシュガー</t>
  </si>
  <si>
    <t>デコスィーツジュエリーシュガーピンク</t>
  </si>
  <si>
    <t>デコスィーツジュエリーシュガーオレンジ</t>
  </si>
  <si>
    <t>デコスィーツジュエリーシュガーパープル</t>
  </si>
  <si>
    <t>デコスィーツジュエリーシュガーブルー</t>
  </si>
  <si>
    <t>デコスィーツジュエリーシュガーグリーン</t>
  </si>
  <si>
    <t>デコスィーツジュエリーシュガーイエロー</t>
  </si>
  <si>
    <t>デコスィーツミンツＬアソート</t>
  </si>
  <si>
    <t>デコスィーツミンツＳアソート</t>
  </si>
  <si>
    <t>デコスィーツ金平糖</t>
  </si>
  <si>
    <t>デコスィーツスターシュガー</t>
  </si>
  <si>
    <t>デコスィーツハートシュガー</t>
  </si>
  <si>
    <t>パウダー</t>
  </si>
  <si>
    <t>トッピングココアパウダー</t>
  </si>
  <si>
    <t>ココアパウダー</t>
  </si>
  <si>
    <t>米こうじパウダー</t>
  </si>
  <si>
    <t>ﾏﾃﾘｽ</t>
  </si>
  <si>
    <t>ヴァーチュトッピングココアパウダー</t>
  </si>
  <si>
    <t>ヴァーチュココアパウダー</t>
  </si>
  <si>
    <t>ヴァーチュ抹茶パウダー</t>
  </si>
  <si>
    <t>トッピング用パウダーシュガー</t>
  </si>
  <si>
    <t>アーモンドパウダー</t>
  </si>
  <si>
    <t>トッピング用ココアパウダー</t>
  </si>
  <si>
    <t>抹茶パウダー</t>
  </si>
  <si>
    <t>シナモン</t>
  </si>
  <si>
    <t>いちごパウダー</t>
  </si>
  <si>
    <t>和紅茶パウダー</t>
  </si>
  <si>
    <t>コラーゲンパウダー</t>
  </si>
  <si>
    <t>コラーゲンメイト</t>
  </si>
  <si>
    <t>ジェリフ</t>
  </si>
  <si>
    <t>ﾔｽｶｶﾞｸ</t>
  </si>
  <si>
    <t>ﾅﾁｭﾙﾔ_ﾛｰ_ﾙｸﾏ_ﾊﾟｳﾀﾞｰ_300g</t>
  </si>
  <si>
    <t>ｴﾃﾞｨﾌｨｯｸ</t>
  </si>
  <si>
    <t>アラザン</t>
  </si>
  <si>
    <t>アラザン　シルバー＆ピンク</t>
  </si>
  <si>
    <t>ヴァーチュアラザンシルバー</t>
  </si>
  <si>
    <t>ヴァーチュアラザンピンク＆シルバー</t>
  </si>
  <si>
    <t>ヴァーチュアラザンブルー＆シルバー</t>
  </si>
  <si>
    <t>アラザンピンク＆シルバー3mm</t>
  </si>
  <si>
    <t>アラザンブルー＆シルバー3mm</t>
  </si>
  <si>
    <t>トッピングアラザンミックス煌き</t>
  </si>
  <si>
    <t>トッピングパステルアラザン</t>
  </si>
  <si>
    <t>トッピングプチアラザン</t>
  </si>
  <si>
    <t>トッピングチョコアラザン</t>
  </si>
  <si>
    <t>トッピングカラフルアラザン</t>
  </si>
  <si>
    <t>トッピングスターミックスアラザン</t>
  </si>
  <si>
    <t>トッピング　パステルアザラン</t>
  </si>
  <si>
    <t>トッピングバラエティアラザン</t>
  </si>
  <si>
    <t>共立食品　トッピング　バラエティーアラザン　４ｇ</t>
  </si>
  <si>
    <t>トッピングアラザンミックス</t>
  </si>
  <si>
    <t>トッピングアラザン</t>
  </si>
  <si>
    <t>デコスィーツアラザンシルバー</t>
  </si>
  <si>
    <t>カラーアラザン2色セット</t>
  </si>
  <si>
    <t>3g×2食入</t>
  </si>
  <si>
    <t>カラーアラザン3色セット</t>
  </si>
  <si>
    <t>3g×3食入</t>
  </si>
  <si>
    <t>ナッツ・フルーツ・ゼリー・クランチ</t>
  </si>
  <si>
    <t>ナッツ</t>
  </si>
  <si>
    <t>アーモンドホール</t>
  </si>
  <si>
    <t>アーモンドスライス</t>
  </si>
  <si>
    <t>ヴァーチュ生アーモンドダイス</t>
  </si>
  <si>
    <t>ヴァーチュ生くるみダイス</t>
  </si>
  <si>
    <t>生アーモンドホール</t>
  </si>
  <si>
    <t>HMアーモンドスライス</t>
  </si>
  <si>
    <t>アーモンドプードル</t>
  </si>
  <si>
    <t>アーモンドダイス</t>
  </si>
  <si>
    <t>アーモンドホールロースト</t>
  </si>
  <si>
    <t>共立　皮付きアーモンドプードル</t>
  </si>
  <si>
    <t>HM生クルミ</t>
  </si>
  <si>
    <t>ホームメイドココナッツ粉末</t>
  </si>
  <si>
    <t>ホームメイド製菓用アーモンドスライス</t>
  </si>
  <si>
    <t>製菓用アーモンドプードル</t>
  </si>
  <si>
    <t>ホームメイド製菓用クルミ</t>
  </si>
  <si>
    <t>徳用アーモンドプードル</t>
  </si>
  <si>
    <t>徳用アーモンドスライス</t>
  </si>
  <si>
    <t>ホームメイドナッツ＆フルーツ</t>
  </si>
  <si>
    <t>HMアーモンドダイス</t>
  </si>
  <si>
    <t>HMアーモンドプードル</t>
  </si>
  <si>
    <t>製菓用クルミ</t>
  </si>
  <si>
    <t>製菓用アーモンドスライス</t>
  </si>
  <si>
    <t>素焼きくるみ300ｇ</t>
  </si>
  <si>
    <t>素焼きアーモンド300ｇ</t>
  </si>
  <si>
    <t>クッキングアーモンドスライス</t>
  </si>
  <si>
    <t>ブルーダイヤモンド・アーモンド・グロワー</t>
  </si>
  <si>
    <t>ﾌﾞﾙｰﾀﾞｲｱﾓﾝ</t>
  </si>
  <si>
    <t>クッキングアーモンドフンマツ</t>
  </si>
  <si>
    <t>アーモンドダイスカット</t>
  </si>
  <si>
    <t>アーモンドロースト</t>
  </si>
  <si>
    <t>ﾄﾞﾘ-ﾑ</t>
  </si>
  <si>
    <t>ドライフルーツ</t>
  </si>
  <si>
    <t>ドレンチエリ－　アカ</t>
  </si>
  <si>
    <t>ラム酒入りレーズン</t>
  </si>
  <si>
    <t>ドレンチェリー赤</t>
  </si>
  <si>
    <t>製菓用果実レーズン</t>
  </si>
  <si>
    <t>ドレンチェリー_赤</t>
  </si>
  <si>
    <t>トッピングフリーズドライイチゴ</t>
  </si>
  <si>
    <t>フルーツビッツ</t>
  </si>
  <si>
    <t>フルーツピッツ</t>
  </si>
  <si>
    <t>ホームメイドフルーツビッツ</t>
  </si>
  <si>
    <t>ラムシュイリレーズン</t>
  </si>
  <si>
    <t>ラム酒レーズン</t>
  </si>
  <si>
    <t>ゼリー</t>
  </si>
  <si>
    <t>磯一番</t>
  </si>
  <si>
    <t>ﾏﾙﾊﾊﾟｰﾙﾎﾞｰ</t>
  </si>
  <si>
    <t>7G×35袋</t>
  </si>
  <si>
    <t>じゃこと小魚のふりかけ</t>
  </si>
  <si>
    <t>ｲｸﾞﾁｼｮｸﾋﾝ</t>
  </si>
  <si>
    <t>梅肉入り　有明のり</t>
  </si>
  <si>
    <t>おにぎりひじき</t>
  </si>
  <si>
    <t>チョコおしるこラテ</t>
  </si>
  <si>
    <t>めんたい粉</t>
  </si>
  <si>
    <t>20ｇ*2</t>
  </si>
  <si>
    <t>さば味噌ふりかけ</t>
  </si>
  <si>
    <t>５０G</t>
  </si>
  <si>
    <t>サクサク味ごまふりかけ</t>
  </si>
  <si>
    <t>熊本ラーメン風ふりかけ</t>
  </si>
  <si>
    <t>おかず海苔ふりかけ</t>
  </si>
  <si>
    <t>官兵衛くん博多ラーメン風ふり</t>
  </si>
  <si>
    <t>スポめし　野菜ミックス</t>
  </si>
  <si>
    <t>スポめし　とりそぼろミックス</t>
  </si>
  <si>
    <t>博多明太子混ぜご飯</t>
  </si>
  <si>
    <t>無添加かつおふりかけ</t>
  </si>
  <si>
    <t>博多明太子ふりかけ</t>
  </si>
  <si>
    <t>しらすひりかけ</t>
  </si>
  <si>
    <t>だいずふりかけ</t>
  </si>
  <si>
    <t>誘惑のふりかけチキたま</t>
  </si>
  <si>
    <t>ごぼう根菜ふりかけ</t>
  </si>
  <si>
    <t>カリカリ青梅</t>
  </si>
  <si>
    <t>フルーツミックスゼリー</t>
  </si>
  <si>
    <t>ゼリートリオ</t>
  </si>
  <si>
    <t>3ﾃﾝ</t>
  </si>
  <si>
    <t>3点</t>
  </si>
  <si>
    <t>バースデーゼリーセット</t>
  </si>
  <si>
    <t>4点</t>
  </si>
  <si>
    <t>黒ごま入きな粉120g</t>
  </si>
  <si>
    <t>ねばり昆布</t>
  </si>
  <si>
    <t>おむすび山赤飯風味チャック</t>
  </si>
  <si>
    <t>おむすび山　桜もち風味</t>
  </si>
  <si>
    <t>おむすび山めんたい高菜風味</t>
  </si>
  <si>
    <t>おむすび山　ねぎ味噌風味</t>
  </si>
  <si>
    <t>おむすび山ごま油香るわかめ</t>
  </si>
  <si>
    <t>おむすび山ツナマヨ</t>
  </si>
  <si>
    <t>ｼｯﾄﾘﾑｼｹｰｷﾐｯｸｽｶﾎﾞﾁｬ</t>
  </si>
  <si>
    <t>ﾌﾝﾜﾘﾑｼｹｰｷﾐｯｸｽﾊﾞﾆﾗ</t>
  </si>
  <si>
    <t>ﾊﾞﾆﾗ</t>
  </si>
  <si>
    <t>日食ｺ-ﾝｽﾀ-ﾁ180G</t>
  </si>
  <si>
    <t>日本食品化工</t>
  </si>
  <si>
    <t>早ゆでミニシェル</t>
  </si>
  <si>
    <t>鶏そぼろふりかけ</t>
  </si>
  <si>
    <t>鮭そぼろふりかけ</t>
  </si>
  <si>
    <t>永谷園すし太郎彩りちらし特荷</t>
  </si>
  <si>
    <t>しょうがふりかけ</t>
  </si>
  <si>
    <t>フレッシュしそゴマ</t>
  </si>
  <si>
    <t>フレッシュかつお</t>
  </si>
  <si>
    <t>ｽﾏｲﾙふりかけのりたまご</t>
  </si>
  <si>
    <t>ｽﾏｲﾙふりかけたらこ</t>
  </si>
  <si>
    <t>くまモンのりかつお</t>
  </si>
  <si>
    <t>くまモンのりたまご</t>
  </si>
  <si>
    <t>くまモンのりごま</t>
  </si>
  <si>
    <t>ﾋﾞｰﾌｼﾁｭｰふりかけ</t>
  </si>
  <si>
    <t>ｺｰﾝｸﾘｰﾑｼﾁｭｰふりかけ</t>
  </si>
  <si>
    <t>ごまふりマヨしょうゆ</t>
  </si>
  <si>
    <t>わさふり</t>
  </si>
  <si>
    <t>わさふり　むちゃ辛</t>
  </si>
  <si>
    <t>わさふり　のり昆布</t>
  </si>
  <si>
    <t>はごろも煮ふりかけ</t>
  </si>
  <si>
    <t>味きざみガーリック味</t>
  </si>
  <si>
    <t>日の出製粉日洋印白玉</t>
  </si>
  <si>
    <t>チップ入りのりたま</t>
  </si>
  <si>
    <t>ﾁｯﾌﾟ入ﾌﾟﾁﾌﾟﾁたらこさん</t>
  </si>
  <si>
    <t>味道楽＆のりたまチップ入期間限定</t>
  </si>
  <si>
    <t>ピンクの梅ごましお</t>
  </si>
  <si>
    <t>国産しその香</t>
  </si>
  <si>
    <t>ﾌﾟﾚﾐｱﾑ混ぜ込みわかめ桜えび</t>
  </si>
  <si>
    <t>ﾌﾟﾚﾐｱﾑ混込みわかめ鰻蒲焼風</t>
  </si>
  <si>
    <t>22.8G</t>
  </si>
  <si>
    <t>ﾌﾟﾚﾐｱﾑ混込みわかめ筍ごはん</t>
  </si>
  <si>
    <t>期間限定　混ぜ込みわかめかにめし</t>
  </si>
  <si>
    <t>混ぜ込みわかめあさり</t>
  </si>
  <si>
    <t>プレミアム混ぜ込みわかめ鯛めし風</t>
  </si>
  <si>
    <t>12.6ｇ</t>
  </si>
  <si>
    <t>チップⅰｎふりかけ</t>
  </si>
  <si>
    <t>野菜</t>
  </si>
  <si>
    <t>小魚</t>
  </si>
  <si>
    <t>たれｻｸふりかけえび天味</t>
  </si>
  <si>
    <t>たれｻｸふりかけすき焼き味</t>
  </si>
  <si>
    <t>タレふりかけうな丼味</t>
  </si>
  <si>
    <t>２７．６ｇ</t>
  </si>
  <si>
    <t>タレふりかけビビンバ味</t>
  </si>
  <si>
    <t>のりたま＆今だけバラエティ</t>
  </si>
  <si>
    <t>期間限定のりたまバラエティミニP</t>
  </si>
  <si>
    <t>46ｇ</t>
  </si>
  <si>
    <t>ﾏﾙｷﾝきな粉(大)20</t>
  </si>
  <si>
    <t>だんごの粉特上25</t>
  </si>
  <si>
    <t>あっおいしいかつお</t>
  </si>
  <si>
    <t>あっおいしいさけ</t>
  </si>
  <si>
    <t>ごはんにまぜてオムライス味</t>
  </si>
  <si>
    <t>ごはんにまぜてアンチョビ風味</t>
  </si>
  <si>
    <t>ソフトふりかけ　しそわかめ</t>
  </si>
  <si>
    <t>ソフトふりかけ　しそひじき</t>
  </si>
  <si>
    <t>食べるラー油ふりかけ</t>
  </si>
  <si>
    <t>緑黄色野菜ふりかけ</t>
  </si>
  <si>
    <t>磯海苔ミニパック</t>
  </si>
  <si>
    <t>２Ｇ*６</t>
  </si>
  <si>
    <t>キティふりかけ</t>
  </si>
  <si>
    <t>今でしょふりかけ</t>
  </si>
  <si>
    <t>ﾀﾅｶﾐﾆﾊﾟｯｸ</t>
  </si>
  <si>
    <t>シュガーバニーズ</t>
  </si>
  <si>
    <t>カルシウムふりかけ焼肉</t>
  </si>
  <si>
    <t>47.2ｇ</t>
  </si>
  <si>
    <t>田中　ごましお</t>
  </si>
  <si>
    <t>減塩鰹みりん焼</t>
  </si>
  <si>
    <t>減塩のりたまご</t>
  </si>
  <si>
    <t>ふりかけ詰合せ</t>
  </si>
  <si>
    <t>５０食入り</t>
  </si>
  <si>
    <t>北海大和ふりかけ鮭ごま</t>
  </si>
  <si>
    <t>３ｇ*５袋</t>
  </si>
  <si>
    <t>北海大和ふりかけ鮭こんぶ</t>
  </si>
  <si>
    <t>3ｇ*5</t>
  </si>
  <si>
    <t>火の国団子の子</t>
  </si>
  <si>
    <t>火の国きな粉</t>
  </si>
  <si>
    <t>北海道片栗粉</t>
  </si>
  <si>
    <t>生まる餅</t>
  </si>
  <si>
    <t>火の国白玉粉</t>
  </si>
  <si>
    <t>火の国餅子</t>
  </si>
  <si>
    <t>クランチ・メレンゲ</t>
  </si>
  <si>
    <t>トリオクランチ</t>
  </si>
  <si>
    <t>メレンゲプチ白くま</t>
  </si>
  <si>
    <t>メレンゲペアピック</t>
  </si>
  <si>
    <t>2ﾃﾝ</t>
  </si>
  <si>
    <t>すみっコぐらしメレンゲしろくま</t>
  </si>
  <si>
    <t>すみっコぐらしメレンゲねこ</t>
  </si>
  <si>
    <t>すみっコぐらしメレンゲとかげ</t>
  </si>
  <si>
    <t>すみっコぐらしメレンゲぺんぎん</t>
  </si>
  <si>
    <t>すみっコぐらしメレンゲとんかつ</t>
  </si>
  <si>
    <t>メレンゲ人形</t>
  </si>
  <si>
    <t>スポンジ・タルト・セット品</t>
  </si>
  <si>
    <t>スポンジケーキ・タルト</t>
  </si>
  <si>
    <t>スポンジケーキプレーン</t>
  </si>
  <si>
    <t>ハート型　タルトカップ　</t>
  </si>
  <si>
    <t>ヴァーチュタルトカップハート型</t>
  </si>
  <si>
    <t>タルトカップハート型</t>
  </si>
  <si>
    <t>タルトレット</t>
  </si>
  <si>
    <t>4個入</t>
  </si>
  <si>
    <t>プチタルト</t>
  </si>
  <si>
    <t>9個入</t>
  </si>
  <si>
    <t>アニマルタルトショコラ</t>
  </si>
  <si>
    <t>カップチョコミルク</t>
  </si>
  <si>
    <t>カップチョコホワイト</t>
  </si>
  <si>
    <t>クールタルト</t>
  </si>
  <si>
    <t>クールタルトショコラ</t>
  </si>
  <si>
    <t>プチクールタルト</t>
  </si>
  <si>
    <t>プチクールタルト_ショコラ</t>
  </si>
  <si>
    <t>ホームメードプチタルトショコラ</t>
  </si>
  <si>
    <t>セット商品</t>
  </si>
  <si>
    <t>バウドゥッコ　パネトーネ</t>
  </si>
  <si>
    <t>バウドゥッコ　ショコトーネ</t>
  </si>
  <si>
    <t>ペコちゃんガーリーセット</t>
  </si>
  <si>
    <t>手作りプリントチョコモールドタイプすみっコぐらし/しかく</t>
  </si>
  <si>
    <t>フロンティア</t>
  </si>
  <si>
    <t>ﾌﾛﾝﾃｨｱ</t>
  </si>
  <si>
    <t>手作りプリントチョコモールドタイプすみっコぐらし/まる</t>
  </si>
  <si>
    <t>くまちゃんのプチタルトセット</t>
  </si>
  <si>
    <t>共立食品　くまちゃんのプチタルトセット　４個</t>
  </si>
  <si>
    <t>ジュエリープチタルトセット</t>
  </si>
  <si>
    <t>3個</t>
  </si>
  <si>
    <t>チョコクランチセット</t>
  </si>
  <si>
    <t>ステンドグラスクッキーセット</t>
  </si>
  <si>
    <t>テヅクリセットお菓子の家</t>
  </si>
  <si>
    <t>15テン</t>
  </si>
  <si>
    <t>手づくりセット　お菓子の家</t>
  </si>
  <si>
    <t>16点</t>
  </si>
  <si>
    <t>トリュフセット</t>
  </si>
  <si>
    <t>生チョコセット</t>
  </si>
  <si>
    <t>共立食品　レンジで簡単生チョコタルトセット　３個</t>
  </si>
  <si>
    <t>プチチョコセット</t>
  </si>
  <si>
    <t>プリント生チョコセット</t>
  </si>
  <si>
    <t>プチガトーショコラセット</t>
  </si>
  <si>
    <t>ポップチョコセット</t>
  </si>
  <si>
    <t>共立食品　レンジで簡単カップケーキセット１０１ｇ</t>
  </si>
  <si>
    <t>共立食品　レンジで簡単ブラウニーセット　１２５ｇ</t>
  </si>
  <si>
    <t>わんちゃんのプチタルトセット</t>
  </si>
  <si>
    <t>プリキュア　ショートケーキセット</t>
  </si>
  <si>
    <t>プリキュア　ドリンクゼリーセット</t>
  </si>
  <si>
    <t>プリキュア　チョコフォンデュセット</t>
  </si>
  <si>
    <t>共立食品　チョコフォンデュセットミニオン　４個</t>
  </si>
  <si>
    <t>共立　プリキュアシャンパン風Ｄゼリーセット　７０ｇ</t>
  </si>
  <si>
    <t>共立プリキュアキラキラショートケーキセット１３５ｇ</t>
  </si>
  <si>
    <t>共立食品　レンジで簡単トリュフセット　９９ｇ</t>
  </si>
  <si>
    <t>チヨコクランチキット</t>
  </si>
  <si>
    <t>共立食品　くまちゃんのプチタルトキット　４個</t>
  </si>
  <si>
    <t>共立食品　プリキュアショートケーキセット　１３１ｇ</t>
  </si>
  <si>
    <t>共立食品　プリキュアアイスケーキセット　８５ｇ</t>
  </si>
  <si>
    <t>チョコレートマフィンキット</t>
  </si>
  <si>
    <t>トリュフキット</t>
  </si>
  <si>
    <t>生チョコタルトキット</t>
  </si>
  <si>
    <t>3点入</t>
  </si>
  <si>
    <t>ジュエリーマカロンキット</t>
  </si>
  <si>
    <t>ブラウニーキット</t>
  </si>
  <si>
    <t>レンジでプチクレープセット</t>
  </si>
  <si>
    <t>わらび餅手作りセット（コーヒー味）</t>
  </si>
  <si>
    <t>わらび餅手作りセット</t>
  </si>
  <si>
    <t>モントンベイクドチーズケーキ</t>
  </si>
  <si>
    <t>グミをつくろう</t>
  </si>
  <si>
    <t>グミをつくろう　ぶどう＆もも</t>
  </si>
  <si>
    <t>レンジアップケーキミックス(チーズ味)</t>
  </si>
  <si>
    <t>グミをつくろうぶどう＆みかん</t>
  </si>
  <si>
    <t>チョコレートケーキセット</t>
  </si>
  <si>
    <t>フルーツサンドの素</t>
  </si>
  <si>
    <t>デコスィーツぷちプリンチョコ</t>
  </si>
  <si>
    <t>デコスィーツぷちケーキチョコ</t>
  </si>
  <si>
    <t>前原製粉わらび餅セット</t>
  </si>
  <si>
    <t>バウドゥッコ　ミニパネトーネ</t>
  </si>
  <si>
    <t>アイエスアイ</t>
  </si>
  <si>
    <t>バウドゥッコ　ミニショコトーネ</t>
  </si>
  <si>
    <t>クリスマス・バレンタイン</t>
  </si>
  <si>
    <t>季節品</t>
  </si>
  <si>
    <t>30個つくれるキット濃厚ガトーショコラバー</t>
  </si>
  <si>
    <t>334g</t>
  </si>
  <si>
    <t>ミントスタイル</t>
  </si>
  <si>
    <t>ﾌﾞﾙｰｵｰｼｬﾝ</t>
  </si>
  <si>
    <t>30個つくれるキット2色のロリポップチョコ</t>
  </si>
  <si>
    <t>30個つくれるキットみんな大好きチョコクランチ</t>
  </si>
  <si>
    <t>30個つくれるキットチョコカップケーキ</t>
  </si>
  <si>
    <t>30個つくれるキットお絵かきブラウニー</t>
  </si>
  <si>
    <t>30個つくれるキットくまちゃんクッキー</t>
  </si>
  <si>
    <t>384g</t>
  </si>
  <si>
    <t>30個つくれるキット肉球チョコレート</t>
  </si>
  <si>
    <t>かわいいキットくまちゃんガトーショコラ</t>
  </si>
  <si>
    <t>かわいいキットロリポップチョコ</t>
  </si>
  <si>
    <t>かわいいキットDECOカップケーキ</t>
  </si>
  <si>
    <t>かわいいキットパチパチはじけるチョコ</t>
  </si>
  <si>
    <t>かわいいキットねこちゃんチョコクランチ</t>
  </si>
  <si>
    <t>美味しすぎるキットフォンダンショコラ</t>
  </si>
  <si>
    <t>美味しすぎるキットテリーヌ･ショコラ</t>
  </si>
  <si>
    <t>美味しすぎるキットトリュフチョコレート</t>
  </si>
  <si>
    <t>簡単で美味しいガトーショコラ</t>
  </si>
  <si>
    <t>ガムオーナメントサンタ</t>
  </si>
  <si>
    <t>1ﾃﾝ</t>
  </si>
  <si>
    <t>クリスマスツリープレート</t>
  </si>
  <si>
    <t>クリスマスアイシングシュガー</t>
  </si>
  <si>
    <t>20gx4</t>
  </si>
  <si>
    <t>共立食品　３種のナッツのシュトーレンセット１５１ｇ</t>
  </si>
  <si>
    <t>スポンジケーキプレーン丸5号</t>
  </si>
  <si>
    <t>手作りセットクリスマスクッキー</t>
  </si>
  <si>
    <t>共立食品　レンジで作るブッシュドノエルセット７５ｇ</t>
  </si>
  <si>
    <t>メレンゲスノーキッズ</t>
  </si>
  <si>
    <t>メレンゲトナカイ＆サンタ</t>
  </si>
  <si>
    <t>1点入</t>
  </si>
  <si>
    <t>サンタチョコセット</t>
  </si>
  <si>
    <t>２点</t>
  </si>
  <si>
    <t>メレンゲサンタくん</t>
  </si>
  <si>
    <t>共立食品　チョコハウス　１個</t>
  </si>
  <si>
    <t>すみっコぐらしチョコケーキセット</t>
  </si>
  <si>
    <t>トッピングキラキラプチハートシュガー</t>
  </si>
  <si>
    <t>キャンドルサンタ＆ツリー</t>
  </si>
  <si>
    <t>2点入</t>
  </si>
  <si>
    <t>プチ柊</t>
  </si>
  <si>
    <t>サンタキャンドルセット</t>
  </si>
  <si>
    <t>デコスィーツピンセット</t>
  </si>
  <si>
    <t>色素・香料</t>
  </si>
  <si>
    <t>色素</t>
  </si>
  <si>
    <t>食用色素赤</t>
  </si>
  <si>
    <t>食用色素黄</t>
  </si>
  <si>
    <t>シキソ_アカ</t>
  </si>
  <si>
    <t>3.8g</t>
  </si>
  <si>
    <t>シキソキイロ</t>
  </si>
  <si>
    <t>シキソキアオ</t>
  </si>
  <si>
    <t>色粉　青</t>
  </si>
  <si>
    <t>小倉食品化工</t>
  </si>
  <si>
    <t>ｵｸﾞﾗｼｮｸﾋﾝｶ</t>
  </si>
  <si>
    <t>色粉_赤</t>
  </si>
  <si>
    <t>色粉_黄</t>
  </si>
  <si>
    <t>色粉_緑</t>
  </si>
  <si>
    <t>食用色素青</t>
  </si>
  <si>
    <t>色素赤</t>
  </si>
  <si>
    <t>加美乃素本舗</t>
  </si>
  <si>
    <t>ｲﾉｳｴｷﾖｽｹ</t>
  </si>
  <si>
    <t>色素緑</t>
  </si>
  <si>
    <t>色素黄</t>
  </si>
  <si>
    <t>食用色素緑</t>
  </si>
  <si>
    <t>香り付け・酒</t>
  </si>
  <si>
    <t>バニラエッセンス</t>
  </si>
  <si>
    <t>MC</t>
  </si>
  <si>
    <t>バニラエツセンス　エヌ</t>
  </si>
  <si>
    <t>バニラオイル</t>
  </si>
  <si>
    <t>28ml</t>
  </si>
  <si>
    <t>井上ﾊﾞﾆﾗｴｯｾﾝｽ28M</t>
  </si>
  <si>
    <t>ラムエッセンス</t>
  </si>
  <si>
    <t>ブランデーエッセンス</t>
  </si>
  <si>
    <t>アーモンドエッセンス</t>
  </si>
  <si>
    <t>ホームメイドバニラビーンズエッセンス</t>
  </si>
  <si>
    <t>膨まし粉・凝固剤・食用油</t>
  </si>
  <si>
    <t>タンサン・イースト・ショートニング</t>
  </si>
  <si>
    <t>井上ﾍﾞ-ｷﾝｸﾞﾊﾟｳﾀﾞ-</t>
  </si>
  <si>
    <t>井上ﾀﾝｻﾝ50G箱</t>
  </si>
  <si>
    <t>共立タンサン</t>
  </si>
  <si>
    <t>HMベーキングパウダー</t>
  </si>
  <si>
    <t>天外天重曹</t>
  </si>
  <si>
    <t>ドライイースト</t>
  </si>
  <si>
    <t>ＨＭドライイースト</t>
  </si>
  <si>
    <t>ベーキングパウダーアルミフリー</t>
  </si>
  <si>
    <t>スーパーカメリヤドライイースト</t>
  </si>
  <si>
    <t>とっても便利なショートニング</t>
  </si>
  <si>
    <t>タンサン</t>
  </si>
  <si>
    <t>白鳥印ﾀﾝｻﾝ400g</t>
  </si>
  <si>
    <t>ベーキング</t>
  </si>
  <si>
    <t>印ベーキングパウダー</t>
  </si>
  <si>
    <t>タンサン重曹</t>
  </si>
  <si>
    <t>ペーキングパウダー</t>
  </si>
  <si>
    <t>ベーキングパウダー缶</t>
  </si>
  <si>
    <t>ﾛｲﾔﾙ</t>
  </si>
  <si>
    <t>大宮糧食工業</t>
  </si>
  <si>
    <t>ｵｵﾐﾔﾘｮｳｼｮｸ</t>
  </si>
  <si>
    <t>ゼラチン・寒天</t>
  </si>
  <si>
    <t>エムシーピー　ペクチン　パウダー</t>
  </si>
  <si>
    <t>５６ｇ</t>
  </si>
  <si>
    <t>イナアガーＬ</t>
  </si>
  <si>
    <t>伊那_かんてんぱぱ手作り寒天</t>
  </si>
  <si>
    <t>ゼリーの素アガー</t>
  </si>
  <si>
    <t>ゼラチンリーフ</t>
  </si>
  <si>
    <t>ゼライス</t>
  </si>
  <si>
    <t>ゼライスパウダー　１３袋</t>
  </si>
  <si>
    <t>13袋</t>
  </si>
  <si>
    <t>ゼライス7袋</t>
  </si>
  <si>
    <t>5g×7</t>
  </si>
  <si>
    <t>ゼライス14袋</t>
  </si>
  <si>
    <t>5g×14</t>
  </si>
  <si>
    <t>かんてん3袋入</t>
  </si>
  <si>
    <t>ゼライスボトル入り</t>
  </si>
  <si>
    <t>ゼライスパウダー6袋入り</t>
  </si>
  <si>
    <t>ゼライス13袋入り</t>
  </si>
  <si>
    <t>ゼライスボトル入りつめかえ用</t>
  </si>
  <si>
    <t>ハウス_クッキングゼリー</t>
  </si>
  <si>
    <t>クッキングゼリー</t>
  </si>
  <si>
    <t>クックゼラチン</t>
  </si>
  <si>
    <t>顆粒ゼラチン</t>
  </si>
  <si>
    <t>デザート用_ゼラチンパウダー</t>
  </si>
  <si>
    <t>デザート用_ゼラチンリーフ</t>
  </si>
  <si>
    <t>ゼラチンパウダー</t>
  </si>
  <si>
    <t>野洲化学工業</t>
  </si>
  <si>
    <t>スキムミルク　袋</t>
  </si>
  <si>
    <t>毎日骨太スキム　スティック</t>
  </si>
  <si>
    <t>パン用スキムミルク</t>
  </si>
  <si>
    <t>毎日骨太スキムスティックタイプ</t>
  </si>
  <si>
    <t>毎日使えるスキムミルク</t>
  </si>
  <si>
    <t>ﾕｷｼﾞﾙｼﾒｸﾞﾐ</t>
  </si>
  <si>
    <t>ロウソク・非食品</t>
  </si>
  <si>
    <t>ペコちゃん製菓材料キットパーツＡ初回陳列用＋Ｂ補充用＋Ｃ什器</t>
  </si>
  <si>
    <t>ヴァーチュ　デコレーションキット　パーツ　１台</t>
  </si>
  <si>
    <t>トッピングハート型ピンク箔</t>
  </si>
  <si>
    <t>ハッピーキャンドル</t>
  </si>
  <si>
    <t>紙製プチギフトバックマチツキ</t>
  </si>
  <si>
    <t>チョコカップ星型ラメ</t>
  </si>
  <si>
    <t>チョコカップ_リボン</t>
  </si>
  <si>
    <t>チョコカップハート型ピンクハート</t>
  </si>
  <si>
    <t>14枚</t>
  </si>
  <si>
    <t>チョコカップ　ドットラメ</t>
  </si>
  <si>
    <t>ＣＷクチガネセット</t>
  </si>
  <si>
    <t>ＣＷ　ケーキカップ</t>
  </si>
  <si>
    <t>ＣＷ　シボリダシブクロ＆クチガネ</t>
  </si>
  <si>
    <t>CWシキガミオオバン</t>
  </si>
  <si>
    <t>ＣＷ_シキガミパウンドガタ</t>
  </si>
  <si>
    <t>ＣＷ_シキガミデコガタ</t>
  </si>
  <si>
    <t>20組</t>
  </si>
  <si>
    <t>ＣＷ_デコシボリダシフクロ</t>
  </si>
  <si>
    <t>ＣＷ_プチフールカップ</t>
  </si>
  <si>
    <t>ＣＷ_マドレーヌカップ</t>
  </si>
  <si>
    <t>ＣＷ　ヤキガタミニパウンドケーキ</t>
  </si>
  <si>
    <t>グラシンカップハートピンク</t>
  </si>
  <si>
    <t>マチツキクリアーバックタイ付</t>
  </si>
  <si>
    <t>バラエティピック</t>
  </si>
  <si>
    <t>4点入</t>
  </si>
  <si>
    <t>パウンド紙型</t>
  </si>
  <si>
    <t>ミニパウンド紙型</t>
  </si>
  <si>
    <t>マフィン紙型</t>
  </si>
  <si>
    <t>ナンバーキャンドル　０</t>
  </si>
  <si>
    <t>9ｇ</t>
  </si>
  <si>
    <t>ニホンローソク</t>
  </si>
  <si>
    <t>ナンバーキャンドル　１</t>
  </si>
  <si>
    <t>ナンバーキャンドル　２</t>
  </si>
  <si>
    <t>ナンバーキャンドル　３</t>
  </si>
  <si>
    <t>ナンバーキャンドル　４</t>
  </si>
  <si>
    <t>ナンバーキャンドル　５</t>
  </si>
  <si>
    <t>ナンバーキャンドル　６</t>
  </si>
  <si>
    <t>ナンバーキャンドル　７</t>
  </si>
  <si>
    <t>ナンバーキャンドル　８</t>
  </si>
  <si>
    <t>ナンバーキャンドル　９</t>
  </si>
  <si>
    <t>キャンドル</t>
  </si>
  <si>
    <t>ミラクルストローシッパーバナナ</t>
  </si>
  <si>
    <t>ﾄｳｴﾝｼﾞｬﾊﾟﾝ</t>
  </si>
  <si>
    <t>ミラクルストローシッパーイチゴ</t>
  </si>
  <si>
    <t>その他製菓材料</t>
  </si>
  <si>
    <t>ストロベリーフレーバーシロップ</t>
  </si>
  <si>
    <t>ドライハンソクリベート</t>
  </si>
  <si>
    <t>健康大陸_Ladies_ﾏｶ_100%_顆粒ﾀｲﾌﾟ_100g</t>
  </si>
  <si>
    <t>健康大陸_ｽｰﾊﾟｰﾌｰﾄﾞ_まるごとﾏｷﾍﾞﾘｰ100%_72</t>
  </si>
  <si>
    <t>転写モールド　スイート</t>
  </si>
  <si>
    <t>転写モールド　ハートストライプ</t>
  </si>
  <si>
    <t>RACAOおからｸｯｷｰ_5枚</t>
  </si>
  <si>
    <t>100PINE</t>
  </si>
  <si>
    <t>ヴァーチュ転写シートインユアハート</t>
  </si>
  <si>
    <t>ヴァーチュ転写シートサークルレース</t>
  </si>
  <si>
    <t>デコレーションキットパーツ1/2</t>
  </si>
  <si>
    <t>たべれるアート　フェイス・ファニー</t>
  </si>
  <si>
    <t>たべれるアート　フェイス・ほっぺ</t>
  </si>
  <si>
    <t>たべれるアート　アニマル・ポップ</t>
  </si>
  <si>
    <t>たべれるアート　リラックマ</t>
  </si>
  <si>
    <t>たべれるアート　すみっコぐらし</t>
  </si>
  <si>
    <t>たべれるアート　スヌーピー</t>
  </si>
  <si>
    <t>ﾗｲｽｱｲﾗﾝﾄﾞ　素材ｱﾏﾗﾝｻｽ(輸入)_500G</t>
  </si>
  <si>
    <t>ライスアイランド</t>
  </si>
  <si>
    <t>ﾗｲｽｱｲﾗﾝﾄﾞ</t>
  </si>
  <si>
    <t>ﾗｲｽｱｲﾗﾝﾄﾞ　素材_ｷﾇｱ(輸入)_500G</t>
  </si>
  <si>
    <t>ｻﾝﾘｵﾊﾛｰｷﾃｨﾃﾞｺﾚｰｼｮﾝｾｯﾄ</t>
  </si>
  <si>
    <t>ホームメイドクエン酸</t>
  </si>
  <si>
    <t>トッピング転写シート</t>
  </si>
  <si>
    <t>共立食品　トッピング転写シートキュートポップ　１枚</t>
  </si>
  <si>
    <t>ジュンココア</t>
  </si>
  <si>
    <t>すみっコぐらしこはくとうをつくろう</t>
  </si>
  <si>
    <t>プロテインＣえんどうまめスナックうましお　３５ｇ</t>
  </si>
  <si>
    <t>日本の花　桜</t>
  </si>
  <si>
    <t>藤井ナッツのはちみつ漬</t>
  </si>
  <si>
    <t>フルフルパウダーバラエティパック</t>
  </si>
  <si>
    <t>ﾊﾆｰ</t>
  </si>
  <si>
    <t>ﾅﾁｭﾙﾔ_有機ﾛｰ_ﾏｶ_ﾊﾟｳﾀﾞｰ_300g</t>
  </si>
  <si>
    <t>王老吉</t>
  </si>
  <si>
    <t>ﾏｻﾑﾈ</t>
  </si>
  <si>
    <t>ヤングココナッツジュース</t>
  </si>
  <si>
    <t>智太</t>
  </si>
  <si>
    <t>Tasco</t>
  </si>
  <si>
    <t>ココナッツミルクドリンク</t>
  </si>
  <si>
    <t>Tong_A_Ram</t>
  </si>
  <si>
    <t>400m</t>
  </si>
  <si>
    <t>ﾍﾞﾝﾃ</t>
  </si>
  <si>
    <t>プレミックス粉・粉類</t>
  </si>
  <si>
    <t>ホットケーキ</t>
  </si>
  <si>
    <t>大容量（500g~）</t>
  </si>
  <si>
    <t>ふっくらホットケーキミックス</t>
  </si>
  <si>
    <t>ホットケーキミックス600g3個セット</t>
  </si>
  <si>
    <t>ホットケーキミックス4個セット</t>
  </si>
  <si>
    <t>600g×4P</t>
  </si>
  <si>
    <t>ホットケーキミックス極もち3個セット</t>
  </si>
  <si>
    <t>ホットケーキミックス極もち2個セット</t>
  </si>
  <si>
    <t>540g*2</t>
  </si>
  <si>
    <t>ホットケーキミックス2個セット</t>
  </si>
  <si>
    <t>北海道ホットケーキミックスチャック付き</t>
  </si>
  <si>
    <t>プレショク</t>
  </si>
  <si>
    <t>ﾌﾟﾚｼｮｸ</t>
  </si>
  <si>
    <t>いろいろ洋菓子が作れるホットケーキミックス</t>
  </si>
  <si>
    <t>アレンジいろいろホットケーキミックス</t>
  </si>
  <si>
    <t>昭和産業小麦粉屋さんのホットケーキミックス６００ｇ</t>
  </si>
  <si>
    <t>ファミリーミックス</t>
  </si>
  <si>
    <t>型のいらないホットケーキＭＩＸ厚焼上手</t>
  </si>
  <si>
    <t>わくわくホットケーキミックス</t>
  </si>
  <si>
    <t>ふんわりくちどけホットケーキミックス</t>
  </si>
  <si>
    <t>ホットケーキミックス極もち</t>
  </si>
  <si>
    <t>ホットケーキミックス分包３Ｐ</t>
  </si>
  <si>
    <t>オーマイ　北海道小麦のホットケーキミックス</t>
  </si>
  <si>
    <t>ホットケーキミックスチャック付</t>
  </si>
  <si>
    <t>ホットケーキミックス_バニラ</t>
  </si>
  <si>
    <t>ニューオータニホットケーキ</t>
  </si>
  <si>
    <t>ホットケーキミックス箱</t>
  </si>
  <si>
    <t>森永　お食事パンケーキ</t>
  </si>
  <si>
    <t>しっとりもっちりホットケーキミックス</t>
  </si>
  <si>
    <t>九州産ホットケーキミックス</t>
  </si>
  <si>
    <t>三和ホットケーキミックス</t>
  </si>
  <si>
    <t>ふんわりホットケーキミックス</t>
  </si>
  <si>
    <t>ホームケーキミックス</t>
  </si>
  <si>
    <t>くろむしパンミックス国内産麦使用</t>
  </si>
  <si>
    <t>業務用ホットケーキ</t>
  </si>
  <si>
    <t>日東富士製粉ホットケーキミックス</t>
  </si>
  <si>
    <t>小中容量（~499g）</t>
  </si>
  <si>
    <t>ハワイアンズサン　パンケーキMIX　バナナ</t>
  </si>
  <si>
    <t>ﾘ-ﾄﾞｵﾌJ</t>
  </si>
  <si>
    <t>ハワイアンズサン　パンケーキMIX　チョコ</t>
  </si>
  <si>
    <t>マルバディ　パンケーキミックスオリジナル_２２７ｇ</t>
  </si>
  <si>
    <t>バターミルクパンケーキミックス</t>
  </si>
  <si>
    <t>アリサン</t>
  </si>
  <si>
    <t>ｱﾘｻﾝ</t>
  </si>
  <si>
    <t>ホテルの朝食ホットケーキミックス</t>
  </si>
  <si>
    <t>ﾐﾝﾄｽﾀｲﾙ</t>
  </si>
  <si>
    <t>手作りセットハワイアンパンケーキミックス</t>
  </si>
  <si>
    <t>ケーキのようなホットケーキミックスパティシェ仕立て</t>
  </si>
  <si>
    <t>昭和_ﾎｯﾄｹｰｷﾐｯｸｽ</t>
  </si>
  <si>
    <t>デザートパンケーキミックス</t>
  </si>
  <si>
    <t>ブランチパンケーキミックス</t>
  </si>
  <si>
    <t>和ホットケーキミックス</t>
  </si>
  <si>
    <t>まんまるおおきなホットケーキのもと</t>
  </si>
  <si>
    <t>ｼﾖｳﾜ</t>
  </si>
  <si>
    <t>魔法のホットケーキミックス</t>
  </si>
  <si>
    <t>日清フーズバニラ風味のホットケーキミックス</t>
  </si>
  <si>
    <t>日清ホットケーキミックスチャック付</t>
  </si>
  <si>
    <t>ホットケーキミックス極もち国内麦小麦粉100％使用</t>
  </si>
  <si>
    <t>パンケーキミックス極しっとり国内麦小麦粉100％使用</t>
  </si>
  <si>
    <t>ディズニーわくホットケーキ</t>
  </si>
  <si>
    <t>ふんわりしっとりホットケーキ</t>
  </si>
  <si>
    <t>ディズニーホットケーキ</t>
  </si>
  <si>
    <t>フワフワホットケ－キミックス</t>
  </si>
  <si>
    <t>ディズニー　ホットケーキＭ</t>
  </si>
  <si>
    <t>ふわっと口どけホットケーキ</t>
  </si>
  <si>
    <t>ハローキティＨケーキ</t>
  </si>
  <si>
    <t>ホットケーキミックス分包２Ｐ</t>
  </si>
  <si>
    <t>キティ_パンケーキミックス</t>
  </si>
  <si>
    <t>厚焼きふんわりホットケーキ</t>
  </si>
  <si>
    <t>北海道小麦ホットケーキミックス</t>
  </si>
  <si>
    <t>ホットケーキＭＩＸ</t>
  </si>
  <si>
    <t>マイメロディ　パンケーキミックス</t>
  </si>
  <si>
    <t>めちゃラクホットケーキミックス</t>
  </si>
  <si>
    <t>めちゃラク　ホットケーキミックス</t>
  </si>
  <si>
    <t>前田産業</t>
  </si>
  <si>
    <t>ﾏｴﾀﾞｻﾝｷﾞｮｳ</t>
  </si>
  <si>
    <t>キティー　ホットケーキミックス</t>
  </si>
  <si>
    <t>マンゴーホットケーキ</t>
  </si>
  <si>
    <t>目を閉じて味わうホットケーキ</t>
  </si>
  <si>
    <t>お食事パンケーキ</t>
  </si>
  <si>
    <t>成長応援ホットケーキミックス</t>
  </si>
  <si>
    <t>もみもみホットケーキミックス</t>
  </si>
  <si>
    <t>ふわふわパンケーキミックス</t>
  </si>
  <si>
    <t>もちもちホットケーキミックス</t>
  </si>
  <si>
    <t>ホットケーキ宇治抹茶</t>
  </si>
  <si>
    <t>絶品ホットケーキミックス</t>
  </si>
  <si>
    <t>成城石井__国内産小麦１００％使用ホットケーキミックス</t>
  </si>
  <si>
    <t>200ｇ×2Ｐ</t>
  </si>
  <si>
    <t>全粒粉のホットケーキミックス</t>
  </si>
  <si>
    <t>機能性・健康</t>
  </si>
  <si>
    <t>米粉のパンケーキミックス</t>
  </si>
  <si>
    <t>DHAホットケーキミックス</t>
  </si>
  <si>
    <t>一日分の食物繊維入りホットケーキミックス</t>
  </si>
  <si>
    <t>糖質50％オフ_ホットケーキミックス</t>
  </si>
  <si>
    <t>日清　ホットケーキミックス　極もち　ザ・ブラン</t>
  </si>
  <si>
    <t>ファイバープラスホットケーキ</t>
  </si>
  <si>
    <t>オーマイ米粉ケーキミックス</t>
  </si>
  <si>
    <t>お豆と雑穀のホットケーキミック</t>
  </si>
  <si>
    <t>大麦と野菜のホットケーキミック</t>
  </si>
  <si>
    <t>ダイズラボパンケーキミックス</t>
  </si>
  <si>
    <t>ダイズラボ大豆粉のパンミックス</t>
  </si>
  <si>
    <t>みすず　ホットケーキミックス　機能性　１５０ｇ</t>
  </si>
  <si>
    <t>大豆粉と米粉のパンケーキミックス</t>
  </si>
  <si>
    <t>米粉パンケーキミックス</t>
  </si>
  <si>
    <t>成城石井　国内産米粉と小麦胚芽のホットケーキミックス</t>
  </si>
  <si>
    <t>150ｇ×2Ｐ</t>
  </si>
  <si>
    <t>玄米粉のホットケーキミックス</t>
  </si>
  <si>
    <t>もち麦粉ホットケーキミックス</t>
  </si>
  <si>
    <t>グルテンフリーホットケーキミックス</t>
  </si>
  <si>
    <t>もちもち米粉パンミックス</t>
  </si>
  <si>
    <t>米粉入ホームケーキミックス</t>
  </si>
  <si>
    <t>国産大麦のホットケーキミックス</t>
  </si>
  <si>
    <t>ベティ・クロッカー　ファッジブラウニーミックス　５１９ｇ</t>
  </si>
  <si>
    <t>519g</t>
  </si>
  <si>
    <t>ﾍﾞﾃｨ･ｸﾛｯｶ-</t>
  </si>
  <si>
    <t>ファッジブラウーニミックス</t>
  </si>
  <si>
    <t>561g</t>
  </si>
  <si>
    <t>ﾍﾞﾃｨｰｸﾛｯｶｰ</t>
  </si>
  <si>
    <t>ベティクロッカー　デビルフードケーキ　ミックス　５１０ｇ</t>
  </si>
  <si>
    <t>ベティ・クロッカー　チョコファッジケーキミックス　５１０ｇ</t>
  </si>
  <si>
    <t>どら焼きの素</t>
  </si>
  <si>
    <t>モントンプレーン</t>
  </si>
  <si>
    <t>モントンショコラ</t>
  </si>
  <si>
    <t>米粉入りパンミックス</t>
  </si>
  <si>
    <t>シフォンケーキＭＩＸ粉</t>
  </si>
  <si>
    <t>ショコラマフィンセット</t>
  </si>
  <si>
    <t>スポンジケーキミックス粉</t>
  </si>
  <si>
    <t>ホームメイド製菓用レーズンミックス</t>
  </si>
  <si>
    <t>チョコレートチャンクピザセット</t>
  </si>
  <si>
    <t>ブラウニーＭＩＸ粉</t>
  </si>
  <si>
    <t>マフィンミックス粉</t>
  </si>
  <si>
    <t>レンジで作るバニラクッキーミックス</t>
  </si>
  <si>
    <t>レンジで作るココアクッキーミックス</t>
  </si>
  <si>
    <t>レンジで作るブラウニーミックス</t>
  </si>
  <si>
    <t>レンジで作るガトー・オ・ショコラミックス粉</t>
  </si>
  <si>
    <t>レンジで作るいちごケーキミックス</t>
  </si>
  <si>
    <t>共立食品　クッキーミックス　１２０ｇ</t>
  </si>
  <si>
    <t>共立食品　マフィンミックス　１２０ｇ</t>
  </si>
  <si>
    <t>共立食品　パウンドケーキミックス　１２０ｇ</t>
  </si>
  <si>
    <t>共立食品　ブラウニーミックス　８５ｇ</t>
  </si>
  <si>
    <t>米粉のカヌレミックス</t>
  </si>
  <si>
    <t>米粉の台湾カステラミックス</t>
  </si>
  <si>
    <t>手作りキット生ドーナツミックス</t>
  </si>
  <si>
    <t>フレンチトーストの素メープル＆バニ</t>
  </si>
  <si>
    <t>フレンチトーストの素キャラメル＆シナモン風味</t>
  </si>
  <si>
    <t>トースターで簡単ふんわりパンミックス</t>
  </si>
  <si>
    <t>ｼﾖｳﾜｻﾝｷﾞｮｳ</t>
  </si>
  <si>
    <t>スフレチーズケーキミックス</t>
  </si>
  <si>
    <t>フィナンシェミックス</t>
  </si>
  <si>
    <t>フライパンで焼くピザミックス</t>
  </si>
  <si>
    <t>もちもちパンミックス</t>
  </si>
  <si>
    <t>焼きたてフィナンシェミックス</t>
  </si>
  <si>
    <t>チーズボールミックス</t>
  </si>
  <si>
    <t>蒸しパンミックス</t>
  </si>
  <si>
    <t>クレープミックス</t>
  </si>
  <si>
    <t>クールン　レアチーズケーキ</t>
  </si>
  <si>
    <t>おうちスイーツもちもちクレープミックス</t>
  </si>
  <si>
    <t>おうちスイーツしっとりスポンジケーキミックス</t>
  </si>
  <si>
    <t>おうちスイーツクッキーミックス</t>
  </si>
  <si>
    <t>おうちスイーツほろほろクッキーミックス</t>
  </si>
  <si>
    <t>おうちスイーツクールンれあちーずけーき</t>
  </si>
  <si>
    <t>おうちスイーツクールンティラミス</t>
  </si>
  <si>
    <t>糖質30％オフ_お菓子料理用ミックス</t>
  </si>
  <si>
    <t>スコーンミックス</t>
  </si>
  <si>
    <t>シュークリームミックス</t>
  </si>
  <si>
    <t>もちっくるドーナッツミックス</t>
  </si>
  <si>
    <t>サクっとクッキーミックス</t>
  </si>
  <si>
    <t>おうちで簡単食パンミックス</t>
  </si>
  <si>
    <t>ディズニークッキーミックス</t>
  </si>
  <si>
    <t>お菓子百科スポンジケーキミックス</t>
  </si>
  <si>
    <t>お菓子百科クッキーミックス</t>
  </si>
  <si>
    <t>パウンドケーキミックス</t>
  </si>
  <si>
    <t>クールンレアチーズ</t>
  </si>
  <si>
    <t>クールンチョコムース</t>
  </si>
  <si>
    <t>クールン　いちごチーズケーキ</t>
  </si>
  <si>
    <t>パンケーキミックス極しっとり</t>
  </si>
  <si>
    <t>ｼｯﾄﾘﾑｼｹｰｷﾐｯｸｽﾁｰｽﾞｱｼﾞ</t>
  </si>
  <si>
    <t>ﾌﾝﾜﾘﾑｼｹｰｷﾓｯｸｽｺｺｱ</t>
  </si>
  <si>
    <t>ｺｺｱ</t>
  </si>
  <si>
    <t>マドレーヌミックス</t>
  </si>
  <si>
    <t>アロマホットクッキー</t>
  </si>
  <si>
    <t>アロマカップケーキ</t>
  </si>
  <si>
    <t>カップケーキミックスチョコ</t>
  </si>
  <si>
    <t>カップケーキミックスカスタード</t>
  </si>
  <si>
    <t>ディズニーレンジケーキミック</t>
  </si>
  <si>
    <t>菓子百科_クッキーミックス</t>
  </si>
  <si>
    <t>スポンジケーキミックス</t>
  </si>
  <si>
    <t>御菓子百科　クレープミックス</t>
  </si>
  <si>
    <t>チーズケーキミックス</t>
  </si>
  <si>
    <t>クッキーミックス</t>
  </si>
  <si>
    <t>クッキークッキーミックス</t>
  </si>
  <si>
    <t>日清お菓子百科クールンレアチーズケーキ</t>
  </si>
  <si>
    <t>ハローキティレンジケーキイチゴ</t>
  </si>
  <si>
    <t>ハローキティレンジケーキチョコ</t>
  </si>
  <si>
    <t>ハローキティレンジケーキバナナ</t>
  </si>
  <si>
    <t>アリスの森スポンジケーキ</t>
  </si>
  <si>
    <t>アリスの森パウンドケーキミックス</t>
  </si>
  <si>
    <t>アリスの森クッキーミックス</t>
  </si>
  <si>
    <t>カップケーキミックスチョコ味</t>
  </si>
  <si>
    <t>カップケーキミックスミルク味</t>
  </si>
  <si>
    <t>カップケーキキャラメル味</t>
  </si>
  <si>
    <t>アリスの森シュークリームキ</t>
  </si>
  <si>
    <t>キティマグカップケーキ（ミルク味）</t>
  </si>
  <si>
    <t>キティマグカップケーキ（チョコ味）</t>
  </si>
  <si>
    <t>オーマイ米粉パンミックス</t>
  </si>
  <si>
    <t>スイーツつくろクッキーミックス</t>
  </si>
  <si>
    <t>スイーツつくろパウンドミックス</t>
  </si>
  <si>
    <t>スイーツつくろスポンジケーキミックス</t>
  </si>
  <si>
    <t>スイーツつくろクレープミックス</t>
  </si>
  <si>
    <t>スイーツつくろカスタードミックス</t>
  </si>
  <si>
    <t>スイーツつくろパウンドケーキミックス</t>
  </si>
  <si>
    <t>ｽｲｰﾂつくろｸﾚｰﾌﾟﾐｯｸｽ</t>
  </si>
  <si>
    <t>スイーツつくろカスタードクリームミックス</t>
  </si>
  <si>
    <t>ピザミックス</t>
  </si>
  <si>
    <t>ケーキのはこ　バターミルク風味</t>
  </si>
  <si>
    <t>めちゃラククッキーミックス</t>
  </si>
  <si>
    <t>めちゃラクレンジケーキミックス</t>
  </si>
  <si>
    <t>めちゃラクカスタードクリームミックス</t>
  </si>
  <si>
    <t>めちゃラクレンジでクレープミックス</t>
  </si>
  <si>
    <t>モコモコカップ_バニラ</t>
  </si>
  <si>
    <t>モコモコカップ_チョコ</t>
  </si>
  <si>
    <t>モコモコケーキバニラ</t>
  </si>
  <si>
    <t>モコモコケーキモカチョコ</t>
  </si>
  <si>
    <t>ラブ＆ベリーカップ　バニラ</t>
  </si>
  <si>
    <t>ラブ＆ベリーカップ　チョコ</t>
  </si>
  <si>
    <t>モコモコパーティプレーン</t>
  </si>
  <si>
    <t>パパッとレンジむしパンプレーンタイプ</t>
  </si>
  <si>
    <t>パパッとレンジむしパン砂糖80%カット</t>
  </si>
  <si>
    <t>辻口博啓監修糖質オフスイーツ粉</t>
  </si>
  <si>
    <t>ミルクココアケーキミックス</t>
  </si>
  <si>
    <t>モントンスポンジミックスプレーン</t>
  </si>
  <si>
    <t>モントンスポンジミックスショコラ</t>
  </si>
  <si>
    <t>ピザ生地ミックス</t>
  </si>
  <si>
    <t>モントンケーキプレーン</t>
  </si>
  <si>
    <t>モントンケーキ　ショコラ</t>
  </si>
  <si>
    <t>モントンスペシャル</t>
  </si>
  <si>
    <t>おいしいクッキーミックス</t>
  </si>
  <si>
    <t>レアチーズケーキミックス</t>
  </si>
  <si>
    <t>レンジアップケーキミックス(ココア味)</t>
  </si>
  <si>
    <t>森永製菓　レンジアップケーキミックス　いちご</t>
  </si>
  <si>
    <t>ショコラミックス</t>
  </si>
  <si>
    <t>森永　ブランブレッド　バナナ</t>
  </si>
  <si>
    <t>モントンスポンジケーキミックス</t>
  </si>
  <si>
    <t>チョコレ－トケ－キＭＩＸ</t>
  </si>
  <si>
    <t>レアチ－ズケ－キＭＩＸ</t>
  </si>
  <si>
    <t>how_cookケーキミックス</t>
  </si>
  <si>
    <t>howcookもちパンミックス</t>
  </si>
  <si>
    <t>カステイラミックス</t>
  </si>
  <si>
    <t>究極のパンミックス</t>
  </si>
  <si>
    <t>もちもちクレープの素</t>
  </si>
  <si>
    <t>フルーツ大福の素</t>
  </si>
  <si>
    <t>成城石井__北海道産小麦のスコーンミックス__２００×２ｐ</t>
  </si>
  <si>
    <t>グルテンフリーケーキミックスココア</t>
  </si>
  <si>
    <t>グルテンフリーケーキミックスプレーン</t>
  </si>
  <si>
    <t>グルテンフリーパンミックス</t>
  </si>
  <si>
    <t>日東富士製粉　スコーンミックス　４００ｇ</t>
  </si>
  <si>
    <t>ﾆｯﾄｳﾌｼﾞｾｲﾌ</t>
  </si>
  <si>
    <t>ホットックミックス</t>
  </si>
  <si>
    <t>オーガニックパンケーキミックスオリジナル</t>
  </si>
  <si>
    <t>ｷｱﾗﾋﾟｭｱ</t>
  </si>
  <si>
    <t>小麦粉・粉類</t>
  </si>
  <si>
    <t>全粒紛（ホールホイート）</t>
  </si>
  <si>
    <t>全粒粉（ホールホイート）</t>
  </si>
  <si>
    <t>ライフラワー</t>
  </si>
  <si>
    <t>ホールホイート</t>
  </si>
  <si>
    <t>ライ麦粉（ライフラワー）</t>
  </si>
  <si>
    <t>共立　リ・ファリーヌ　米の粉</t>
  </si>
  <si>
    <t>海からおいしい　紅鮭茶漬け</t>
  </si>
  <si>
    <t>5.2ｇ*4</t>
  </si>
  <si>
    <t>海からおいしい　桜えび茶漬け</t>
  </si>
  <si>
    <t>4.2ｇ*4</t>
  </si>
  <si>
    <t>ｵｰﾏｲふっくらパン手作りパン用強力粉</t>
  </si>
  <si>
    <t>めちゃラクスコーンミックス</t>
  </si>
  <si>
    <t>永谷園　梅干茶づけ　特荷　</t>
  </si>
  <si>
    <t>永谷園　さけ茶づけ　特荷</t>
  </si>
  <si>
    <t>家族の高菜めんたい茶漬け　大袋</t>
  </si>
  <si>
    <t>もっちり和ぽん小麦胚芽</t>
  </si>
  <si>
    <t>もっちり和ぽんかぼちゃ</t>
  </si>
  <si>
    <t>もっちり和ぽん黒豆ココア</t>
  </si>
  <si>
    <t>ﾏﾙｷﾝ米の粉250G</t>
  </si>
  <si>
    <t>グルテンフリー　玄米粉</t>
  </si>
  <si>
    <t>パンだふるパンミックス</t>
  </si>
  <si>
    <t>ねばーれお茶漬</t>
  </si>
  <si>
    <t>ｶｶｷﾞｶｲｿｳ</t>
  </si>
  <si>
    <t>デザート即席</t>
  </si>
  <si>
    <t>甘酒FDカレンダー</t>
  </si>
  <si>
    <t>あまざけ</t>
  </si>
  <si>
    <t>甘酒_2個ｾｯﾄ</t>
  </si>
  <si>
    <t>4P*2</t>
  </si>
  <si>
    <t>甘酢</t>
  </si>
  <si>
    <t>ﾅｶﾏﾙｼｮｳﾕｼﾞ</t>
  </si>
  <si>
    <t>甘さすっきりの甘酒ゼリー</t>
  </si>
  <si>
    <t>イチビキ_塩レモンあま酒</t>
  </si>
  <si>
    <t>イチビキ　ほうじ茶糀あま酒１人前×４袋　２２０ｇ</t>
  </si>
  <si>
    <t>イチビキ　チャイ糀あま酒１人前×４袋　２２０ｇ</t>
  </si>
  <si>
    <t>レモン糀あま酒</t>
  </si>
  <si>
    <t>糀あま酒</t>
  </si>
  <si>
    <t>自然な甘さの糀あま酒</t>
  </si>
  <si>
    <t>冷やし糀あま酒　１人前</t>
  </si>
  <si>
    <t>イチビキ　糀あま酒　１０袋　４００ｇ</t>
  </si>
  <si>
    <t>糖質20%オフ糀あま酒</t>
  </si>
  <si>
    <t>乳酸菌入り糀あま酒</t>
  </si>
  <si>
    <t>乳酸発酵麹あま酒</t>
  </si>
  <si>
    <t>乳酸発酵レモン麹あま酒</t>
  </si>
  <si>
    <t>冷やし甘酒</t>
  </si>
  <si>
    <t>無添加_甘酒</t>
  </si>
  <si>
    <t>あま酒</t>
  </si>
  <si>
    <t>米糀から作った甘酒</t>
  </si>
  <si>
    <t>米糀から作った甘酒豆乳ブレンド</t>
  </si>
  <si>
    <t>プラス糀甘酒生姜ブレンド</t>
  </si>
  <si>
    <t>米糀からつくった甘酒</t>
  </si>
  <si>
    <t>ﾌﾟﾗｽ糀糀甘酒ﾕｽﾞﾌﾞﾚﾝﾄﾞ</t>
  </si>
  <si>
    <t>１２５ｍｌ</t>
  </si>
  <si>
    <t>プラス糀糀甘酒</t>
  </si>
  <si>
    <t>プラス糀糀甘酒SOY</t>
  </si>
  <si>
    <t>プラス糀糀甘酒ミルク</t>
  </si>
  <si>
    <t>プラス糀糀甘酒ココア</t>
  </si>
  <si>
    <t>甘酒　生糀仕込み</t>
  </si>
  <si>
    <t>玄米甘酒</t>
  </si>
  <si>
    <t>七穀麹入りの甘酒</t>
  </si>
  <si>
    <t>甘酒４袋</t>
  </si>
  <si>
    <t>甘酒袋</t>
  </si>
  <si>
    <t>甘酒（４袋入り）</t>
  </si>
  <si>
    <t>甘酒　袋</t>
  </si>
  <si>
    <t>森永　甘酒　４P</t>
  </si>
  <si>
    <t>甘酒　ＳＰ</t>
  </si>
  <si>
    <t>五穀と麹の甘酒</t>
  </si>
  <si>
    <t>２３Ｇ</t>
  </si>
  <si>
    <t>冷やし麹甘酒（4袋入）</t>
  </si>
  <si>
    <t>甘酒　しょうが　袋</t>
  </si>
  <si>
    <t>甘酒粉末タイプ</t>
  </si>
  <si>
    <t>森永のやさしい米麹甘酒</t>
  </si>
  <si>
    <t>冷やし甘酒レモン</t>
  </si>
  <si>
    <t>森永製菓　やさしい米麹　甘酒　きなこ　１２５ｍｌ</t>
  </si>
  <si>
    <t>125ML</t>
  </si>
  <si>
    <t>やさしい米麹甘酒</t>
  </si>
  <si>
    <t>21.5ｇ</t>
  </si>
  <si>
    <t>森永やさしい米糀甘酒コラーゲン</t>
  </si>
  <si>
    <t>もち麦甘酒</t>
  </si>
  <si>
    <t>必勝甘酒</t>
  </si>
  <si>
    <t>AMAZAKEマスカット甘酒</t>
  </si>
  <si>
    <t>吉田本店</t>
  </si>
  <si>
    <t>中木屋本店あまざけ濃縮タイプ300g</t>
  </si>
  <si>
    <t>とろーり食べるあまざけ</t>
  </si>
  <si>
    <t>25g×4</t>
  </si>
  <si>
    <t>甘酒　無添加</t>
  </si>
  <si>
    <t>甘酒無添加</t>
  </si>
  <si>
    <t>甘酒個食タイプ</t>
  </si>
  <si>
    <t>45g×5</t>
  </si>
  <si>
    <t>あま酒　個食タイプ</t>
  </si>
  <si>
    <t>40g*5</t>
  </si>
  <si>
    <t>甘酒カレンダー</t>
  </si>
  <si>
    <t>SP甘酒習慣</t>
  </si>
  <si>
    <t>九州あま酒</t>
  </si>
  <si>
    <t>九味食品</t>
  </si>
  <si>
    <t>ｷｭｳﾐｼｮｸﾋﾝ</t>
  </si>
  <si>
    <t>食べる甘酒</t>
  </si>
  <si>
    <t>15g×7</t>
  </si>
  <si>
    <t>15g×7P</t>
  </si>
  <si>
    <t>食べる甘酒乳酸菌入り</t>
  </si>
  <si>
    <t>食べる甘酒あまおう</t>
  </si>
  <si>
    <t>食べる甘酒抹茶</t>
  </si>
  <si>
    <t>しょうが湯・くず湯・あめ湯</t>
  </si>
  <si>
    <t>博多しょうがゆ54個セット</t>
  </si>
  <si>
    <t>Ｃ１０００ビタホットアップル</t>
  </si>
  <si>
    <t>レモンジンジャー</t>
  </si>
  <si>
    <t>しょうがゆ</t>
  </si>
  <si>
    <t>黒糖しょうが湯</t>
  </si>
  <si>
    <t>しょうがかたくり</t>
  </si>
  <si>
    <t>抹茶かたくり湯</t>
  </si>
  <si>
    <t>黒糖しょうがゆ</t>
  </si>
  <si>
    <t>あめ湯</t>
  </si>
  <si>
    <t>くず湯</t>
  </si>
  <si>
    <t>ゆずくず湯</t>
  </si>
  <si>
    <t>梅くず湯</t>
  </si>
  <si>
    <t>16g×3</t>
  </si>
  <si>
    <t>19g×3</t>
  </si>
  <si>
    <t>はちみつ柚子茶</t>
  </si>
  <si>
    <t>はちみつ梅</t>
  </si>
  <si>
    <t>旨辛葛しょうが湯</t>
  </si>
  <si>
    <t>しょうが湯3袋入</t>
  </si>
  <si>
    <t>41.1g</t>
  </si>
  <si>
    <t>冷やしくず</t>
  </si>
  <si>
    <t>きんかんゆ</t>
  </si>
  <si>
    <t>冷やしくず抹茶</t>
  </si>
  <si>
    <t>冷え知らずさんの生姜湯　黒糖</t>
  </si>
  <si>
    <t>冷え知らずさんの生姜湯　チャイ風</t>
  </si>
  <si>
    <t>（冷え知らず）さんの生姜湯　チャイ風</t>
  </si>
  <si>
    <t>26Ｇ</t>
  </si>
  <si>
    <t>冷え知らずさんの生姜湯　はちみつりんご</t>
  </si>
  <si>
    <t>28Ｇ</t>
  </si>
  <si>
    <t>ジンジャーラテ</t>
  </si>
  <si>
    <t>丸ごとすりおろした生姜湯</t>
  </si>
  <si>
    <t>黒糖入り辛口しょうが湯</t>
  </si>
  <si>
    <t>黒糖入辛口しょうが湯</t>
  </si>
  <si>
    <t>蒸し生姜入り生姜湯</t>
  </si>
  <si>
    <t>とろ~り抹茶かたくり</t>
  </si>
  <si>
    <t>しょうが湯　巾着</t>
  </si>
  <si>
    <t>しょうが湯巾着</t>
  </si>
  <si>
    <t>せとうちはっさくジンジャー</t>
  </si>
  <si>
    <t>はっさくジンジャー</t>
  </si>
  <si>
    <t>まるごときんかん湯</t>
  </si>
  <si>
    <t>瀬戸内のすりおろしレモン</t>
  </si>
  <si>
    <t>まるごとれもん湯</t>
  </si>
  <si>
    <t>しまなみレモン</t>
  </si>
  <si>
    <t>16g×10P</t>
  </si>
  <si>
    <t>瀬戸内塩レモネード</t>
  </si>
  <si>
    <t>15g×4P</t>
  </si>
  <si>
    <t>南国柚子ドリンク</t>
  </si>
  <si>
    <t>芳醇マスカット</t>
  </si>
  <si>
    <t>21g×5</t>
  </si>
  <si>
    <t>かたくり抹茶湯</t>
  </si>
  <si>
    <t>17g×5</t>
  </si>
  <si>
    <t>ホッとフルーツジンジャーレモン</t>
  </si>
  <si>
    <t>ホッとフルーツジンジャーアップル</t>
  </si>
  <si>
    <t>カテキン入りしょうが湯　４Ｐ</t>
  </si>
  <si>
    <t>くずゆ　くず　３０ＧＸ４Ｐ</t>
  </si>
  <si>
    <t>30g×4</t>
  </si>
  <si>
    <t>くずゆしょうが</t>
  </si>
  <si>
    <t>くずゆ抹茶</t>
  </si>
  <si>
    <t>くずゆ　きんかん　３０ＧＸ４</t>
  </si>
  <si>
    <t>蒸し生姜湯4P</t>
  </si>
  <si>
    <t>かりんしょうが湯</t>
  </si>
  <si>
    <t>抹茶湯</t>
  </si>
  <si>
    <t>葛湯</t>
  </si>
  <si>
    <t>甘酒湯</t>
  </si>
  <si>
    <t>蜂蜜湯</t>
  </si>
  <si>
    <t>抹茶エール</t>
  </si>
  <si>
    <t>博多冷やしあめ</t>
  </si>
  <si>
    <t>アイスしょうが</t>
  </si>
  <si>
    <t>抹茶葛湯</t>
  </si>
  <si>
    <t>博多冷やし甘酒</t>
  </si>
  <si>
    <t>コラーゲン葛湯</t>
  </si>
  <si>
    <t>ﾏﾝﾈﾝ</t>
  </si>
  <si>
    <t>コラーゲン抹茶葛湯</t>
  </si>
  <si>
    <t>コラーゲン柚子葛湯</t>
  </si>
  <si>
    <t>コラーゲン生姜葛湯</t>
  </si>
  <si>
    <t>コラーゲン甘酒葛湯</t>
  </si>
  <si>
    <t>コラーゲンブルーベリー葛湯</t>
  </si>
  <si>
    <t>小豆デザート</t>
  </si>
  <si>
    <t>おしるこ・ぜんざい</t>
  </si>
  <si>
    <t>カップしるこ</t>
  </si>
  <si>
    <t>抹茶しるこ</t>
  </si>
  <si>
    <t>抹茶おしるこ</t>
  </si>
  <si>
    <t>かっぷおしるこ</t>
  </si>
  <si>
    <t>おしるこＦＤカレンダータイプ</t>
  </si>
  <si>
    <t>おしるこFDカレンダー</t>
  </si>
  <si>
    <t>カップしるこ5個セット</t>
  </si>
  <si>
    <t>和菓子屋の冷やしぜんざい</t>
  </si>
  <si>
    <t>はーい榮太樓です</t>
  </si>
  <si>
    <t>カップ冷しぜんざい（白玉入）</t>
  </si>
  <si>
    <t>カップ冷しぜんざい</t>
  </si>
  <si>
    <t>カップあんみつ</t>
  </si>
  <si>
    <t>さらり　涼ぜんざい</t>
  </si>
  <si>
    <t>カップもち付きぜんざい</t>
  </si>
  <si>
    <t>ぜんざいファミリーパック</t>
  </si>
  <si>
    <t>濃厚ぜんざい</t>
  </si>
  <si>
    <t>枝豆あんトッピング</t>
  </si>
  <si>
    <t>レンジで簡単ぜんざい</t>
  </si>
  <si>
    <t>レンジで簡単おしるこ</t>
  </si>
  <si>
    <t>おいしいぜんざい</t>
  </si>
  <si>
    <t>和菓子屋さんのぜんざい</t>
  </si>
  <si>
    <t>和菓子屋さんのしるこ</t>
  </si>
  <si>
    <t>おしるこファミリーパック</t>
  </si>
  <si>
    <t>井村屋のぜんざい</t>
  </si>
  <si>
    <t>井村屋のおしるこ</t>
  </si>
  <si>
    <t>ぜんざいパウチ</t>
  </si>
  <si>
    <t>井村屋が作ったおしるこ</t>
  </si>
  <si>
    <t>まる餅付き大納言小豆ぜんざい</t>
  </si>
  <si>
    <t>386ｇ</t>
  </si>
  <si>
    <t>井村屋　まる餅付大納言小豆ぜんざい　１人前</t>
  </si>
  <si>
    <t>お餅付きぜんざい</t>
  </si>
  <si>
    <t>甘酒おしるこ</t>
  </si>
  <si>
    <t>和風2連パック水ようかん</t>
  </si>
  <si>
    <t>104g×2P</t>
  </si>
  <si>
    <t>和風2連パックぜんざい</t>
  </si>
  <si>
    <t>105g×2</t>
  </si>
  <si>
    <t>和風2連パック伊勢茶ぜんざい</t>
  </si>
  <si>
    <t>105g×2P</t>
  </si>
  <si>
    <t>ラム酒香るあんこ</t>
  </si>
  <si>
    <t>日本酒香るあんこ</t>
  </si>
  <si>
    <t>お気に入りしるこ</t>
  </si>
  <si>
    <t>カップもち付きおしるこ</t>
  </si>
  <si>
    <t>カップしるこ３個パック</t>
  </si>
  <si>
    <t>かっぷしるこ</t>
  </si>
  <si>
    <t>いちごおしるこラテ</t>
  </si>
  <si>
    <t>おしるこ</t>
  </si>
  <si>
    <t>豆乳ぜんざい</t>
  </si>
  <si>
    <t>甘さすっきりのぜんざい</t>
  </si>
  <si>
    <t>糖質カロリー50%オフぜんざい</t>
  </si>
  <si>
    <t>甘さすっきりの栗ぜんざい</t>
  </si>
  <si>
    <t>甘さすっきり　栗ぜんざい</t>
  </si>
  <si>
    <t>糖質カロリーオフぜんざい</t>
  </si>
  <si>
    <t>甘さすっきりの冷やしぜんざい</t>
  </si>
  <si>
    <t>甘さすっきりのおしるこ</t>
  </si>
  <si>
    <t>甘さすっきりのぜんざい二人前</t>
  </si>
  <si>
    <t>甘さすっきりの糖質カロリー50%オフぜんざい</t>
  </si>
  <si>
    <t>謹製栗ぜんざい</t>
  </si>
  <si>
    <t>謹製さつまいもぜんざい</t>
  </si>
  <si>
    <t>古都ぜんざい</t>
  </si>
  <si>
    <t>160gX4</t>
  </si>
  <si>
    <t>栗入りぜんざい</t>
  </si>
  <si>
    <t>しるこ</t>
  </si>
  <si>
    <t>かっぷおしるこ３Ｐ</t>
  </si>
  <si>
    <t>53g×3</t>
  </si>
  <si>
    <t>クラシエおしるこ３個パック</t>
  </si>
  <si>
    <t>40.2g×3P</t>
  </si>
  <si>
    <t>ぜんざい十勝産小豆100%</t>
  </si>
  <si>
    <t>抹茶ぜんざい</t>
  </si>
  <si>
    <t>ぜんざい十勝産小豆100%大袋</t>
  </si>
  <si>
    <t>ぜんざい十勝産小豆ケース</t>
  </si>
  <si>
    <t>杵つき餅のぜんざい</t>
  </si>
  <si>
    <t>杵つき餅のおしるこ</t>
  </si>
  <si>
    <t>あっさり仕立て栗ぜんざい</t>
  </si>
  <si>
    <t>あっさり仕立てのおしるこ</t>
  </si>
  <si>
    <t>冷やしくずしるこ</t>
  </si>
  <si>
    <t>濃いおしるこ　こしあん　抹茶仕立て</t>
  </si>
  <si>
    <t>田舎しるこ　２食分</t>
  </si>
  <si>
    <t>御膳しるこ　２食分</t>
  </si>
  <si>
    <t>イナカシルコ　レトルト</t>
  </si>
  <si>
    <t>クリゼンザイ　レトルト</t>
  </si>
  <si>
    <t>甘味茶屋しるこ_粒あん</t>
  </si>
  <si>
    <t>甘味茶屋しるこ_こしあん</t>
  </si>
  <si>
    <t>ぜんざい糖質オフ</t>
  </si>
  <si>
    <t>つぶあん好きのぜんざい</t>
  </si>
  <si>
    <t>つぶあん好きの栗ぜんざい</t>
  </si>
  <si>
    <t>つぶあん好きぜんざい30％オフ</t>
  </si>
  <si>
    <t>はごろも　栗ぜんざい</t>
  </si>
  <si>
    <t>はごろも　おしるこ</t>
  </si>
  <si>
    <t>ぜんざいカロリー30％オフ</t>
  </si>
  <si>
    <t>甘さすっきり豆乳ぜんざい</t>
  </si>
  <si>
    <t>茶寮ぜんざい</t>
  </si>
  <si>
    <t>茶寮おしるこ</t>
  </si>
  <si>
    <t>甘栗ぜんざい</t>
  </si>
  <si>
    <t>茶寮ぜんざいカロリー30%オフ</t>
  </si>
  <si>
    <t>レトルトぜんざい</t>
  </si>
  <si>
    <t>しるこ　4袋入</t>
  </si>
  <si>
    <t>抹茶あずき</t>
  </si>
  <si>
    <t>五穀とつぶあんのおしるこ</t>
  </si>
  <si>
    <t>２８Ｇ</t>
  </si>
  <si>
    <t>さくらあん　田舎風ぜんざい　３人前</t>
  </si>
  <si>
    <t>１４０ｇ×３</t>
  </si>
  <si>
    <t>栗入り　ぜんざい</t>
  </si>
  <si>
    <t>餅付ぜんざい　２人前</t>
  </si>
  <si>
    <t>１９０ｇ×２</t>
  </si>
  <si>
    <t>ﾀﾆｵｼﾖｸﾘﾖｳ</t>
  </si>
  <si>
    <t>さくらあん生あん仕立てぜんざい</t>
  </si>
  <si>
    <t>さくらあん生あん仕立て栗入ぜんざい</t>
  </si>
  <si>
    <t>牛乳で溶かして飲むしるこラテ</t>
  </si>
  <si>
    <t>水ようかんこしあん</t>
  </si>
  <si>
    <t>水ようかん抹茶</t>
  </si>
  <si>
    <t>さくらあんゆで小豆白ラベルEO</t>
  </si>
  <si>
    <t>焼き栗ぜんざい</t>
  </si>
  <si>
    <t>ﾔﾏﾃﾞﾗｱﾝ</t>
  </si>
  <si>
    <t>冷しぜんざい</t>
  </si>
  <si>
    <t>山寺庵　冷やしぜんざい　３Ｐ</t>
  </si>
  <si>
    <t>68g×3</t>
  </si>
  <si>
    <t>山寺庵　冷やしぜんざい　6Ｐ</t>
  </si>
  <si>
    <t>68g×6</t>
  </si>
  <si>
    <t>レンジであったか珈琲ぜんざい</t>
  </si>
  <si>
    <t>レンジであったかクリームぜんざい</t>
  </si>
  <si>
    <t>ぜんざい甘さ控えめ</t>
  </si>
  <si>
    <t>泉万醸造</t>
  </si>
  <si>
    <t>ｲｽﾞﾏﾝ</t>
  </si>
  <si>
    <t>利休抹茶あんみつ</t>
  </si>
  <si>
    <t>ﾂﾎﾞｼｼﾁｬﾎﾝﾎ</t>
  </si>
  <si>
    <t>ぜんざい十勝小豆</t>
  </si>
  <si>
    <t>おしるこフリーズドライ</t>
  </si>
  <si>
    <t>マルシン_カップしるこ</t>
  </si>
  <si>
    <t>マルシン_ココアしるこ</t>
  </si>
  <si>
    <t>マルシン食品　カップしるこ　１５０ｇ</t>
  </si>
  <si>
    <t>福福しるこ餅付き</t>
  </si>
  <si>
    <t>プリン・ゼリー・シャーベット</t>
  </si>
  <si>
    <t>プリン・杏仁豆腐・ババロア</t>
  </si>
  <si>
    <t>プリンスプリン</t>
  </si>
  <si>
    <t>ヨシナ</t>
  </si>
  <si>
    <t>ﾖｼﾅ</t>
  </si>
  <si>
    <t>甜杏仁豆腐</t>
  </si>
  <si>
    <t>Ｍ・アヴァンス</t>
  </si>
  <si>
    <t>ﾊﾙｴ</t>
  </si>
  <si>
    <t>贅沢果実マンゴープリン箱</t>
  </si>
  <si>
    <t>ﾎﾟｯｶｻｯﾎﾟﾛﾌ</t>
  </si>
  <si>
    <t>カップ杏仁豆腐</t>
  </si>
  <si>
    <t>とっておきデザートマンゴープリン</t>
  </si>
  <si>
    <t>とっておきデザート杏仁豆腐</t>
  </si>
  <si>
    <t>ババロリアバニラ</t>
  </si>
  <si>
    <t>ｲﾅ</t>
  </si>
  <si>
    <t>ババロリアストロベリー</t>
  </si>
  <si>
    <t>スイーツスティック　辻利　宇治抹茶プリンの素</t>
  </si>
  <si>
    <t>バンホーテン_チョコレートプリンの素</t>
  </si>
  <si>
    <t>15g*4</t>
  </si>
  <si>
    <t>辻利宇治抹茶プリン</t>
  </si>
  <si>
    <t>共栄製茶　森半　宇治抹茶ぷりんの素　袋</t>
  </si>
  <si>
    <t>アガーのくちどけ　抹茶プリン</t>
  </si>
  <si>
    <t>葛もちっプリン</t>
  </si>
  <si>
    <t>陳健一_杏仁豆腐</t>
  </si>
  <si>
    <t>陳健一杏仁豆腐</t>
  </si>
  <si>
    <t>杏仁豆腐</t>
  </si>
  <si>
    <t>お菓子百科やわらか杏仁</t>
  </si>
  <si>
    <t>お菓子百科カスタードプリン</t>
  </si>
  <si>
    <t>ツクロウ　カスタードプリン</t>
  </si>
  <si>
    <t>クリームババロア</t>
  </si>
  <si>
    <t>伊藤久右衛門宇治抹茶プリン</t>
  </si>
  <si>
    <t>ぷるるんプリンいちごミルク</t>
  </si>
  <si>
    <t>ぷるるんプリン_カスタード</t>
  </si>
  <si>
    <t>ぷるるんプリン_チョコ</t>
  </si>
  <si>
    <t>ハローキティカスタードプリン</t>
  </si>
  <si>
    <t>ハローキティイチゴミルクプリン</t>
  </si>
  <si>
    <t>宇治抹茶プリン</t>
  </si>
  <si>
    <t>クリームブリュレ</t>
  </si>
  <si>
    <t>とろけるプリン</t>
  </si>
  <si>
    <t>とろけるプリンプーさんカスタ</t>
  </si>
  <si>
    <t>とろけるプリンスティッチョコ</t>
  </si>
  <si>
    <t>43.3g</t>
  </si>
  <si>
    <t>プリンミクス</t>
  </si>
  <si>
    <t>カスタードプリンエル</t>
  </si>
  <si>
    <t>黒ごまプリン</t>
  </si>
  <si>
    <t>杏仁ミルクプリン</t>
  </si>
  <si>
    <t>プリンエル</t>
  </si>
  <si>
    <t>魅惑のプリン_マンゴー</t>
  </si>
  <si>
    <t>魅惑のプリン_レアチーズ風</t>
  </si>
  <si>
    <t>朝からスイーツマンゴープリン</t>
  </si>
  <si>
    <t>朝からスイーツ杏仁豆腐</t>
  </si>
  <si>
    <t>くちどけドルチェ　ショコラ</t>
  </si>
  <si>
    <t>葛プリンの素　抹茶</t>
  </si>
  <si>
    <t>葛プリンの素　黒糖</t>
  </si>
  <si>
    <t>聘珍楼ジャパン　聘珍茶寮　杏仁豆腐　杏雲　１１５ｇ</t>
  </si>
  <si>
    <t>ﾍｲﾁﾝﾛｳｼﾞｬﾊ</t>
  </si>
  <si>
    <t>マンゴープリンの素</t>
  </si>
  <si>
    <t>ﾍｲﾁﾝﾛｳ</t>
  </si>
  <si>
    <t>杏仁豆腐の素杏雲</t>
  </si>
  <si>
    <t>蔵王　ラ・フランスプリン</t>
  </si>
  <si>
    <t>蔵王　青りんごプリン</t>
  </si>
  <si>
    <t>蔵王　いちごプリン</t>
  </si>
  <si>
    <t>クラッシュして楽しむコーヒーゼリーケース</t>
  </si>
  <si>
    <t>ﾜｶﾔﾏ</t>
  </si>
  <si>
    <t>ゼリー・シャーベット・アイス</t>
  </si>
  <si>
    <t>ジェロクランベリー</t>
  </si>
  <si>
    <t>ジェログレープ</t>
  </si>
  <si>
    <t>ジェロピーチ</t>
  </si>
  <si>
    <t>ジェロベリーブルー</t>
  </si>
  <si>
    <t>和菓子屋の黒みつゼリー</t>
  </si>
  <si>
    <t>寒天プレーン</t>
  </si>
  <si>
    <t>寒天レモン</t>
  </si>
  <si>
    <t>寒天青りんご</t>
  </si>
  <si>
    <t>寒天入り冷やしぜんざい</t>
  </si>
  <si>
    <t>ミルク寒天冷やしぜんざい</t>
  </si>
  <si>
    <t>カップゼリー８０℃　ストロベリー</t>
  </si>
  <si>
    <t>カップゼリー　青りんご</t>
  </si>
  <si>
    <t>カップゼリーぶどう</t>
  </si>
  <si>
    <t>カップゼリー　コーヒー</t>
  </si>
  <si>
    <t>蒟蒻寒天ゼリーコーヒー</t>
  </si>
  <si>
    <t>蒟蒻寒天ゼリーぶどう</t>
  </si>
  <si>
    <t>カップゼリー８０Ｃ　コーヒー</t>
  </si>
  <si>
    <t>カップゼリー８０Ｃ　ストロ</t>
  </si>
  <si>
    <t>アオリンゴ</t>
  </si>
  <si>
    <t>カップゼリー８０℃コーヒー</t>
  </si>
  <si>
    <t>カップゼリー８０℃ストロベリー</t>
  </si>
  <si>
    <t>かんてんぱぱ牛乳寒天の素</t>
  </si>
  <si>
    <t>シャーベイチゴ</t>
  </si>
  <si>
    <t>シャーベメロン</t>
  </si>
  <si>
    <t>シャーベチョコレート</t>
  </si>
  <si>
    <t>シャーべマンゴ</t>
  </si>
  <si>
    <t>シャーベ青りんご</t>
  </si>
  <si>
    <t>シャーべキウイ＆アップル</t>
  </si>
  <si>
    <t>シャーベフルーツミックス</t>
  </si>
  <si>
    <t>アガーのくちどけ　ゆずゼリー</t>
  </si>
  <si>
    <t>アガーのくちどけ　梅ゼリー</t>
  </si>
  <si>
    <t>金魚すくいゼリー</t>
  </si>
  <si>
    <t>かんぴい　甘美庵　寒天入り冷やしぜんざい</t>
  </si>
  <si>
    <t>かんぴい　甘美庵　寒天入り冷やし抹茶しるこ</t>
  </si>
  <si>
    <t>バニラミルクアイス</t>
  </si>
  <si>
    <t>ミルクチョコアイス</t>
  </si>
  <si>
    <t>宇治まっ茶アイス</t>
  </si>
  <si>
    <t>めちゃラクアイスの素バニラ風味</t>
  </si>
  <si>
    <t>めちゃラクアイスの素コールドストーン</t>
  </si>
  <si>
    <t>マジカルゼリーイチゴ</t>
  </si>
  <si>
    <t>マジカルゼリーメロン</t>
  </si>
  <si>
    <t>ゼリエースいちご</t>
  </si>
  <si>
    <t>ゼリエースメロン</t>
  </si>
  <si>
    <t>シャービックイチゴ</t>
  </si>
  <si>
    <t>シャービックメロン</t>
  </si>
  <si>
    <t>ゼリエースイチゴ味</t>
  </si>
  <si>
    <t>ゼリエースメロン味</t>
  </si>
  <si>
    <t>ゼリエースイチゴ</t>
  </si>
  <si>
    <t>朝からスイーツ黒糖寒天</t>
  </si>
  <si>
    <t>ソフトクリームをつくろう</t>
  </si>
  <si>
    <t>凍らせて食べるしるこバー</t>
  </si>
  <si>
    <t>凍らせて食べる甘酒バー</t>
  </si>
  <si>
    <t>さくらあん凍らせて食べるしるこアイス</t>
  </si>
  <si>
    <t>さくらあん凍らせて食べる甘酒アイス</t>
  </si>
  <si>
    <t>凍らせて食べるみかんアイス</t>
  </si>
  <si>
    <t>さくらあん凍らせて食べるりんごアイス</t>
  </si>
  <si>
    <t>凍らせて食べるぶどうアイス</t>
  </si>
  <si>
    <t>70GX4</t>
  </si>
  <si>
    <t>凍らせて食べる白桃アイス</t>
  </si>
  <si>
    <t>ウインナーコーヒーゼリー</t>
  </si>
  <si>
    <t>ミルク寒天みかん</t>
  </si>
  <si>
    <t>ミルク寒天パイン＆黄桃</t>
  </si>
  <si>
    <t>クラッシュして楽しむコーヒーゼリー</t>
  </si>
  <si>
    <t>凍らせて食べるレモンジュレ</t>
  </si>
  <si>
    <t>凍らせて食べるパインジュレ</t>
  </si>
  <si>
    <t>春をあじわうさくらゼリー</t>
  </si>
  <si>
    <t>68g×4</t>
  </si>
  <si>
    <t>果肉入りフルーツジュレ贅沢みかん4個入り</t>
  </si>
  <si>
    <t>果肉入りフルーツジュレご褒美白桃4個入り</t>
  </si>
  <si>
    <t>信州の和梨ジュース</t>
  </si>
  <si>
    <t>ゴールドパック</t>
  </si>
  <si>
    <t>ｺﾞｰﾙﾄﾞﾊﾟｯｸ</t>
  </si>
  <si>
    <t>信州のぶどうジュースパウチ</t>
  </si>
  <si>
    <t>信州のりんごジュースパウチ</t>
  </si>
  <si>
    <t>山梨のももジュースパウチ</t>
  </si>
  <si>
    <t>くずゼリー</t>
  </si>
  <si>
    <t>抹茶くずゼリー</t>
  </si>
  <si>
    <t>ラカントLS低糖質アイスMパウダー濃厚バニラ</t>
  </si>
  <si>
    <t>フルーチェ系</t>
  </si>
  <si>
    <t>グルっとシェイク　いちご</t>
  </si>
  <si>
    <t>グルッとシェイク　バナナ</t>
  </si>
  <si>
    <t>星ふるデザートいちご</t>
  </si>
  <si>
    <t>星ふるデザート　　りんご</t>
  </si>
  <si>
    <t>星ふるデザートブルーベリー</t>
  </si>
  <si>
    <t>ミルクでぷるっと星ふるデザートブル</t>
  </si>
  <si>
    <t>ミルクで星ふるイチゴ</t>
  </si>
  <si>
    <t>ミルクで星フルマンゴー</t>
  </si>
  <si>
    <t>ぷるるんデザート　りんご</t>
  </si>
  <si>
    <t>ぷるるんデザート_メロン果肉入り</t>
  </si>
  <si>
    <t>あけぼの　プルルンデザートマンゴー</t>
  </si>
  <si>
    <t>ぷるるんデザート杏仁豆腐黄桃</t>
  </si>
  <si>
    <t>ｱｹﾎﾞﾝ</t>
  </si>
  <si>
    <t>ぷるるんデザート_ぶどう</t>
  </si>
  <si>
    <t>ぷるるんデザート_マンゴー</t>
  </si>
  <si>
    <t>ぷるるんデザート　パイン果肉入り</t>
  </si>
  <si>
    <t>ぷるるんデザート　果肉メロン味</t>
  </si>
  <si>
    <t>ぷるるんデザート　杏仁豆腐風</t>
  </si>
  <si>
    <t>ぷるるんデザート　みかん</t>
  </si>
  <si>
    <t>ニチロぷるるんいちご</t>
  </si>
  <si>
    <t>ぷるるん　デザート　ピーチ</t>
  </si>
  <si>
    <t>ぷるるんデザートブルーベリー</t>
  </si>
  <si>
    <t>ぷるるんデザートいちご</t>
  </si>
  <si>
    <t>ぷるるんデザートいちご果肉入</t>
  </si>
  <si>
    <t>ぷるるんデザートピーチ</t>
  </si>
  <si>
    <t>フルーチェいちご</t>
  </si>
  <si>
    <t>フルーチェ　ピーチ</t>
  </si>
  <si>
    <t>フルーチェメロン</t>
  </si>
  <si>
    <t>フルーチェ　ぶどう</t>
  </si>
  <si>
    <t>フルーチェブルーベリー</t>
  </si>
  <si>
    <t>フルーチェ　マンゴー</t>
  </si>
  <si>
    <t>フルーチェ　シトラスミックス</t>
  </si>
  <si>
    <t>フルーチェ亜細亜マンゴーミックス</t>
  </si>
  <si>
    <t>フルーチェ亜細亜杏仁フルーツ</t>
  </si>
  <si>
    <t>牛乳でつくるフルーチェオレンジ</t>
  </si>
  <si>
    <t>牛乳でつくるフルーチェイチゴ</t>
  </si>
  <si>
    <t>フルーチェＭＩＸベリー</t>
  </si>
  <si>
    <t>フルーチェアジア杏仁Ｆ</t>
  </si>
  <si>
    <t>フルーチェアジアマンゴＭ</t>
  </si>
  <si>
    <t>フルーチェＭＩＸオレンジ</t>
  </si>
  <si>
    <t>Ｆアジアマンゴーミックス</t>
  </si>
  <si>
    <t>フルーチェミックスピーチ</t>
  </si>
  <si>
    <t>フルーチェＣキウイ＆アセロラ</t>
  </si>
  <si>
    <t>フルーチェＣパイナップルシー</t>
  </si>
  <si>
    <t>フルーチェハンディいちご</t>
  </si>
  <si>
    <t>フルーチェＨＤみかん＆ＧＦ</t>
  </si>
  <si>
    <t>ベジタブルフルーチェ</t>
  </si>
  <si>
    <t>フルーチェＨＤタイプ_オレン</t>
  </si>
  <si>
    <t>フルーチェカスタードリンゴ</t>
  </si>
  <si>
    <t>フルーチェミックスベリー</t>
  </si>
  <si>
    <t>フルーチェマンゴー</t>
  </si>
  <si>
    <t>フルーチェホワイトチョコイチゴ</t>
  </si>
  <si>
    <t>フルーチェバナナ</t>
  </si>
  <si>
    <t>フローズンフルーチェイチゴ</t>
  </si>
  <si>
    <t>フローズンフルーチェマンゴー</t>
  </si>
  <si>
    <t>フルーチェレアチーズＢＢ</t>
  </si>
  <si>
    <t>フローズンフルーチェブルーベリー</t>
  </si>
  <si>
    <t>フルーチェ　ゴールデンパイン</t>
  </si>
  <si>
    <t>フルーチェスイーツ　ホワイトチョコ風味のバナナ</t>
  </si>
  <si>
    <t>フルーチェトロピカルﾐｯｸｽ</t>
  </si>
  <si>
    <t>フローズンフルーチェゴールデンパイン</t>
  </si>
  <si>
    <t>フルーチェ贅沢イチゴ</t>
  </si>
  <si>
    <t>フルーチェ贅沢ピーチ</t>
  </si>
  <si>
    <t>フルーチェ　ストロベリーバナナ</t>
  </si>
  <si>
    <t>フローズンフルーチェピーチオレンジ</t>
  </si>
  <si>
    <t>フルーチェライト　イチゴ＆ざくろ</t>
  </si>
  <si>
    <t>フルーチェライト　アサイーミックス</t>
  </si>
  <si>
    <t>フルーチェ　ソルティパイン</t>
  </si>
  <si>
    <t>フルーチェ贅沢ミックスベリー</t>
  </si>
  <si>
    <t>フルーチェミックス　オレンジマンゴー</t>
  </si>
  <si>
    <t>フルーチェピーチベリー</t>
  </si>
  <si>
    <t>フルーチェミックス　ストロベリーバナナ</t>
  </si>
  <si>
    <t>夏のフルーチェ_柑橘黄金ミックス</t>
  </si>
  <si>
    <t>フローズン_フルーチェブルーベリー</t>
  </si>
  <si>
    <t>フローズン_フルーチェイチゴ</t>
  </si>
  <si>
    <t>フルーチェ　ブルーベリーブドウ</t>
  </si>
  <si>
    <t>フルーチェ　蜜りんご味</t>
  </si>
  <si>
    <t>ハウス　フルーチェ　ソルテイピーチ　２００ｇ</t>
  </si>
  <si>
    <t>ハウス　フローズンフルーチェメロン　１８０ｇ</t>
  </si>
  <si>
    <t>フルーチエ白桃ゴールドキウイ</t>
  </si>
  <si>
    <t>シャリーチェスイカ</t>
  </si>
  <si>
    <t>シャリーチェ和梨</t>
  </si>
  <si>
    <t>夏のフルーチェ和柑橘ミックス</t>
  </si>
  <si>
    <t>わふーちぇ黒蜜きなこ</t>
  </si>
  <si>
    <t>わふーちぇ抹茶</t>
  </si>
  <si>
    <t>乳酸菌フルーチェイチゴ</t>
  </si>
  <si>
    <t>フルーチェ甘熟パイン</t>
  </si>
  <si>
    <t>フルーチェ濃厚ブルーベリーブドウ</t>
  </si>
  <si>
    <t>フルーチェ濃厚マンゴー</t>
  </si>
  <si>
    <t>わふーちぇ　黒蜜きなこ</t>
  </si>
  <si>
    <t>わふーちぇ　和栗</t>
  </si>
  <si>
    <t>フルーチェ濃厚イチゴチェリー</t>
  </si>
  <si>
    <t>シャリーチェレモンスカッシュ味</t>
  </si>
  <si>
    <t>シャリーチェグレープソーダ味</t>
  </si>
  <si>
    <t>シャリーチェスイカソーダ味</t>
  </si>
  <si>
    <t>夏のフルーチェ5種の柑橘ミックス</t>
  </si>
  <si>
    <t>フルーチェSweetsストロベリーレアチーズ味</t>
  </si>
  <si>
    <t>フルーチェSweetsマンゴー杏仁</t>
  </si>
  <si>
    <t>フルーチェ濃厚パイン</t>
  </si>
  <si>
    <t>シャリーチェホワイトソーダ味</t>
  </si>
  <si>
    <t>フルーチェピーチマスカット</t>
  </si>
  <si>
    <t>フルーチェ　濃厚マンゴーグァバ</t>
  </si>
  <si>
    <t>シャリーチェ×カルピス</t>
  </si>
  <si>
    <t>フルーチェ×カルピスピーチ</t>
  </si>
  <si>
    <t>フルーチェSweetsキャラメルバナナ</t>
  </si>
  <si>
    <t>フルーチェ清見オレンジ＆温州みかん</t>
  </si>
  <si>
    <t>フルーチェ濃厚ゴールドキウイ＆パイン</t>
  </si>
  <si>
    <t>フルーチェSweetsマンゴープリン</t>
  </si>
  <si>
    <t>ご当地くだものフルーチェ福島県産あかつき桃</t>
  </si>
  <si>
    <t>ご当地くだものフルーチェ瀬戸内広島レモン</t>
  </si>
  <si>
    <t>ご当地くだものフルーチェ山梨県産シャインマスカット</t>
  </si>
  <si>
    <t>今日の贅沢スイーツ　抹茶</t>
  </si>
  <si>
    <t>今日の贅沢スイーツ　メープル</t>
  </si>
  <si>
    <t>今日の贅沢スイーツ_ショコラ</t>
  </si>
  <si>
    <t>その他デザート即席</t>
  </si>
  <si>
    <t>グルッとシェイク　ブドウ</t>
  </si>
  <si>
    <t>牛乳で作るザク切りいちご</t>
  </si>
  <si>
    <t>牛乳で作るまるごとブルーベリ</t>
  </si>
  <si>
    <t>まるごとベリーベリー</t>
  </si>
  <si>
    <t>ザク切りいちご</t>
  </si>
  <si>
    <t>ザク切りいちごカレンダー</t>
  </si>
  <si>
    <t>るごとベリーベリー</t>
  </si>
  <si>
    <t>まるごとベリーベリーカレンダー</t>
  </si>
  <si>
    <t>8.8g</t>
  </si>
  <si>
    <t>ざく切りももカレンダー</t>
  </si>
  <si>
    <t>ちょこっとザク切りいちご</t>
  </si>
  <si>
    <t>5.3g×6</t>
  </si>
  <si>
    <t>カップDeパインアップル</t>
  </si>
  <si>
    <t>インスタントタピオカ紅茶ミルクティー</t>
  </si>
  <si>
    <t>イトウ</t>
  </si>
  <si>
    <t>インスタントタピオカグリーンミルクティー</t>
  </si>
  <si>
    <t>ﾋﾛｺｰﾎﾟﾚｰｼｮ</t>
  </si>
  <si>
    <t>タピオカ烏龍ミルクティ</t>
  </si>
  <si>
    <t>東亜産業</t>
  </si>
  <si>
    <t>ﾄｳｱｻﾝｷﾞｮｳ</t>
  </si>
  <si>
    <t>タピオカ紅茶ミルクティ</t>
  </si>
  <si>
    <t>タピオカ抹茶ミルクティ</t>
  </si>
  <si>
    <t>タピオカジャスミンミルクティ</t>
  </si>
  <si>
    <t>ベジックス国産16種の雑穀スムージー</t>
  </si>
  <si>
    <t>ベジックススムージー　マンゴー風味</t>
  </si>
  <si>
    <t>7g×7</t>
  </si>
  <si>
    <t>ベジックススムージー　ベリー風味</t>
  </si>
  <si>
    <t>ＲＩＺＡＰ　ＤＳビスケットバニラ　２８ｇ</t>
  </si>
  <si>
    <t>ＲＩＺＡＰ</t>
  </si>
  <si>
    <t>ＲＩＺＡＰ　ＤＳビスケットココア　２８ｇ</t>
  </si>
  <si>
    <t>緑豆湯</t>
  </si>
  <si>
    <t>ふわり　涼あんみつ</t>
  </si>
  <si>
    <t>ゆであずきＣだんごの素</t>
  </si>
  <si>
    <t>手作りおはぎ国産米</t>
  </si>
  <si>
    <t>和菓子屋のみつ豆黒みつ</t>
  </si>
  <si>
    <t>和菓子屋のみつ豆白みつ</t>
  </si>
  <si>
    <t>和菓子屋のみつ豆苺みつ</t>
  </si>
  <si>
    <t>和菓子屋のあんみつ抹茶みつ</t>
  </si>
  <si>
    <t>手づくりセット　グルメポップコーン　キャラメル</t>
  </si>
  <si>
    <t>手づくりセット　グルメポップコーン　チーズ</t>
  </si>
  <si>
    <t>手づくりセット　グルメポップコーン　ｺｰﾝﾎﾟﾀｰｼﾞｭ</t>
  </si>
  <si>
    <t>スライス白玉</t>
  </si>
  <si>
    <t>あわあわメロンソーダ</t>
  </si>
  <si>
    <t>あわあわソーダラムネ</t>
  </si>
  <si>
    <t>フルフルメロンソーダ</t>
  </si>
  <si>
    <t>オレンヂソーダの素</t>
  </si>
  <si>
    <t>パインソーダの素</t>
  </si>
  <si>
    <t>フルフルグレープソーダ</t>
  </si>
  <si>
    <t>もちぷっち</t>
  </si>
  <si>
    <t>ミルクで星ふるメロン</t>
  </si>
  <si>
    <t>ミルクたっぷりあさりクリーム</t>
  </si>
  <si>
    <t>ひとくち抹茶わらびもち</t>
  </si>
  <si>
    <t>ひとくち黒糖くずきり</t>
  </si>
  <si>
    <t>レアチーズケーキストロベリー</t>
  </si>
  <si>
    <t>レアチーズケーキ　プレーン</t>
  </si>
  <si>
    <t>レアチーズケーキ_ストロベリー</t>
  </si>
  <si>
    <t>ﾛﾙﾌ</t>
  </si>
  <si>
    <t>レアチーズケーキ_プレーン</t>
  </si>
  <si>
    <t>レアチーズケーキ瀬戸内レモン</t>
  </si>
  <si>
    <t>レアチーズケーキ国産マスクメロン</t>
  </si>
  <si>
    <t>レアチーズプリンりんご</t>
  </si>
  <si>
    <t>ﾎｲｺｳ</t>
  </si>
  <si>
    <t>レアチーズプリンみかん</t>
  </si>
  <si>
    <t>レアチーズプリンバニラ</t>
  </si>
  <si>
    <t>紀州南高梅ドリンク</t>
  </si>
  <si>
    <t>17g×4P</t>
  </si>
  <si>
    <t>かんたんいちごムースの素</t>
  </si>
  <si>
    <t>ミルキーマジックストロベリー</t>
  </si>
  <si>
    <t>3本入</t>
  </si>
  <si>
    <t>ﾒｲﾎｳｼｮｸﾋﾝ</t>
  </si>
  <si>
    <t>ミルキーマジックチョコバナナ</t>
  </si>
  <si>
    <t>ミルキーマジックチョコレート</t>
  </si>
  <si>
    <t>ミルキーマジックキャラメル</t>
  </si>
  <si>
    <t>黒みつ風味きなこ餅の素</t>
  </si>
  <si>
    <t>おもち亭もちとからめてくるみ</t>
  </si>
  <si>
    <t>おもち亭　もちとからめて栗</t>
  </si>
  <si>
    <t>おもち亭黒みつきな粉</t>
  </si>
  <si>
    <t>おもち亭五平餅風たれの素</t>
  </si>
  <si>
    <t>黒糖わらびもちカップ入り</t>
  </si>
  <si>
    <t>黒糖わらびもちきなこソースの素付き</t>
  </si>
  <si>
    <t>黒糖わらびもち抹茶ソースの素付き</t>
  </si>
  <si>
    <t>194.9g</t>
  </si>
  <si>
    <t>手作りタピオカミックス</t>
  </si>
  <si>
    <t>フルーツあめの素</t>
  </si>
  <si>
    <t>キャプテン大人のレモネードのもと瓶200ml</t>
  </si>
  <si>
    <t>キャプテン　大人のメロンソーダのもと　２００ｍｌ</t>
  </si>
  <si>
    <t>キャプテン大人のイチゴオーレのもと</t>
  </si>
  <si>
    <t>キャプテン大人のバナナオーレのもと</t>
  </si>
  <si>
    <t>喜和味豆かんてん</t>
  </si>
  <si>
    <t>ずんだ茶寮監修パキッテずんだあん</t>
  </si>
  <si>
    <t>山寺庵　水ようかん　３Ｐ</t>
  </si>
  <si>
    <t>72g×3</t>
  </si>
  <si>
    <t>山寺庵　水ようかん　6Ｐ</t>
  </si>
  <si>
    <t>栗ようかん</t>
  </si>
  <si>
    <t>芋ようかん</t>
  </si>
  <si>
    <t>蔵王高原イチゴミルクの素</t>
  </si>
  <si>
    <t>蔵王マンゴーミルクの素</t>
  </si>
  <si>
    <t>蔵王バナナミルクの素</t>
  </si>
  <si>
    <t>フルーツミルクの素</t>
  </si>
  <si>
    <t>メロンミルクの素</t>
  </si>
  <si>
    <t>さくらラテの素</t>
  </si>
  <si>
    <t>いちごミルクの素</t>
  </si>
  <si>
    <t>アレンジして楽しむわらびもち</t>
  </si>
  <si>
    <t>Fru-Suブルーベリー×アップルビネガー</t>
  </si>
  <si>
    <t>Fru-Suパイン×アップルビネガー</t>
  </si>
  <si>
    <t>Fru-Suみかん×アップルビネガー</t>
  </si>
  <si>
    <t>ハッピーナタデココうみのおともだち</t>
  </si>
  <si>
    <t>アレンジして楽しむわらびもちケース</t>
  </si>
  <si>
    <t>和歌山産業　バーモントみつ豆　195ｇ</t>
  </si>
  <si>
    <t>112gｶｯﾌﾟ</t>
  </si>
  <si>
    <t>イシカワ</t>
  </si>
  <si>
    <t>ｲｼｶﾜ</t>
  </si>
  <si>
    <t>ピーチ</t>
  </si>
  <si>
    <t>117gｶｯﾌﾟ</t>
  </si>
  <si>
    <t>アップル</t>
  </si>
  <si>
    <t>121gｶｯﾌﾟ</t>
  </si>
  <si>
    <t>104gｶｯﾌﾟ</t>
  </si>
  <si>
    <t>86gｶｯﾌﾟ</t>
  </si>
  <si>
    <t>ブラックタピオカ</t>
  </si>
  <si>
    <t>和歌山のみかんジュースパウチ</t>
  </si>
  <si>
    <t>30秒でわらびもち</t>
  </si>
  <si>
    <t>ジンジャーエール</t>
  </si>
  <si>
    <t>レモンエール</t>
  </si>
  <si>
    <t>TOKYOクラフトコーラ</t>
  </si>
  <si>
    <t>大豆習慣納豆と柿の種</t>
  </si>
  <si>
    <t>P</t>
  </si>
  <si>
    <t>水まんじゅう</t>
  </si>
  <si>
    <t>シンプリーデリシャスミューズリー</t>
  </si>
  <si>
    <t>ﾄﾞ-ｾｯﾄ</t>
  </si>
  <si>
    <t>シンプリーフルーティーミューズリー</t>
  </si>
  <si>
    <t>クランベリー・チェリー＆アーモンドミューズリー</t>
  </si>
  <si>
    <t>３２５ｇ</t>
  </si>
  <si>
    <t>ﾄﾞｰｾｯﾄ</t>
  </si>
  <si>
    <t>リアリーナッティミューズリー</t>
  </si>
  <si>
    <t>ハイファイバーミューズリー</t>
  </si>
  <si>
    <t>ベリーグラノーラ</t>
  </si>
  <si>
    <t>５５０ｇ</t>
  </si>
  <si>
    <t>シンプリーナッツグラノーラ</t>
  </si>
  <si>
    <t>クイックミルクバニラ</t>
  </si>
  <si>
    <t>ﾌｪﾙﾌｫﾙﾃﾞｨ</t>
  </si>
  <si>
    <t>クイックミルクチョコレート</t>
  </si>
  <si>
    <t>宝商事</t>
  </si>
  <si>
    <t>クイックミルクストロベリー</t>
  </si>
  <si>
    <t>クイックミルクバナナ</t>
  </si>
  <si>
    <t>クイックミルクキャラメル</t>
  </si>
  <si>
    <t>クイックミルクビスケット</t>
  </si>
  <si>
    <t>ﾌｪﾙﾌｫﾙﾃﾞ</t>
  </si>
  <si>
    <t>クイックミルクフルーティーシリアル</t>
  </si>
  <si>
    <t>ﾌｪﾙﾌｪﾙﾃﾞｨ</t>
  </si>
  <si>
    <t>ミラクルストローシッパーチョコ</t>
  </si>
  <si>
    <t>スリーシェフタピオカ</t>
  </si>
  <si>
    <t>ｷｮｳﾄﾞｳｼｮｸﾋ</t>
  </si>
  <si>
    <t>練乳・シロップ・ソース・あん</t>
  </si>
  <si>
    <t>練乳・ホイップ</t>
  </si>
  <si>
    <t>北海道練乳</t>
  </si>
  <si>
    <t>雪印メグミルク　北海道練乳　脂肪ゼロ　１３０ｇ</t>
  </si>
  <si>
    <t>ﾕｷ</t>
  </si>
  <si>
    <t>森永　ミルクチューブ</t>
  </si>
  <si>
    <t>森永ミルクチューブ入り</t>
  </si>
  <si>
    <t>スプレーホイップ</t>
  </si>
  <si>
    <t>クオカザーネワンダーホイップクリーム</t>
  </si>
  <si>
    <t>SKW</t>
  </si>
  <si>
    <t>ｻﾞｰﾈﾜﾝﾀﾞｰﾁｮｺﾚｰﾄ</t>
  </si>
  <si>
    <t>ｺﾝﾃﾞﾝｽｸﾘｰﾑ</t>
  </si>
  <si>
    <t>エバミルク</t>
  </si>
  <si>
    <t>ｴﾝｼﾞｪﾙ</t>
  </si>
  <si>
    <t>イーグル調整練乳缶</t>
  </si>
  <si>
    <t>レイテモサ</t>
  </si>
  <si>
    <t>いちごにかけましょう</t>
  </si>
  <si>
    <t>11ml×5</t>
  </si>
  <si>
    <t>クリーミーホイップ</t>
  </si>
  <si>
    <t>森永ミルク缶入り</t>
  </si>
  <si>
    <t>森永練乳ミルクチューブ</t>
  </si>
  <si>
    <t>ミルクチューブ入り</t>
  </si>
  <si>
    <t>397G</t>
  </si>
  <si>
    <t>森永ミルクチューブ入り　96P</t>
  </si>
  <si>
    <t>96P</t>
  </si>
  <si>
    <t>ﾓﾘﾅｶﾞﾆｭｳﾘｮ</t>
  </si>
  <si>
    <t>かんたんホイップ</t>
  </si>
  <si>
    <t>スノ－ホイツプ　チョコ</t>
  </si>
  <si>
    <t>コンデンスミルク４８０Ｇ</t>
  </si>
  <si>
    <t>かんたん　ホイップ</t>
  </si>
  <si>
    <t>コンデンスミルク大容量</t>
  </si>
  <si>
    <t>北海道乳業</t>
  </si>
  <si>
    <t>ﾎｸﾆｭｳ</t>
  </si>
  <si>
    <t>北海道コンデンスミルク大容量</t>
  </si>
  <si>
    <t>カーネーション加糖練乳タイプ</t>
  </si>
  <si>
    <t>イーグルソフト</t>
  </si>
  <si>
    <t>VINAMILKコンデンスクリーム</t>
  </si>
  <si>
    <t>かき氷</t>
  </si>
  <si>
    <t>氷みついちご味</t>
  </si>
  <si>
    <t>氷みつブルーハワイ味</t>
  </si>
  <si>
    <t>氷みつメロン味500ml</t>
  </si>
  <si>
    <t>氷みつ　みぞれ</t>
  </si>
  <si>
    <t>氷みつ　イチゴ</t>
  </si>
  <si>
    <t>氷みつ　レモン</t>
  </si>
  <si>
    <t>氷みつ　メロン</t>
  </si>
  <si>
    <t>氷みつ　ブルーハワイ</t>
  </si>
  <si>
    <t>氷みつみぞれ</t>
  </si>
  <si>
    <t>氷みつメロン</t>
  </si>
  <si>
    <t>氷みつレモン</t>
  </si>
  <si>
    <t>こだわりの氷みつパイン</t>
  </si>
  <si>
    <t>氷みつ_いちご</t>
  </si>
  <si>
    <t>こだわりの氷みついちご</t>
  </si>
  <si>
    <t>こだわりの氷みつ抹茶</t>
  </si>
  <si>
    <t>こだわりの氷みつぶどう</t>
  </si>
  <si>
    <t>氷みつ　コーラ</t>
  </si>
  <si>
    <t>こだわりの氷みつ_メロン</t>
  </si>
  <si>
    <t>こだわりの氷みつ_マンゴー</t>
  </si>
  <si>
    <t>氷みつ　ハワイアンブルー</t>
  </si>
  <si>
    <t>氷みつハワイアンブルー</t>
  </si>
  <si>
    <t>井村屋　こだわりの氷みつ　白桃　１５０ｇ</t>
  </si>
  <si>
    <t>こだわりの氷みつ_レモン</t>
  </si>
  <si>
    <t>こだわりの氷みつ　ぶどう</t>
  </si>
  <si>
    <t>新食感ふわっとかき氷の素　練乳味</t>
  </si>
  <si>
    <t>ふわっとかき氷の素ソーダ</t>
  </si>
  <si>
    <t>こだわりの氷みつ梨</t>
  </si>
  <si>
    <t>井村屋　カフェフラッペ　ミルクティー　１５０ｇ</t>
  </si>
  <si>
    <t>井村屋　カフェフラッペ　カフェモカ　１５０ｇ</t>
  </si>
  <si>
    <t>氷にかけましょいちごミルク</t>
  </si>
  <si>
    <t>氷にかけかしょ茶ミルク</t>
  </si>
  <si>
    <t>氷にかけましょラムネ風味</t>
  </si>
  <si>
    <t>氷にかけましょピーチヨーグルト</t>
  </si>
  <si>
    <t>レインボーかき氷シロップ</t>
  </si>
  <si>
    <t>氷シロップ_いちご</t>
  </si>
  <si>
    <t>斎藤飲料工業</t>
  </si>
  <si>
    <t>ｻｲﾄｳｲﾝﾘｮｳ</t>
  </si>
  <si>
    <t>氷シロップ　メロン</t>
  </si>
  <si>
    <t>氷シロップ　ブルーハワイ</t>
  </si>
  <si>
    <t>氷レモンシロップ</t>
  </si>
  <si>
    <t>ハタ鉱泉</t>
  </si>
  <si>
    <t>ﾊﾀｺｳｾﾝ</t>
  </si>
  <si>
    <t>氷みつブルーハワイ</t>
  </si>
  <si>
    <t>マイシロップ宇治</t>
  </si>
  <si>
    <t>マイシロップいちご</t>
  </si>
  <si>
    <t>マイシロップレモン</t>
  </si>
  <si>
    <t>マイシロップブルーラムネ</t>
  </si>
  <si>
    <t>マイシロップメロン</t>
  </si>
  <si>
    <t>ﾏｲｼﾛｯﾌﾟ_あまおうを味わおう</t>
  </si>
  <si>
    <t>ﾏｲｼﾛｯﾌﾟ_日本のﾒﾛﾝを味わう</t>
  </si>
  <si>
    <t>しゅわしゅわかき氷屋さんレモン</t>
  </si>
  <si>
    <t>しゅわしゅわかき氷屋さんソーダ</t>
  </si>
  <si>
    <t>かき氷シロップイチゴ</t>
  </si>
  <si>
    <t>ｻﾝｸﾗｳﾝｶﾄｳ</t>
  </si>
  <si>
    <t>かき氷シロップメロン</t>
  </si>
  <si>
    <t>かき氷シロップ_レモン</t>
  </si>
  <si>
    <t>かき氷シロップブルーハワイ</t>
  </si>
  <si>
    <t>かき氷シロップ　いちご</t>
  </si>
  <si>
    <t>かき氷シロップ_マンゴー</t>
  </si>
  <si>
    <t>かき氷用シロップイチゴ</t>
  </si>
  <si>
    <t>フジコーポレーション</t>
  </si>
  <si>
    <t>ﾌｼﾞ</t>
  </si>
  <si>
    <t>かき氷用シロップメロン</t>
  </si>
  <si>
    <t>かき氷用シロップブルーハワイ</t>
  </si>
  <si>
    <t>かき氷用シロップレモン</t>
  </si>
  <si>
    <t>かき氷用シロップいちご</t>
  </si>
  <si>
    <t>かき氷用シロップ抹茶</t>
  </si>
  <si>
    <t>かき氷用シロップぶどう</t>
  </si>
  <si>
    <t>かき氷用シロップ桃</t>
  </si>
  <si>
    <t>かき氷用シロップパイナップル</t>
  </si>
  <si>
    <t>かき氷用シロップ　みかん</t>
  </si>
  <si>
    <t>かき氷用シロップマンゴー</t>
  </si>
  <si>
    <t>氷みつ</t>
  </si>
  <si>
    <t>友桝飲料</t>
  </si>
  <si>
    <t>ｽﾜﾝ</t>
  </si>
  <si>
    <t>氷かき屋台レモン味</t>
  </si>
  <si>
    <t>氷みつグレープ</t>
  </si>
  <si>
    <t>氷みついちご</t>
  </si>
  <si>
    <t>氷みつハワイアン</t>
  </si>
  <si>
    <t>氷みつマンゴー</t>
  </si>
  <si>
    <t>氷みつ抹茶</t>
  </si>
  <si>
    <t>氷みつコーラ</t>
  </si>
  <si>
    <t>氷みつラムネ</t>
  </si>
  <si>
    <t>氷みつピーチ</t>
  </si>
  <si>
    <t>シロップ・ソース・あん</t>
  </si>
  <si>
    <t>メープル・蜜</t>
  </si>
  <si>
    <t>ケーキシロップメープル</t>
  </si>
  <si>
    <t>シタデールピュアメープルシロップ</t>
  </si>
  <si>
    <t>ｼﾀﾃﾞｰﾙ</t>
  </si>
  <si>
    <t>モナンキャラメルシロップ</t>
  </si>
  <si>
    <t>モナンカシスシロップ</t>
  </si>
  <si>
    <t>モナンココナッツシロップ</t>
  </si>
  <si>
    <t>モナンストロベリ-シロップ</t>
  </si>
  <si>
    <t>モナングレナディンシロップ</t>
  </si>
  <si>
    <t>モナンヘ-ゼルナッツシロップ</t>
  </si>
  <si>
    <t>モナンパッションフルーツシロップ</t>
  </si>
  <si>
    <t>ﾓﾅﾝ_ﾋﾟ-ﾁｼﾛｯﾌﾟ_250ML</t>
  </si>
  <si>
    <t>モナンバニラシロップ</t>
  </si>
  <si>
    <t>モナンブルーキュラソウシロップ</t>
  </si>
  <si>
    <t>モナンチャイティーシロップ</t>
  </si>
  <si>
    <t>ﾓﾅﾝ_ﾍｰｾﾞﾙﾅｯﾂｼﾛｯﾌﾟ_700ML</t>
  </si>
  <si>
    <t>ﾓﾅﾝ_ｽﾄﾛﾍﾞﾘｰｼﾛｯﾌﾟ_700ML</t>
  </si>
  <si>
    <t>ﾓﾅﾝ_ﾗｽﾞﾍﾞﾘｰ_ｼﾛﾂﾌﾟ_700ML</t>
  </si>
  <si>
    <t>ﾓﾅﾝ_ﾛｰｽﾞｼﾛｯﾌﾟ_700ML</t>
  </si>
  <si>
    <t>ﾓﾅﾝ_CORDIALﾗｲﾑ果汁_700ML</t>
  </si>
  <si>
    <t>ヘーゼルナッツ・シロップ</t>
  </si>
  <si>
    <t>抹茶ソース</t>
  </si>
  <si>
    <t>はちみつシロップ</t>
  </si>
  <si>
    <t>みたらし</t>
  </si>
  <si>
    <t>コクと深みのケーキシロップ</t>
  </si>
  <si>
    <t>カラメルシロップ</t>
  </si>
  <si>
    <t>ケーキシロップカロリーハーフ</t>
  </si>
  <si>
    <t>ローヤルゼリー添加百花蜜</t>
  </si>
  <si>
    <t>純粋蜂蜜北海道阿寒国立公園産</t>
  </si>
  <si>
    <t>やまとメープル</t>
  </si>
  <si>
    <t>ﾔﾏﾄﾊﾂﾐﾂ</t>
  </si>
  <si>
    <t>チョコ・キャラメル</t>
  </si>
  <si>
    <t>ハーシーチュコレートシロップ</t>
  </si>
  <si>
    <t>ﾘｰﾄﾞｵﾌJP</t>
  </si>
  <si>
    <t>チョコミルク　チューブいり</t>
  </si>
  <si>
    <t>チョコミルク　チューブ</t>
  </si>
  <si>
    <t>ハーシーチョコレートシロップマレーシア産</t>
  </si>
  <si>
    <t>ﾊ-ｼ-</t>
  </si>
  <si>
    <t>ハーシーズ　キャラメルシロップ</t>
  </si>
  <si>
    <t>マジックシェルチョコレート</t>
  </si>
  <si>
    <t>ディズニーチョコシロップ</t>
  </si>
  <si>
    <t>チョコフォンデュソース</t>
  </si>
  <si>
    <t>ハーシーズ　チョコシロップ　大</t>
  </si>
  <si>
    <t>ハーシーキャラメルシロップ</t>
  </si>
  <si>
    <t>フルーツソース・あん</t>
  </si>
  <si>
    <t>五郎島金時餡トッピング</t>
  </si>
  <si>
    <t>トーストあん</t>
  </si>
  <si>
    <t>あんソース</t>
  </si>
  <si>
    <t>七越</t>
  </si>
  <si>
    <t>ﾅﾅｺｼ</t>
  </si>
  <si>
    <t>ケーキシロップメープルタイプ</t>
  </si>
  <si>
    <t>ミワクのザクロ</t>
  </si>
  <si>
    <t>340?</t>
  </si>
  <si>
    <t>ﾏﾙｼｮｳｷｿｼﾞ</t>
  </si>
  <si>
    <t>パキッテ森永ミルクキャラメルあんソース</t>
  </si>
  <si>
    <t>ブルーベリーソース</t>
  </si>
  <si>
    <t>蔵王ストロベリーソース</t>
  </si>
  <si>
    <t>蔵王キウイソース</t>
  </si>
  <si>
    <t>マンゴーソース</t>
  </si>
  <si>
    <t>ストロベリーソース</t>
  </si>
  <si>
    <t>レモンソース</t>
  </si>
  <si>
    <t>白桃ソース</t>
  </si>
  <si>
    <t>山形県産白桃フルーツソース</t>
  </si>
  <si>
    <t>山形県産ラフランスフルーツソース</t>
  </si>
  <si>
    <t>フルーツ缶</t>
  </si>
  <si>
    <t>大容量缶</t>
  </si>
  <si>
    <t>みかん</t>
  </si>
  <si>
    <t>国産みかん　</t>
  </si>
  <si>
    <t>みかん缶国産</t>
  </si>
  <si>
    <t>みかん国産</t>
  </si>
  <si>
    <t>国産みかん</t>
  </si>
  <si>
    <t>ＥＯ４号缶</t>
  </si>
  <si>
    <t>紀州食品</t>
  </si>
  <si>
    <t>KS</t>
  </si>
  <si>
    <t>沖縄パイン８枚スライス</t>
  </si>
  <si>
    <t>565g</t>
  </si>
  <si>
    <t>沖縄パインピーセス</t>
  </si>
  <si>
    <t>黄桃</t>
  </si>
  <si>
    <t>国産厚切り黄桃4つ割りM2</t>
  </si>
  <si>
    <t>ｻﾝﾖｰﾄ</t>
  </si>
  <si>
    <t>白桃４＃ＥＯ</t>
  </si>
  <si>
    <t>白桃二つ割り国内産</t>
  </si>
  <si>
    <t>白桃EO缶</t>
  </si>
  <si>
    <t>リンゴ　４ツワリ</t>
  </si>
  <si>
    <t>4#</t>
  </si>
  <si>
    <t>トロピカルフルーツメドレー</t>
  </si>
  <si>
    <t>フルーツカクテルEO</t>
  </si>
  <si>
    <t>ﾌﾞﾙｰｽｶｲ</t>
  </si>
  <si>
    <t>フルーツカクテル</t>
  </si>
  <si>
    <t>4ｺﾞｳ</t>
  </si>
  <si>
    <t>ﾗｲｼﾞﾝｸﾞﾌﾙｰﾂｶｸﾃﾙ</t>
  </si>
  <si>
    <t>フルーツミックス缶</t>
  </si>
  <si>
    <t>フルーツミックス（瓶）</t>
  </si>
  <si>
    <t>トロピカルミックス</t>
  </si>
  <si>
    <t>225g×3</t>
  </si>
  <si>
    <t>トロピカルフルーツ</t>
  </si>
  <si>
    <t>フルーツカクテルEO缶</t>
  </si>
  <si>
    <t>カンピー　トロピカルフルーツミックス</t>
  </si>
  <si>
    <t>ｶﾝﾋﾟｰ_ﾄﾛﾋﾟｶﾙﾌﾙｰﾂﾐｯｸｽEO4号_425g</t>
  </si>
  <si>
    <t>楽園果実フルーツミックス</t>
  </si>
  <si>
    <t>ミックスフルーツボトルタイプ</t>
  </si>
  <si>
    <t>ﾗｸｴﾝｶｼﾞﾂ</t>
  </si>
  <si>
    <t>トロピカルフルーツパパイヤパイン</t>
  </si>
  <si>
    <t>フルーツポンチ</t>
  </si>
  <si>
    <t>ホテイ　トロピカルフルーツミックス　缶４２５ｇ</t>
  </si>
  <si>
    <t>フルーツカクテル南アフリカ産</t>
  </si>
  <si>
    <t>ハゴロモ　フルーツカクテル</t>
  </si>
  <si>
    <t>トロピカルフル－ツミックス</t>
  </si>
  <si>
    <t>トロピカルフルーツサラダ　業務用</t>
  </si>
  <si>
    <t>トロピカルフルーツミックス</t>
  </si>
  <si>
    <t>ドール</t>
  </si>
  <si>
    <t>ﾄﾞｰﾙ</t>
  </si>
  <si>
    <t>フルーツミックス４号缶</t>
  </si>
  <si>
    <t>みかん缶</t>
  </si>
  <si>
    <t>みかん４号缶</t>
  </si>
  <si>
    <t>みかん缶4個セット</t>
  </si>
  <si>
    <t>ミカンカン</t>
  </si>
  <si>
    <t>ミカン缶詰</t>
  </si>
  <si>
    <t>パソラ　みかん　瓶</t>
  </si>
  <si>
    <t>ドカンと訳ありみかん</t>
  </si>
  <si>
    <t>ＤＡＸみかん缶</t>
  </si>
  <si>
    <t>みかん（瓶）</t>
  </si>
  <si>
    <t>みかん缶　850g</t>
  </si>
  <si>
    <t>みかん（ﾎｰﾙ）　　1号缶</t>
  </si>
  <si>
    <t>エルムンド</t>
  </si>
  <si>
    <t>ｴﾙﾑﾝﾄﾞ</t>
  </si>
  <si>
    <t>エルムンド_みかん_ﾌﾞﾙｰﾗﾍﾞﾙ</t>
  </si>
  <si>
    <t>みかん缶詰</t>
  </si>
  <si>
    <t>ｱﾘｮｰﾌｰｽﾞ</t>
  </si>
  <si>
    <t>身割れみかん</t>
  </si>
  <si>
    <t>ｱﾘｮｳﾌｽﾞ</t>
  </si>
  <si>
    <t>みかん缶_425ｇ</t>
  </si>
  <si>
    <t>ｴﾇﾃｨT</t>
  </si>
  <si>
    <t>プリムイソベン</t>
  </si>
  <si>
    <t>ﾌｧｰｽﾄP</t>
  </si>
  <si>
    <t>みかん缶EO4号</t>
  </si>
  <si>
    <t>みかん　４号缶</t>
  </si>
  <si>
    <t>中国産みかんＭ３号缶</t>
  </si>
  <si>
    <t>３５０ｇ</t>
  </si>
  <si>
    <t>マンダリンミカン</t>
  </si>
  <si>
    <t>みかん缶　4号</t>
  </si>
  <si>
    <t>大粒みかん</t>
  </si>
  <si>
    <t>みかんサイズ国内産EO缶</t>
  </si>
  <si>
    <t>みかん缶中国産</t>
  </si>
  <si>
    <t>みかんM中国</t>
  </si>
  <si>
    <t>みかん　Ｍ　中国　　　　　　　　　　　　　　　　　　　　　　</t>
  </si>
  <si>
    <t>2ｺﾞｳ</t>
  </si>
  <si>
    <t>みかん中国</t>
  </si>
  <si>
    <t>甘夏みかん</t>
  </si>
  <si>
    <t>果物紀行　みかん</t>
  </si>
  <si>
    <t>425ｇ</t>
  </si>
  <si>
    <t>Ｍみかん身割れ</t>
  </si>
  <si>
    <t>みかん身割れ８５０ｇ</t>
  </si>
  <si>
    <t>ティー・ティー・シー</t>
  </si>
  <si>
    <t>TTC</t>
  </si>
  <si>
    <t>みかん缶国産ＥＯ</t>
  </si>
  <si>
    <t>浅井　　みかん缶</t>
  </si>
  <si>
    <t>フルシーズンみかん</t>
  </si>
  <si>
    <t>ﾌﾙｼｰｽﾞﾝ</t>
  </si>
  <si>
    <t>オレンジ　シロップ漬け</t>
  </si>
  <si>
    <t>ﾗﾝﾄﾞｽｹｰﾌﾟ</t>
  </si>
  <si>
    <t>パイナップルスライス</t>
  </si>
  <si>
    <t>ライジングパインスライス１０枚</t>
  </si>
  <si>
    <t>フィリピン産パインアップル</t>
  </si>
  <si>
    <t>ジェー・ガーバー商会</t>
  </si>
  <si>
    <t>ｺﾝﾀﾃﾞｨﾅ</t>
  </si>
  <si>
    <t>旭食品　パインアップル</t>
  </si>
  <si>
    <t>カンピーパインスライス3号缶10枚入</t>
  </si>
  <si>
    <t>パインスライスK3</t>
  </si>
  <si>
    <t>パインアップルスライス厚さ2倍</t>
  </si>
  <si>
    <t>厚切りパイン５枚</t>
  </si>
  <si>
    <t>パインみかん</t>
  </si>
  <si>
    <t>ホニホ　パインアップル</t>
  </si>
  <si>
    <t>パインカン</t>
  </si>
  <si>
    <t>パインアップルスライス_565g</t>
  </si>
  <si>
    <t>565G</t>
  </si>
  <si>
    <t>パインアップルピーセス</t>
  </si>
  <si>
    <t>567g</t>
  </si>
  <si>
    <t>パインアップルスライス50</t>
  </si>
  <si>
    <t>ベビーパイン</t>
  </si>
  <si>
    <t>パインチビット1/6</t>
  </si>
  <si>
    <t>甘みあっさりパインチビット１／６　タイ産</t>
  </si>
  <si>
    <t>ＴＮＯパインスライス</t>
  </si>
  <si>
    <t>ﾀｲﾖｰ</t>
  </si>
  <si>
    <t>パインアップル</t>
  </si>
  <si>
    <t>スウィーティオパイナップルチャンク</t>
  </si>
  <si>
    <t>スウィーティオゴールドパイン果汁づけ</t>
  </si>
  <si>
    <t>ﾄﾞ-ﾙ</t>
  </si>
  <si>
    <t>パイナップル缶　３号缶</t>
  </si>
  <si>
    <t>ﾌﾟﾗﾝﾃｰｼｮﾝ</t>
  </si>
  <si>
    <t>パインアップルスライス3号缶</t>
  </si>
  <si>
    <t>神戸真田貿易</t>
  </si>
  <si>
    <t>ｺｳﾍﾞｻﾅﾀﾞ</t>
  </si>
  <si>
    <t>スライスパイン果汁漬け　クリアボトル</t>
  </si>
  <si>
    <t>黄桃缶</t>
  </si>
  <si>
    <t>オウトウ</t>
  </si>
  <si>
    <t>パソラ　黄桃　瓶</t>
  </si>
  <si>
    <t>ＤＡＸ黄桃</t>
  </si>
  <si>
    <t>黄桃シラップ漬</t>
  </si>
  <si>
    <t>ﾈｸｽﾄﾄﾚｰﾄﾞ</t>
  </si>
  <si>
    <t>黄桃スライス缶1号</t>
  </si>
  <si>
    <t>フルーツ黄桃</t>
  </si>
  <si>
    <t>ｴﾇﾃｲ</t>
  </si>
  <si>
    <t>ﾌﾟﾘﾑｲﾍﾞｿﾝ</t>
  </si>
  <si>
    <t>オウトウカン</t>
  </si>
  <si>
    <t>黄桃輸入</t>
  </si>
  <si>
    <t>黄桃EO缶</t>
  </si>
  <si>
    <t>オウトウ　ユニユウ　ＩＭＰ</t>
  </si>
  <si>
    <t>黄桃N缶</t>
  </si>
  <si>
    <t>黄桃２つ割</t>
  </si>
  <si>
    <t>黄桃２つ割り　南アフリカ　（レ）</t>
  </si>
  <si>
    <t>イエローピーチハーフ2号缶</t>
  </si>
  <si>
    <t>825g</t>
  </si>
  <si>
    <t>三菱商事</t>
  </si>
  <si>
    <t>ﾄｯﾌﾟﾌｰﾄﾞ</t>
  </si>
  <si>
    <t>白桃４号</t>
  </si>
  <si>
    <t>白桃缶</t>
  </si>
  <si>
    <t>ｺｳﾜ</t>
  </si>
  <si>
    <t>ハクトウ</t>
  </si>
  <si>
    <t>パソラ　白桃　瓶</t>
  </si>
  <si>
    <t>ＤＡＸ白桃</t>
  </si>
  <si>
    <t>みかん　ＥＯ</t>
  </si>
  <si>
    <t>フルーツ白桃</t>
  </si>
  <si>
    <t>ＣＯＦＣＯジャパン</t>
  </si>
  <si>
    <t>ﾄﾖﾅｶ</t>
  </si>
  <si>
    <t>アイサンヨー白桃缶</t>
  </si>
  <si>
    <t>白桃　中国産</t>
  </si>
  <si>
    <t>果物紀行白桃</t>
  </si>
  <si>
    <t>甘みあっさり白桃２つ割り　２０</t>
  </si>
  <si>
    <t>甘みあっさり白桃ダイスカット</t>
  </si>
  <si>
    <t>フルーツミックス　EO</t>
  </si>
  <si>
    <t>白桃_4号缶</t>
  </si>
  <si>
    <t>ﾎﾟﾝｷﾞ</t>
  </si>
  <si>
    <t>丸松物産</t>
  </si>
  <si>
    <t>ﾏﾙﾏﾂ</t>
  </si>
  <si>
    <t>みつ豆杏仁</t>
  </si>
  <si>
    <t>杏仁フルーツ</t>
  </si>
  <si>
    <t>杏仁フルーツEO缶</t>
  </si>
  <si>
    <t>ココナッツ果肉缶</t>
  </si>
  <si>
    <t>TAS</t>
  </si>
  <si>
    <t>レッドチェリー</t>
  </si>
  <si>
    <t>チエリー缶</t>
  </si>
  <si>
    <t>チェリー</t>
  </si>
  <si>
    <t>洋梨</t>
  </si>
  <si>
    <t>グレープフルーツ</t>
  </si>
  <si>
    <t>洋梨（輸入）</t>
  </si>
  <si>
    <t>洋ナシ2つ割った</t>
  </si>
  <si>
    <t>ナタデココパウチ</t>
  </si>
  <si>
    <t>いちごライトシラップ</t>
  </si>
  <si>
    <t>マンゴー輸入品4号缶</t>
  </si>
  <si>
    <t>甘みあっさりフルーツミックス</t>
  </si>
  <si>
    <t>甘みあっさり　りんごスライス</t>
  </si>
  <si>
    <t>甘みあっさりりんごダイスカット</t>
  </si>
  <si>
    <t>マンゴーダイスカット（タイ産）</t>
  </si>
  <si>
    <t>マンゴーダイスカット</t>
  </si>
  <si>
    <t>甘みあっさりナタデココ</t>
  </si>
  <si>
    <t>甘みあっさりアロエダイスカット</t>
  </si>
  <si>
    <t>洋梨缶</t>
  </si>
  <si>
    <t>スウィーティオマンゴー</t>
  </si>
  <si>
    <t>完熟マンゴー缶</t>
  </si>
  <si>
    <t>グレープフルーツ　シロップ漬け</t>
  </si>
  <si>
    <t>ビデカ　プチポワール</t>
  </si>
  <si>
    <t>ナチュラルブルーム</t>
  </si>
  <si>
    <t>ﾅﾁｭﾗﾙﾌﾞﾙｰﾑ</t>
  </si>
  <si>
    <t>国内製造</t>
  </si>
  <si>
    <t>フルーツポンチ４＃ＥＯ</t>
  </si>
  <si>
    <t>白桃缶国内製造</t>
  </si>
  <si>
    <t>白桃　国内製造品</t>
  </si>
  <si>
    <t>すごい乳酸菌フルーツみつ豆</t>
  </si>
  <si>
    <t>九州産みかん入りみつ豆</t>
  </si>
  <si>
    <t>みつ豆</t>
  </si>
  <si>
    <t>フルーツみつ豆</t>
  </si>
  <si>
    <t>フルーツミツマメ４＃ＥＯ</t>
  </si>
  <si>
    <t>黒みつ豆</t>
  </si>
  <si>
    <t>白みつ豆</t>
  </si>
  <si>
    <t>フルーツみつ豆　４号</t>
  </si>
  <si>
    <t>さくらんぼ</t>
  </si>
  <si>
    <t>EO５</t>
  </si>
  <si>
    <t>黄金桃5号缶</t>
  </si>
  <si>
    <t>瀬戸内産みかんEO</t>
  </si>
  <si>
    <t>国産白桃5号</t>
  </si>
  <si>
    <t>カロリー１／２黄桃</t>
  </si>
  <si>
    <t>F7号缶</t>
  </si>
  <si>
    <t>カロリー１／２杏仁豆腐</t>
  </si>
  <si>
    <t>国産りんご缶_一口カット</t>
  </si>
  <si>
    <t>りんご一口カットEO</t>
  </si>
  <si>
    <t>フルーツみつ豆EO</t>
  </si>
  <si>
    <t>讃岐物産　国産果実白桃215ｇ</t>
  </si>
  <si>
    <t>讃岐缶詰</t>
  </si>
  <si>
    <t>サンヨー堂みかんEOF2号缶</t>
  </si>
  <si>
    <t>国産天草使用抹茶豆寒天</t>
  </si>
  <si>
    <t>びわ身割れ長崎県産</t>
  </si>
  <si>
    <t>ｷﾝﾀｲﾖｰ</t>
  </si>
  <si>
    <t>日本のめぐみ山形育ちらふらんす</t>
  </si>
  <si>
    <t>ｴﾑﾜｲ</t>
  </si>
  <si>
    <t>日本のめぐみ山形育ちさくらんぼ</t>
  </si>
  <si>
    <t>みつ豆黒蜜</t>
  </si>
  <si>
    <t>国産天草使用黒みつ豆寒天</t>
  </si>
  <si>
    <t>パインアップル＆マンゴー</t>
  </si>
  <si>
    <t>カロリー１／２白桃</t>
  </si>
  <si>
    <t>甘みあっさりオレンジ</t>
  </si>
  <si>
    <t>白桃4号缶</t>
  </si>
  <si>
    <t>甘夏みかん身割れ国内産</t>
  </si>
  <si>
    <t>特7号缶</t>
  </si>
  <si>
    <t>国産白桃</t>
  </si>
  <si>
    <t>甘みあっさり白桃</t>
  </si>
  <si>
    <t>EO-5</t>
  </si>
  <si>
    <t>マンゴーひとくちカットF2号缶</t>
  </si>
  <si>
    <t>EOF2号</t>
  </si>
  <si>
    <t>厚切パインひとくちカット</t>
  </si>
  <si>
    <t>国産五種の果実EO5号缶</t>
  </si>
  <si>
    <t>ミックスフルーツ缶</t>
  </si>
  <si>
    <t>おやつフルーツ</t>
  </si>
  <si>
    <t>びわＥＯ</t>
  </si>
  <si>
    <t>甘みあっさりフルーツポンチ</t>
  </si>
  <si>
    <t>甘みあっさり杏仁フルーツ</t>
  </si>
  <si>
    <t>甘みあっさり甘夏</t>
  </si>
  <si>
    <t>甘みあっさりピーチ黄桃EO缶</t>
  </si>
  <si>
    <t>甘味あっさりみかん</t>
  </si>
  <si>
    <t>日本のめぐみ山形育ち白桃もちづき種</t>
  </si>
  <si>
    <t>日本のめぐみ長崎育ち青島みかん</t>
  </si>
  <si>
    <t>日本のめぐみ5種の果実</t>
  </si>
  <si>
    <t>はごろもトロピカルフルーツ</t>
  </si>
  <si>
    <t>はごろも　甘味あっさりヨーグルト用</t>
  </si>
  <si>
    <t>小容量缶</t>
  </si>
  <si>
    <t>国分　にっぽんの果実　愛媛県紅まどんな　缶１８５ｇ</t>
  </si>
  <si>
    <t>国産みかん_Ｅ．Ｏ</t>
  </si>
  <si>
    <t>沖縄県産パインアップル</t>
  </si>
  <si>
    <t>国産厚切り白桃M2</t>
  </si>
  <si>
    <t>東北産白桃EO</t>
  </si>
  <si>
    <t>にっぽんの果実東北産白桃あかつきEOM2号缶</t>
  </si>
  <si>
    <t>にっぽんの果実山形県産白桃195g</t>
  </si>
  <si>
    <t>日本の果実　東北産白桃</t>
  </si>
  <si>
    <t>195ｇ</t>
  </si>
  <si>
    <t>国産厚切りりんご</t>
  </si>
  <si>
    <t>国産厚切り洋梨</t>
  </si>
  <si>
    <t>にっぽんの果実りんごふじEOM2号缶</t>
  </si>
  <si>
    <t>国分　ＫＫにっぽんの果実　東北産洋梨ＥＯＭ２号缶</t>
  </si>
  <si>
    <t>EO　M2号缶</t>
  </si>
  <si>
    <t>ピオーネ</t>
  </si>
  <si>
    <t>国産りんご4つ割</t>
  </si>
  <si>
    <t>讃岐物産　国産果実洋梨215ｇ</t>
  </si>
  <si>
    <t>ジーナカラマンシージュース</t>
  </si>
  <si>
    <t>ごろっとみかん</t>
  </si>
  <si>
    <t>ｶﾝﾋﾟｰﾄﾛﾋﾟｶﾙﾌﾙｰﾂﾐｯｸｽ(ﾗｲﾄ)F2号缶</t>
  </si>
  <si>
    <t>フルーツMIX</t>
  </si>
  <si>
    <t>食べきりフルーツミックス</t>
  </si>
  <si>
    <t>パインミカン</t>
  </si>
  <si>
    <t>はごろも　甘みあっさり　パイン　２９５ｇ</t>
  </si>
  <si>
    <t>朝からフルーツヨーグルト専用</t>
  </si>
  <si>
    <t>パイン＆ナタデココ</t>
  </si>
  <si>
    <t>パイン＆星型ナタデココ</t>
  </si>
  <si>
    <t>スィーティオパインスライス缶</t>
  </si>
  <si>
    <t>マンゴーチャンク</t>
  </si>
  <si>
    <t>ナタデココ</t>
  </si>
  <si>
    <t>155gｶｯﾌﾟ</t>
  </si>
  <si>
    <t>花生仁湯（ピーナッツスープ）</t>
  </si>
  <si>
    <t>ﾅﾔ</t>
  </si>
  <si>
    <t>みかん　中国産</t>
  </si>
  <si>
    <t>みかん缶　</t>
  </si>
  <si>
    <t>Tascoココナッツミルク</t>
  </si>
  <si>
    <t>コンタディーナパインスライス</t>
  </si>
  <si>
    <t>ｼﾞｪｰｶﾞｰﾊﾞｰ</t>
  </si>
  <si>
    <t>カンピー　パインアップル　１００％果汁入り　Ｆ２</t>
  </si>
  <si>
    <t>ゴールデンパインアップルひとくちカットEOF2号缶</t>
  </si>
  <si>
    <t>パインアップルEO</t>
  </si>
  <si>
    <t>EOK3</t>
  </si>
  <si>
    <t>厚切パインカットE.O</t>
  </si>
  <si>
    <t>パインアップル４つ割</t>
  </si>
  <si>
    <t>はごろも　甘みあっさりパイン</t>
  </si>
  <si>
    <t>ラ・フランス4つ割</t>
  </si>
  <si>
    <t>日本のめぐみ青森育ちりんご</t>
  </si>
  <si>
    <t>パインアップルスライス</t>
  </si>
  <si>
    <t>星型ナタデココ</t>
  </si>
  <si>
    <t>国産黄桃</t>
  </si>
  <si>
    <t>黄桃スライス缶</t>
  </si>
  <si>
    <t>F2号缶</t>
  </si>
  <si>
    <t>オウトウＥＯ</t>
  </si>
  <si>
    <t>黄桃スライス</t>
  </si>
  <si>
    <t>あんみつ黒みつ</t>
  </si>
  <si>
    <t>カロリー１／２フルーツミックス</t>
  </si>
  <si>
    <t>果物紀行　黄桃</t>
  </si>
  <si>
    <t>チェリー（瓶）</t>
  </si>
  <si>
    <t>セイウ　黄桃　ＥＯ　４号缶</t>
  </si>
  <si>
    <t>425G</t>
  </si>
  <si>
    <t>セイウ　白桃　ＥＯ　４号缶</t>
  </si>
  <si>
    <t>すごい乳酸菌マンゴープリン</t>
  </si>
  <si>
    <t>オーストラリア黄桃</t>
  </si>
  <si>
    <t>トロピカルフルーツEO</t>
  </si>
  <si>
    <t>白桃スライスEOF2号</t>
  </si>
  <si>
    <t>３００Ｇ</t>
  </si>
  <si>
    <t>国産果実りんごEO８号缶</t>
  </si>
  <si>
    <t>豆かんてん（黒蜜）</t>
  </si>
  <si>
    <t>４号</t>
  </si>
  <si>
    <t>チェリー枝付き</t>
  </si>
  <si>
    <t>食べきりフルーツ白桃</t>
  </si>
  <si>
    <t>白桃二つ割国産</t>
  </si>
  <si>
    <t>４号缶</t>
  </si>
  <si>
    <t>りんご缶詰</t>
  </si>
  <si>
    <t>夏みかん缶詰5号</t>
  </si>
  <si>
    <t>パイン＆黄桃</t>
  </si>
  <si>
    <t>ミックスフルーツ100</t>
  </si>
  <si>
    <t>レッドチェリーEO</t>
  </si>
  <si>
    <t>佐竹商事</t>
  </si>
  <si>
    <t>ｻﾀｹ</t>
  </si>
  <si>
    <t>レッドチェリーＥＯ　ＳＳ２</t>
  </si>
  <si>
    <t>ﾀｲ産7ｵﾝｽﾏﾝｺﾞﾋﾟｭｰﾚ入り</t>
  </si>
  <si>
    <t>TASジャックフルーツインシロップ</t>
  </si>
  <si>
    <t>黄桃缶5号缶</t>
  </si>
  <si>
    <t>三洋通商_白桃缶(プルトップ)_５号缶</t>
  </si>
  <si>
    <t>洋梨5号缶</t>
  </si>
  <si>
    <t>ココナッツミルクEO缶</t>
  </si>
  <si>
    <t>165ｍｌ</t>
  </si>
  <si>
    <t>紅豆蓮子湯</t>
  </si>
  <si>
    <t>牛乳花生ピーナッツミルク</t>
  </si>
  <si>
    <t>カンピーブルーベリー缶</t>
  </si>
  <si>
    <t>SS2号</t>
  </si>
  <si>
    <t>カンピー　クランベリー　８５ｇ</t>
  </si>
  <si>
    <t>ｶﾝﾋﾟｰﾏﾝｺﾞｰﾀﾞｲｽｶｯﾄ(ﾗｲﾄ)F2号缶</t>
  </si>
  <si>
    <t>ブレストヨウナシ</t>
  </si>
  <si>
    <t>国内産白桃</t>
  </si>
  <si>
    <t>チェリー枝付豆缶</t>
  </si>
  <si>
    <t>ぶどう</t>
  </si>
  <si>
    <t>マンゴー一口カット</t>
  </si>
  <si>
    <t>デザートアロエ</t>
  </si>
  <si>
    <t>デザートナタデココ</t>
  </si>
  <si>
    <t>ホテイ　デザートアロエ　タイ産　ＥＯ缶１９０ｇ</t>
  </si>
  <si>
    <t>ホテイデザートナタデココ190g</t>
  </si>
  <si>
    <t>甘みあっさりフルーツミツマメ</t>
  </si>
  <si>
    <t>ブルーベリー缶</t>
  </si>
  <si>
    <t>びわ缶詰</t>
  </si>
  <si>
    <t>ライチ缶詰</t>
  </si>
  <si>
    <t>アロエベラ</t>
  </si>
  <si>
    <t>讃岐物産　国産果実山形黄桃215ｇ</t>
  </si>
  <si>
    <t>ココナッツウォーター</t>
  </si>
  <si>
    <t>トウガン茶</t>
  </si>
  <si>
    <t>タマリンド飲料</t>
  </si>
  <si>
    <t>にっぽんの果実ミックスフルーツEOM2号缶</t>
  </si>
  <si>
    <t>にっぽんの果実瀬戸内産八朔EOM2号缶</t>
  </si>
  <si>
    <t>寒天と白桃</t>
  </si>
  <si>
    <t>ヨーグルトフルーツミックス</t>
  </si>
  <si>
    <t>フルーツミックスE.O</t>
  </si>
  <si>
    <t>パイン＆みかんE.O</t>
  </si>
  <si>
    <t>アロエパイン</t>
  </si>
  <si>
    <t>低カロリーフルーツミックスEO</t>
  </si>
  <si>
    <t>K7号缶</t>
  </si>
  <si>
    <t>家族でフルーツ　ミックス</t>
  </si>
  <si>
    <t>朝からフルーツパイミン</t>
  </si>
  <si>
    <t>くだものの森パイン＆みかん</t>
  </si>
  <si>
    <t>EO_M2</t>
  </si>
  <si>
    <t>くだものの森ミックスフルーツ</t>
  </si>
  <si>
    <t>くだものの森黄桃＆ナタデココ</t>
  </si>
  <si>
    <t>家族でフルーツ　みかん</t>
  </si>
  <si>
    <t>朝からフルーツみかん</t>
  </si>
  <si>
    <t>朝からフルーツオレンジ</t>
  </si>
  <si>
    <t>朝からフルーツ黄桃EO缶</t>
  </si>
  <si>
    <t>おやつにみかん８号</t>
  </si>
  <si>
    <t>低カロリー黄桃EO</t>
  </si>
  <si>
    <t>朝からフルーツパイン</t>
  </si>
  <si>
    <t>低カロリー白桃EO</t>
  </si>
  <si>
    <t>白桃2つ割りEO缶</t>
  </si>
  <si>
    <t>朝からフルーツ白桃</t>
  </si>
  <si>
    <t>ココミル杏仁豆腐みかん</t>
  </si>
  <si>
    <t>ココミル杏仁豆腐パイン</t>
  </si>
  <si>
    <t>みつ豆EO</t>
  </si>
  <si>
    <t>低カロリー_杏仁フルーツ</t>
  </si>
  <si>
    <t>低カロリー_フルーツみつ豆</t>
  </si>
  <si>
    <t>毎日キラキラ_フルーツみつ豆</t>
  </si>
  <si>
    <t>家族でフルーツ　みつ豆</t>
  </si>
  <si>
    <t>家族でフルーツ杏仁</t>
  </si>
  <si>
    <t>アサカラフルーツ　アンニン</t>
  </si>
  <si>
    <t>朝からフルーツみつ豆</t>
  </si>
  <si>
    <t>朝からフルーツ杏仁</t>
  </si>
  <si>
    <t>国産大粒みかん</t>
  </si>
  <si>
    <t>さくらんぼ缶</t>
  </si>
  <si>
    <t>カンピーさくらんぼＳＰ</t>
  </si>
  <si>
    <t>ヨーグルト_りんご</t>
  </si>
  <si>
    <t>チェリー缶</t>
  </si>
  <si>
    <t>チェリー枝付</t>
  </si>
  <si>
    <t>家族でフルーツりんご一口カット</t>
  </si>
  <si>
    <t>チェリー枝付缶</t>
  </si>
  <si>
    <t>チェリー枝付ＥＯ</t>
  </si>
  <si>
    <t>マンゴ－缶</t>
  </si>
  <si>
    <t>デザート　アロエ</t>
  </si>
  <si>
    <t>GM2</t>
  </si>
  <si>
    <t>さくらんぼ（チェリー）</t>
  </si>
  <si>
    <t>はごろも　チェリー　Ｍ２／ＥＯ　１９５ｇ</t>
  </si>
  <si>
    <t>朝からフルーティ_寒天</t>
  </si>
  <si>
    <t>朝からフルーティアロエ</t>
  </si>
  <si>
    <t>朝からフルーツミックス</t>
  </si>
  <si>
    <t>朝からフルーツナタデココ</t>
  </si>
  <si>
    <t>朝から寒天</t>
  </si>
  <si>
    <t>パウチ</t>
  </si>
  <si>
    <t>フルーツミックスパウチ</t>
  </si>
  <si>
    <t>国分　Ｋ＆Ｋ　日本の果実　ブルーベリー　缶１８５ｇ</t>
  </si>
  <si>
    <t>低カロリー_みかん</t>
  </si>
  <si>
    <t>パパイヤキューブ</t>
  </si>
  <si>
    <t>みかんＥＯ</t>
  </si>
  <si>
    <t>朝からＦパイミン</t>
  </si>
  <si>
    <t>朝からフルーツミックスパウチ</t>
  </si>
  <si>
    <t>甘みあっさりパイミン</t>
  </si>
  <si>
    <t>295G</t>
  </si>
  <si>
    <t>ｱﾛｴｽﾀﾝﾄﾞﾊﾟｯｸ</t>
  </si>
  <si>
    <t>みかんパウチ</t>
  </si>
  <si>
    <t>まんなんフルーツ</t>
  </si>
  <si>
    <t>カロリーOFF　フルーツみつ豆</t>
  </si>
  <si>
    <t>果物の恵みゼリーパイナップル味</t>
  </si>
  <si>
    <t>寒天と２種果実</t>
  </si>
  <si>
    <t>黄桃パウチ</t>
  </si>
  <si>
    <t>白桃パウチ</t>
  </si>
  <si>
    <t>低カロリー_ナタデココ＆フルーツ_E_O</t>
  </si>
  <si>
    <t>朝からフルーツ　オレンジ</t>
  </si>
  <si>
    <t>ミカンカンヅメ</t>
  </si>
  <si>
    <t>みかんブロークン　３号缶</t>
  </si>
  <si>
    <t>国産大粒みかん入りみつ豆</t>
  </si>
  <si>
    <t>チェリーミカン</t>
  </si>
  <si>
    <t>八朔（身割れ）国内産</t>
  </si>
  <si>
    <t>杏仁フルーツEO5号缶</t>
  </si>
  <si>
    <t>デザート　ナタデココ</t>
  </si>
  <si>
    <t>ホームクッキングチェリー</t>
  </si>
  <si>
    <t>朝からフルーツ　ミックス</t>
  </si>
  <si>
    <t>朝からフルーツアロココパウチ</t>
  </si>
  <si>
    <t>ウィダ－ＩＮ_ファイバ－イン</t>
  </si>
  <si>
    <t>フルーツゼリーオレンジ</t>
  </si>
  <si>
    <t>フルーツゼリーパインアップル</t>
  </si>
  <si>
    <t>フルーツゼリーアップル</t>
  </si>
  <si>
    <t>フルーツゼリーグレープＢ</t>
  </si>
  <si>
    <t>フルーツゼリーオレンジＢ</t>
  </si>
  <si>
    <t>くだものの森ナタデココ＆みかん</t>
  </si>
  <si>
    <t>くだものの森パイン＆ナタデココ</t>
  </si>
  <si>
    <t>ﾃﾞﾙｺｺ</t>
  </si>
  <si>
    <t>甘みあっさりミックスパウチ</t>
  </si>
  <si>
    <t>甘味あっさりトロピカルＰ</t>
  </si>
  <si>
    <t>甘みあっさりパイミンパウ</t>
  </si>
  <si>
    <t>ミックスフルーツパウチ</t>
  </si>
  <si>
    <t>甘みあっさりミックス</t>
  </si>
  <si>
    <t>朝からフルーツパイミンパウチ</t>
  </si>
  <si>
    <t>フルーツパウチミックスフルーツ</t>
  </si>
  <si>
    <t>甘みあっさりみかんパウチ</t>
  </si>
  <si>
    <t>ﾖｰｸﾞﾙﾄで食べようﾊﾟｳﾁ_みかん</t>
  </si>
  <si>
    <t>朝からフルーツみかんパウチ</t>
  </si>
  <si>
    <t>フルーツパウチみかん</t>
  </si>
  <si>
    <t>ドールフルーツパウチみかん</t>
  </si>
  <si>
    <t>甘みあっさりパインＰ</t>
  </si>
  <si>
    <t>甘みあっさりパイン</t>
  </si>
  <si>
    <t>朝からフルーツパインパウチ</t>
  </si>
  <si>
    <t>朝からフルーツゴールデンパインパウチ</t>
  </si>
  <si>
    <t>フルーツパウチスウィーティオパイン</t>
  </si>
  <si>
    <t>朝からフルーツ黄桃パウチ</t>
  </si>
  <si>
    <t>甘みあっさり黄桃パウチ</t>
  </si>
  <si>
    <t>甘みあっさり白桃Ｐ</t>
  </si>
  <si>
    <t>朝からフルーツ白桃パウチ</t>
  </si>
  <si>
    <t>ココミル杏仁豆腐プレーン</t>
  </si>
  <si>
    <t>朝からフルーツみつ豆パウチ</t>
  </si>
  <si>
    <t>朝からフルーツ杏仁パウチ</t>
  </si>
  <si>
    <t>蔵王_杏仁ﾌﾙｰﾂ</t>
  </si>
  <si>
    <t>蔵王_ﾌﾙｰﾂみつ豆</t>
  </si>
  <si>
    <t>WK_ﾊﾞｰﾓﾝﾄ杏仁豆腐</t>
  </si>
  <si>
    <t>蔵王　杏仁ﾌﾙｰﾂ</t>
  </si>
  <si>
    <t>蔵王杏仁フルーツ</t>
  </si>
  <si>
    <t>甘みあっさりゼリーミックス</t>
  </si>
  <si>
    <t>甘みあっさりゼリーパイン</t>
  </si>
  <si>
    <t>甘みあっさりゼリー厚切りパイン</t>
  </si>
  <si>
    <t>甘みあっさりナタデ＆フルーツ</t>
  </si>
  <si>
    <t>ピュアーイントウニュウショコラホワイト</t>
  </si>
  <si>
    <t>シャーベ　イチゴ</t>
  </si>
  <si>
    <t>シャーベ　メロン</t>
  </si>
  <si>
    <t>シャーベ　チョコ</t>
  </si>
  <si>
    <t>シャーベブルーベリー</t>
  </si>
  <si>
    <t>シャーベキョホウ</t>
  </si>
  <si>
    <t>シャーべバニラ</t>
  </si>
  <si>
    <t>スタンドパウチ　ナタデココ</t>
  </si>
  <si>
    <t>ヨーグルト　アロエ</t>
  </si>
  <si>
    <t>ヨーグルト　ナタデココ</t>
  </si>
  <si>
    <t>アロエパウチ</t>
  </si>
  <si>
    <t>ヨーグルトメロンボール</t>
  </si>
  <si>
    <t>ヨーグルトで食べようマンゴ</t>
  </si>
  <si>
    <t>ダイヤドウフ</t>
  </si>
  <si>
    <t>つぶみかんゼリー</t>
  </si>
  <si>
    <t>つぶ甘夏みかんゼリー</t>
  </si>
  <si>
    <t>ピュアインコラーゲン</t>
  </si>
  <si>
    <t>ピュアインブルーベリーエキス</t>
  </si>
  <si>
    <t>ピュアインスリムサポート</t>
  </si>
  <si>
    <t>甘みあっさり　洋なし</t>
  </si>
  <si>
    <t>甘みあっさりマンゴー</t>
  </si>
  <si>
    <t>甘みあっさりマンゴーパウチ</t>
  </si>
  <si>
    <t>甘味あっさりフル－ツセット</t>
  </si>
  <si>
    <t>まるごと濃厚杏仁豆腐</t>
  </si>
  <si>
    <t>まるごと濃厚マンゴープリン</t>
  </si>
  <si>
    <t>フルーツパウチナタデココ</t>
  </si>
  <si>
    <t>フルーツパウチアロエベラ</t>
  </si>
  <si>
    <t>蔵王_ｱﾛｴ</t>
  </si>
  <si>
    <t>蔵王_ﾅﾀﾃﾞｺｺ</t>
  </si>
  <si>
    <t>蔵王_ﾏﾝｺﾞｰﾌﾙｰﾂ(ﾁﾙﾄﾞ)_260G</t>
  </si>
  <si>
    <t>バーモントマンゴープリン</t>
  </si>
  <si>
    <t>蔵王アロエ</t>
  </si>
  <si>
    <t>蔵王　ﾅﾀﾃﾞｺｺ</t>
  </si>
  <si>
    <t>蔵王　ﾏﾝｺﾞｰﾌﾙｰﾂ</t>
  </si>
  <si>
    <t>アロエ</t>
  </si>
  <si>
    <t>ｻﾞｵｳｺｳｹﾞﾝ</t>
  </si>
  <si>
    <t>蔵王高原ナタデココ</t>
  </si>
  <si>
    <t>蔵王高原_マンゴープリン</t>
  </si>
  <si>
    <t>タピオカ</t>
  </si>
  <si>
    <t>蔵王ナタデココ</t>
  </si>
  <si>
    <t>蔵王タピオカ</t>
  </si>
  <si>
    <t>蔵王杏仁豆腐</t>
  </si>
  <si>
    <t>蔵王マンゴープリン</t>
  </si>
  <si>
    <t>蔵王ナタデココ＆ぶどう</t>
  </si>
  <si>
    <t>蔵王ナタデココ＆黄桃</t>
  </si>
  <si>
    <t>いつものアロエ</t>
  </si>
  <si>
    <t>いつものナタデココ</t>
  </si>
  <si>
    <t>杏仁豆腐＆みかん</t>
  </si>
  <si>
    <t>マンゴープリン＆パイン</t>
  </si>
  <si>
    <t>中華（調味料）</t>
  </si>
  <si>
    <t>中華調味料</t>
  </si>
  <si>
    <t>中華材料</t>
  </si>
  <si>
    <t>リキンキオイスターソース</t>
  </si>
  <si>
    <t>李錦記オイスターソース</t>
  </si>
  <si>
    <t>李錦記貝柱入りオイスターソース</t>
  </si>
  <si>
    <t>パンダブランオイスターソース</t>
  </si>
  <si>
    <t>李錦記オイスターソースチューブ</t>
  </si>
  <si>
    <t>李錦記オイスターソース化学調味料無添加</t>
  </si>
  <si>
    <t>李錦記パンダブランドオイスターソーススパウトパウチ</t>
  </si>
  <si>
    <t>140g×4</t>
  </si>
  <si>
    <t>870g</t>
  </si>
  <si>
    <t>ﾚヴ_ｵｲｽﾀｰｿｰｽ_230g</t>
  </si>
  <si>
    <t>クックドゥオイスタ－ソ－ス</t>
  </si>
  <si>
    <t>クックドゥオイスターソース</t>
  </si>
  <si>
    <t>CookDoオイスタープラボトル</t>
  </si>
  <si>
    <t>スペシャルセレクトオイスターソース</t>
  </si>
  <si>
    <t>コーミオイスターソース200gチューブ</t>
  </si>
  <si>
    <t>コーミオイスターソース</t>
  </si>
  <si>
    <t>化学調味料無添加のオイスターソースチューブ</t>
  </si>
  <si>
    <t>炒め用オイスターソース</t>
  </si>
  <si>
    <t>化学調味料無添加オイスターソース</t>
  </si>
  <si>
    <t>化学調味料無添加オイスター</t>
  </si>
  <si>
    <t>成城石井__瀬戸内産かきエキス使用__オイスターソース__２４０</t>
  </si>
  <si>
    <t>大阪王将　オイスターソース　１１５ｇ</t>
  </si>
  <si>
    <t>１１５G</t>
  </si>
  <si>
    <t>アワビオイスターソース</t>
  </si>
  <si>
    <t>贅沢アワビオイスターソース</t>
  </si>
  <si>
    <t>ﾒｶﾞｼｪﾌ</t>
  </si>
  <si>
    <t>中華だしペースト</t>
  </si>
  <si>
    <t>広記ウェイパー</t>
  </si>
  <si>
    <t>創味シャンタンDELUXE缶</t>
  </si>
  <si>
    <t>香味ペースト</t>
  </si>
  <si>
    <t>香味ペースト　【辛】</t>
  </si>
  <si>
    <t>香味ペーストオイスター醤油味</t>
  </si>
  <si>
    <t>香味ペースト塩</t>
  </si>
  <si>
    <t>味の素ＣｏｏｋＤｏ香味２００ｇ缶</t>
  </si>
  <si>
    <t>CookDo香味ペースト</t>
  </si>
  <si>
    <t>CookDo香味ペーストやみつきにんにく醤油味</t>
  </si>
  <si>
    <t>菜館　味中華</t>
  </si>
  <si>
    <t>味龍</t>
  </si>
  <si>
    <t>李錦記　味龍（ウェイロン）チューブ入り</t>
  </si>
  <si>
    <t>李錦記万能中華だしペースト</t>
  </si>
  <si>
    <t>李錦記海鮮中華だしペースト</t>
  </si>
  <si>
    <t>ウエイユ</t>
  </si>
  <si>
    <t>化学調味料無添加のガラスープペースト</t>
  </si>
  <si>
    <t>ﾕｳｷｼﾖｸﾋﾝ</t>
  </si>
  <si>
    <t>味覇</t>
  </si>
  <si>
    <t>プレミアム味覇</t>
  </si>
  <si>
    <t>海鮮味覇</t>
  </si>
  <si>
    <t>Vegan味覇</t>
  </si>
  <si>
    <t>創味シャンタンDELUXE</t>
  </si>
  <si>
    <t>シャンタンDX</t>
  </si>
  <si>
    <t>創味シャンタンやわらかタイプ</t>
  </si>
  <si>
    <t>中華だし顆粒</t>
  </si>
  <si>
    <t>中華あじ瓶</t>
  </si>
  <si>
    <t>パーポー</t>
  </si>
  <si>
    <t>酢豚</t>
  </si>
  <si>
    <t>鶏がらスープの素</t>
  </si>
  <si>
    <t>丸鶏がらスープ　２００ｇ袋_2個ｾｯﾄ</t>
  </si>
  <si>
    <t>２００ｇ*2</t>
  </si>
  <si>
    <t>60g×5</t>
  </si>
  <si>
    <t>顆粒鶏ガラスープ</t>
  </si>
  <si>
    <t>中華あじ袋</t>
  </si>
  <si>
    <t>丸鶏ガラスープ</t>
  </si>
  <si>
    <t>中華あじ</t>
  </si>
  <si>
    <t>丸鶏がらスープ</t>
  </si>
  <si>
    <t>干し貝柱スープ袋</t>
  </si>
  <si>
    <t>丸鶏がらスープ塩分ひかえめ</t>
  </si>
  <si>
    <t>味の素KK鶏白湯スープ40g袋</t>
  </si>
  <si>
    <t>顆粒鶏丸ごとがらスープ</t>
  </si>
  <si>
    <t>丸ごとガラスープ</t>
  </si>
  <si>
    <t>李錦記とんこつ白湯スープ</t>
  </si>
  <si>
    <t>李錦記鶏丸ごとがらスープ化学調味料無添加</t>
  </si>
  <si>
    <t>李錦記がらスープ化学調味料無添加</t>
  </si>
  <si>
    <t>李錦記鶏丸ごとがらスープ袋</t>
  </si>
  <si>
    <t>李錦記鶏丸ごとがらスープ化学調味料無添加袋</t>
  </si>
  <si>
    <t>李錦記鶏がらスープ素材本位袋</t>
  </si>
  <si>
    <t>旨辛だしの素</t>
  </si>
  <si>
    <t>中華だしの素</t>
  </si>
  <si>
    <t>がらスープ</t>
  </si>
  <si>
    <t>クリート</t>
  </si>
  <si>
    <t>徳用中華スープの素12P</t>
  </si>
  <si>
    <t>中華風　だし一番</t>
  </si>
  <si>
    <t>優れだし中華白湯</t>
  </si>
  <si>
    <t>5g×9</t>
  </si>
  <si>
    <t>5*10P</t>
  </si>
  <si>
    <t>マギーブイヨン無添加</t>
  </si>
  <si>
    <t>4g×9</t>
  </si>
  <si>
    <t>トリガラノオダシ</t>
  </si>
  <si>
    <t>丸鶏使用ガラベース</t>
  </si>
  <si>
    <t>がらあじスープの素</t>
  </si>
  <si>
    <t>化学調味料不使用のがらスープ</t>
  </si>
  <si>
    <t>中華の極み</t>
  </si>
  <si>
    <t>冷や汁の素名古屋風赤味噌</t>
  </si>
  <si>
    <t>万能中華</t>
  </si>
  <si>
    <t>味ベース</t>
  </si>
  <si>
    <t>ガラスープ</t>
  </si>
  <si>
    <t>無添加ガラスープ</t>
  </si>
  <si>
    <t>化学調味料無添加のガラスープ</t>
  </si>
  <si>
    <t>減塩ガラスープ</t>
  </si>
  <si>
    <t>化学調味料無添加の貝柱だし</t>
  </si>
  <si>
    <t>やさしい味わいの丸ごと鶏だし</t>
  </si>
  <si>
    <t>貝柱だし</t>
  </si>
  <si>
    <t>成城石井　化学調味料無添加　鶏がらスープ__１３０ｇ</t>
  </si>
  <si>
    <t>化学調味料無添加鶏がらスープ</t>
  </si>
  <si>
    <t>減塩40%カットさらっと溶けるスープの素鶏がら</t>
  </si>
  <si>
    <t>創味シャンタン粉末タイプ</t>
  </si>
  <si>
    <t>菜館四川花椒パウダー</t>
  </si>
  <si>
    <t>ウーシャンフェン</t>
  </si>
  <si>
    <t>李錦記　鶏がらスープの素　缶１２０ｇ</t>
  </si>
  <si>
    <t>天天鶏精調味料</t>
  </si>
  <si>
    <t>ﾕｳｾｲ</t>
  </si>
  <si>
    <t>激辛鍋の素</t>
  </si>
  <si>
    <t>づかちゃんのなまらうまいめんま</t>
  </si>
  <si>
    <t>ナッシュ</t>
  </si>
  <si>
    <t>ﾅｯｼｭ</t>
  </si>
  <si>
    <t>風味豆鼓油制辣椒豆鼓入ラー油</t>
  </si>
  <si>
    <t>老干媽日本</t>
  </si>
  <si>
    <t>ﾗｵｶﾞﾝﾏｰ</t>
  </si>
  <si>
    <t>油辣椒ピーナッツ入ラー油</t>
  </si>
  <si>
    <t>沙茶醤バーベキューソース</t>
  </si>
  <si>
    <t>ｷﾞﾕｳﾄｳﾊｲ</t>
  </si>
  <si>
    <t>チュウカサイカンウーシャンフェン</t>
  </si>
  <si>
    <t>ショウカサイカンホァジョーエンン</t>
  </si>
  <si>
    <t>中華菜館　クコの実</t>
  </si>
  <si>
    <t>中華菜館　生カシュナッツ</t>
  </si>
  <si>
    <t>中華菜館　クルミ</t>
  </si>
  <si>
    <t>中華菜館　干し貝柱</t>
  </si>
  <si>
    <t>菜館赤唐辛子ホール</t>
  </si>
  <si>
    <t>菜館輪切り唐辛子</t>
  </si>
  <si>
    <t>菜館赤唐辛子パウダー</t>
  </si>
  <si>
    <t>菜館八角</t>
  </si>
  <si>
    <t>菜館花椒</t>
  </si>
  <si>
    <t>菜館五香粉</t>
  </si>
  <si>
    <t>菜館花椒塩</t>
  </si>
  <si>
    <t>菜館_香菜</t>
  </si>
  <si>
    <t>菜館干し貝柱</t>
  </si>
  <si>
    <t>菜館干しえび</t>
  </si>
  <si>
    <t>菜館きくらげ</t>
  </si>
  <si>
    <t>菜館クコの実</t>
  </si>
  <si>
    <t>菜館カシューナッツ</t>
  </si>
  <si>
    <t>菜館タピオカ</t>
  </si>
  <si>
    <t>菜館豆鼓</t>
  </si>
  <si>
    <t>菜館花椒パウダー</t>
  </si>
  <si>
    <t>菜館有機スライスにんにく</t>
  </si>
  <si>
    <t>菜館松の実</t>
  </si>
  <si>
    <t>菜館韓国唐辛子パウダー</t>
  </si>
  <si>
    <t>菜館くらげ</t>
  </si>
  <si>
    <t>菜館糸切り唐辛子</t>
  </si>
  <si>
    <t>菜館パクチー</t>
  </si>
  <si>
    <t>CRAFTSTYLE火鍋</t>
  </si>
  <si>
    <t>88.6g</t>
  </si>
  <si>
    <t>町中華豚ばらキャベツの素</t>
  </si>
  <si>
    <t>菜館甘口唐辛子パウダー</t>
  </si>
  <si>
    <t>菜館フライドオニオン油葱酥</t>
  </si>
  <si>
    <t>辛さ満足スパイス</t>
  </si>
  <si>
    <t>紅ナツメ</t>
  </si>
  <si>
    <t>五香粉</t>
  </si>
  <si>
    <t>四川花椒粉</t>
  </si>
  <si>
    <t>おこげ</t>
  </si>
  <si>
    <t>麻辣粉</t>
  </si>
  <si>
    <t>四川花椒油</t>
  </si>
  <si>
    <t>くわい水煮　シェフズチョイス</t>
  </si>
  <si>
    <t>角型　生コーパー　餅米のおこげ</t>
  </si>
  <si>
    <t>唐辛子スライス</t>
  </si>
  <si>
    <t>台湾新竹ビーフン</t>
  </si>
  <si>
    <t>ﾀﾞｲｴｲ</t>
  </si>
  <si>
    <t>大阪王将エビチリの素2人前×2回分</t>
  </si>
  <si>
    <t>大阪王将手作り餃子の素</t>
  </si>
  <si>
    <t>95.6g</t>
  </si>
  <si>
    <t>新旬屋本店金の鶏中華</t>
  </si>
  <si>
    <t>302.8g</t>
  </si>
  <si>
    <t>酒井製麺所</t>
  </si>
  <si>
    <t>ｻｶｲｾｲﾒﾝｼﾞｮ</t>
  </si>
  <si>
    <t>新旬屋本店銀の煮干中華</t>
  </si>
  <si>
    <t>台湾産ビーフン</t>
  </si>
  <si>
    <t>協和ビーフン</t>
  </si>
  <si>
    <t>協和洋行</t>
  </si>
  <si>
    <t>ｷｮｳﾜﾖｳｺｳ</t>
  </si>
  <si>
    <t>ピーワンタン</t>
  </si>
  <si>
    <t>さらっと溶けるスープの素鶏がら</t>
  </si>
  <si>
    <t>スティックタイプさらっと溶けるスープの素鶏がら</t>
  </si>
  <si>
    <t>徳用さらっと溶けるスープの素鶏がら</t>
  </si>
  <si>
    <t>好人家手工火鍋底料</t>
  </si>
  <si>
    <t>珠江橋牌生抽王醤油</t>
  </si>
  <si>
    <t>珠江橋老抽王醤油</t>
  </si>
  <si>
    <t>老干馬火鍋底料</t>
  </si>
  <si>
    <t>中華調味料　瓶</t>
  </si>
  <si>
    <t>ねぎ油</t>
  </si>
  <si>
    <t>にんにく油</t>
  </si>
  <si>
    <t>ピーナッツオイル</t>
  </si>
  <si>
    <t>ラー油</t>
  </si>
  <si>
    <t>焼肉みそダレサムジャン</t>
  </si>
  <si>
    <t>ネギ油</t>
  </si>
  <si>
    <t>豆板醤</t>
  </si>
  <si>
    <t>コチュジャン瓶</t>
  </si>
  <si>
    <t>棒々鶏　１００</t>
  </si>
  <si>
    <t>ぎょうざのたれ</t>
  </si>
  <si>
    <t>カゴメ　チリソース</t>
  </si>
  <si>
    <t>李錦記豆板醤</t>
  </si>
  <si>
    <t>李錦記四川辣豆板醤</t>
  </si>
  <si>
    <t>唐がらしみそ</t>
  </si>
  <si>
    <t>豆鼓醤</t>
  </si>
  <si>
    <t>甜麺醤</t>
  </si>
  <si>
    <t>海鮮XO醤</t>
  </si>
  <si>
    <t>具入りラー油</t>
  </si>
  <si>
    <t>生抽王</t>
  </si>
  <si>
    <t>ロウバ鎮江香酢</t>
  </si>
  <si>
    <t>朝天花椒醤</t>
  </si>
  <si>
    <t>朝天香辣脆</t>
  </si>
  <si>
    <t>豆板醤　瓶入り</t>
  </si>
  <si>
    <t>コチュジャン　瓶入り</t>
  </si>
  <si>
    <t>老風味鶏油辣椒</t>
  </si>
  <si>
    <t>ﾛｰｶﾞﾝﾏ</t>
  </si>
  <si>
    <t>台湾･豆板醤140g</t>
  </si>
  <si>
    <t>台湾･旨辛にんにくダレ</t>
  </si>
  <si>
    <t>台湾･豆板醤460g</t>
  </si>
  <si>
    <t>台湾･旨辛にんにくダレ460g</t>
  </si>
  <si>
    <t>台湾朝天辣椒大王</t>
  </si>
  <si>
    <t>TOEI</t>
  </si>
  <si>
    <t>蒜蓉朝天辣椒</t>
  </si>
  <si>
    <t>ＣｏｏｋＤｏ熟成豆板醤</t>
  </si>
  <si>
    <t>ＣｏｏｋＤｏコチジャン</t>
  </si>
  <si>
    <t>菜館　香ばし葱油</t>
  </si>
  <si>
    <t>ＳＢ　菜館技ありにんにく油</t>
  </si>
  <si>
    <t>とんこつ辛味噌</t>
  </si>
  <si>
    <t>神戸餃子味噌たれ</t>
  </si>
  <si>
    <t>ハインツ　チリソース　340ｇ</t>
  </si>
  <si>
    <t>四川唐辛子みそ豆板醤</t>
  </si>
  <si>
    <t>富士食品工業　これだけ中華しょうゆ炒めの素</t>
  </si>
  <si>
    <t>香り立つ花椒油</t>
  </si>
  <si>
    <t>皇膳房　ナンプラ　瓶</t>
  </si>
  <si>
    <t>辛さ増し増し香ばしラー油</t>
  </si>
  <si>
    <t>フライドにんにくこしょう</t>
  </si>
  <si>
    <t>にんにくおろし</t>
  </si>
  <si>
    <t>甜面醤</t>
  </si>
  <si>
    <t>コチジヤン</t>
  </si>
  <si>
    <t>四川豆板醤</t>
  </si>
  <si>
    <t>芝麻醤</t>
  </si>
  <si>
    <t>生にんにくおろし</t>
  </si>
  <si>
    <t>芝麻醤（ジーマージャン）</t>
  </si>
  <si>
    <t>甜面醤テンメンジャン</t>
  </si>
  <si>
    <t>XO醤</t>
  </si>
  <si>
    <t>激辛辣油</t>
  </si>
  <si>
    <t>老抽王中華たまり醤油風</t>
  </si>
  <si>
    <t>有紀_ﾄｳﾁ醤_130G</t>
  </si>
  <si>
    <t>鎮江香酢</t>
  </si>
  <si>
    <t>えびラー油</t>
  </si>
  <si>
    <t>ごまラー油</t>
  </si>
  <si>
    <t>おろし生姜</t>
  </si>
  <si>
    <t>オホーツク醤瓶</t>
  </si>
  <si>
    <t>しんや</t>
  </si>
  <si>
    <t>ｼﾝﾔ</t>
  </si>
  <si>
    <t>大阪王将餃子のたれ</t>
  </si>
  <si>
    <t>フーチャン　中華料理の素</t>
  </si>
  <si>
    <t>フーチャンの中華料理の素</t>
  </si>
  <si>
    <t>鶴橋班家のコチュジャン</t>
  </si>
  <si>
    <t>味百家　麻婆</t>
  </si>
  <si>
    <t>２６０ml</t>
  </si>
  <si>
    <t>味百家　豆板醤</t>
  </si>
  <si>
    <t>味百家　チンタン</t>
  </si>
  <si>
    <t>味百家　棒棒鶏</t>
  </si>
  <si>
    <t>550ml</t>
  </si>
  <si>
    <t>ﾍﾝｼｭﾝｼﾞﾝｼｬ</t>
  </si>
  <si>
    <t>奥江老抽王</t>
  </si>
  <si>
    <t>ｼﾞｭｼﾞｬﾝﾁｬｵ</t>
  </si>
  <si>
    <t>山西水塔老陳酢</t>
  </si>
  <si>
    <t>ｼｬﾝｼｰｼｭｲﾀｰ</t>
  </si>
  <si>
    <t>マービンチリソース</t>
  </si>
  <si>
    <t>マービン　チリソース</t>
  </si>
  <si>
    <t>ﾏｰﾋﾞﾝ</t>
  </si>
  <si>
    <t>中華調味料　チューブ</t>
  </si>
  <si>
    <t>李錦記豆板醤チューブ</t>
  </si>
  <si>
    <t>李錦記甜麺醤チューブ</t>
  </si>
  <si>
    <t>李錦記コチュジャンチューブ</t>
  </si>
  <si>
    <t>李錦記豆鼓醤チューブ入り</t>
  </si>
  <si>
    <t>李錦記麻辣醤</t>
  </si>
  <si>
    <t>李錦記海鮮XO醤</t>
  </si>
  <si>
    <t>李錦記チリソースチューブ</t>
  </si>
  <si>
    <t>リンガーハットの長崎ちゃんぽんスープ</t>
  </si>
  <si>
    <t>ｱﾘｱｹｼﾞｬﾊﾟﾝ</t>
  </si>
  <si>
    <t>CookDo炒ソース上海オイスター</t>
  </si>
  <si>
    <t>CookDo熟成豆板醤</t>
  </si>
  <si>
    <t>CookDo熟成豆板醤チューブ</t>
  </si>
  <si>
    <t>CookDoコチュジャンチューブ</t>
  </si>
  <si>
    <t>CookDo担々醤チューブ</t>
  </si>
  <si>
    <t>CookDoコチュジャン</t>
  </si>
  <si>
    <t>S＆B　菜館カリー醤　85g</t>
  </si>
  <si>
    <t>町中華シーズニングトマトキムチ</t>
  </si>
  <si>
    <t>町中華シーズニング台湾肉そぼろ</t>
  </si>
  <si>
    <t>菜館炒め物のためのにんにくしょうが</t>
  </si>
  <si>
    <t>菜館仕上げのための味付ねぎしょうが</t>
  </si>
  <si>
    <t>四川豆板醤チューブ</t>
  </si>
  <si>
    <t>ＸＯ醤チューブ</t>
  </si>
  <si>
    <t>甜面醤チューブ</t>
  </si>
  <si>
    <t>コチジャンチューブ</t>
  </si>
  <si>
    <t>１００Ｇ</t>
  </si>
  <si>
    <t>おろし生姜チューブ</t>
  </si>
  <si>
    <t>にんにくおろしチューブ</t>
  </si>
  <si>
    <t>麻辣醤チューブ</t>
  </si>
  <si>
    <t>甜麺?テンメンジャン</t>
  </si>
  <si>
    <t>ディッピングチキンソースチューブ</t>
  </si>
  <si>
    <t>ﾒｰﾌﾟﾗﾅﾑ</t>
  </si>
  <si>
    <t>中華調味料　業務用</t>
  </si>
  <si>
    <t>李錦記四川豆板醤レギュラー</t>
  </si>
  <si>
    <t>特級オイスターソース業務用</t>
  </si>
  <si>
    <t>業務用　中華あじ　顆粒箱</t>
  </si>
  <si>
    <t>中華味</t>
  </si>
  <si>
    <t>コチジャン</t>
  </si>
  <si>
    <t>815g</t>
  </si>
  <si>
    <t>オイスターソース国産カキ使用</t>
  </si>
  <si>
    <t>創味シャンタンDX</t>
  </si>
  <si>
    <t>菜館エビ油</t>
  </si>
  <si>
    <t>えびせん赤</t>
  </si>
  <si>
    <t>えびせん五色</t>
  </si>
  <si>
    <t>常温鴨血</t>
  </si>
  <si>
    <t>ライスペーパー２２ＣＭ</t>
  </si>
  <si>
    <t>パスタ醤油</t>
  </si>
  <si>
    <t>チャーハン醤油</t>
  </si>
  <si>
    <t>陳建民伝承の醤黒酢ソース</t>
  </si>
  <si>
    <t>四川食品工業</t>
  </si>
  <si>
    <t>ｼｾﾝｼｮｸﾋﾝｺｳ</t>
  </si>
  <si>
    <t>陳建民伝承の醤四川豆板醤</t>
  </si>
  <si>
    <t>陳建民伝承の醤甜麺醤</t>
  </si>
  <si>
    <t>陳建民伝承の醤三種の秘伝醤</t>
  </si>
  <si>
    <t>麻薬卵のタレマヤクケランジャン</t>
  </si>
  <si>
    <t>ｱﾙｺFOOD</t>
  </si>
  <si>
    <t>プチッと中華青椒肉糸23g×4個</t>
  </si>
  <si>
    <t>プチッと中華クイック濃厚味噌炒め43g×3</t>
  </si>
  <si>
    <t>プチッと中華クイック香味オイスター炒め43g×3</t>
  </si>
  <si>
    <t>フライドにんにくバター味</t>
  </si>
  <si>
    <t>セゲライスペーパー</t>
  </si>
  <si>
    <t>唐がらしさや</t>
  </si>
  <si>
    <t>糖質オフ棒々鶏中華ごまだれ</t>
  </si>
  <si>
    <t>ガパオライスのたれ</t>
  </si>
  <si>
    <t>魯肉飯のたれ</t>
  </si>
  <si>
    <t>海南チキンライスの素</t>
  </si>
  <si>
    <t>ビビンバ炒飯の素</t>
  </si>
  <si>
    <t>タコライスの素</t>
  </si>
  <si>
    <t>ドライカレーの素</t>
  </si>
  <si>
    <t>大阪王将火鍋の素</t>
  </si>
  <si>
    <t>大阪王将肉野菜炒めの素</t>
  </si>
  <si>
    <t>醇香牛油火鍋底料</t>
  </si>
  <si>
    <t>ｶｲﾃｲﾛｳ</t>
  </si>
  <si>
    <t>八角</t>
  </si>
  <si>
    <t>Hein</t>
  </si>
  <si>
    <t>シナモン（桂皮）</t>
  </si>
  <si>
    <t>焼肉香辛料</t>
  </si>
  <si>
    <t>四川風煮込み香辛料</t>
  </si>
  <si>
    <t>クミン粒</t>
  </si>
  <si>
    <t>ノルデステ肉魚料理用</t>
  </si>
  <si>
    <t>ｻｿﾞﾝ</t>
  </si>
  <si>
    <t>サボールアミ唐辛子無し</t>
  </si>
  <si>
    <t>ｱｼﾞﾉﾓﾄﾌﾞﾗｼ</t>
  </si>
  <si>
    <t>サボールアミ唐辛子入り</t>
  </si>
  <si>
    <t>トリファロッファトラディショナル</t>
  </si>
  <si>
    <t>ﾊﾟﾝｺ</t>
  </si>
  <si>
    <t>中華即席</t>
  </si>
  <si>
    <t>春雨ビーフン</t>
  </si>
  <si>
    <t>麻婆春雨中辛</t>
  </si>
  <si>
    <t>137g×3</t>
  </si>
  <si>
    <t>ナリン本場韓国チャプチェの素</t>
  </si>
  <si>
    <t>食文化</t>
  </si>
  <si>
    <t>ｼｮｸﾌﾞﾝｶ</t>
  </si>
  <si>
    <t>アジアめん上海白湯ビーフン</t>
  </si>
  <si>
    <t>アジア麺台湾焼ビーフン</t>
  </si>
  <si>
    <t>64.4g</t>
  </si>
  <si>
    <t>ススムくん麻婆春雨甘口</t>
  </si>
  <si>
    <t>ススムくん麻婆春雨中辛</t>
  </si>
  <si>
    <t>惣菜中華の素麻婆春雨_甘口</t>
  </si>
  <si>
    <t>惣菜中華の素麻婆春雨_中辛</t>
  </si>
  <si>
    <t>ススムクン麻婆春雨</t>
  </si>
  <si>
    <t>ススムクンマーボハルサメアマクチ</t>
  </si>
  <si>
    <t>ごちそう中華五目焼ビーフン</t>
  </si>
  <si>
    <t>四川風焼ビーフン</t>
  </si>
  <si>
    <t>109.5g</t>
  </si>
  <si>
    <t>赤から十目麻婆春雨</t>
  </si>
  <si>
    <t>スペシャルセレクト_ビーフン</t>
  </si>
  <si>
    <t>焼ﾋﾞｰﾌﾝ醤油味_2人前</t>
  </si>
  <si>
    <t>生活派_焼ﾋﾞｰﾌﾝ豚骨_2人前</t>
  </si>
  <si>
    <t>生活派_焼ﾋﾞｰﾌﾝｶﾚｰ_2人前</t>
  </si>
  <si>
    <t>焼ビーフン３個パック（汁ビーフン付）</t>
  </si>
  <si>
    <t>274g</t>
  </si>
  <si>
    <t>スープツキ、ビーフン</t>
  </si>
  <si>
    <t>白ビーフン業務用</t>
  </si>
  <si>
    <t>焼きビーフンソース付</t>
  </si>
  <si>
    <t>業務用ビーフン</t>
  </si>
  <si>
    <t>ピリ辛汁ビーフン</t>
  </si>
  <si>
    <t>香港炒ビーフン</t>
  </si>
  <si>
    <t>スープビーフンチンゲン采と卵</t>
  </si>
  <si>
    <t>即席汁ビーフン</t>
  </si>
  <si>
    <t>焼きビーフン３Ｐ</t>
  </si>
  <si>
    <t>たっぷり野菜を入れてつくる焼ビーフン</t>
  </si>
  <si>
    <t>焼きビーフン3個ﾊﾟｯｸ旨辛付き</t>
  </si>
  <si>
    <t>焼ビーフン業務用</t>
  </si>
  <si>
    <t>焼ビーフン　こく旨塩焼付</t>
  </si>
  <si>
    <t>野菜を入れてつくる麻婆春雨</t>
  </si>
  <si>
    <t>野菜を入れてつくるプルコギ</t>
  </si>
  <si>
    <t>アジア元気　タッカルビ</t>
  </si>
  <si>
    <t>茄子と春雨オイスターソース炒</t>
  </si>
  <si>
    <t>なすと春雨のオイスターソース</t>
  </si>
  <si>
    <t>マーボーハルサメ　カラクチ</t>
  </si>
  <si>
    <t>永谷園豚キムチ春雨の素</t>
  </si>
  <si>
    <t>麻婆春雨甘口</t>
  </si>
  <si>
    <t>麻婆春雨辛口</t>
  </si>
  <si>
    <t>五目焼きビーフン</t>
  </si>
  <si>
    <t>チャプチェ韓国風春雨炒め</t>
  </si>
  <si>
    <t>海鮮八宝春雨</t>
  </si>
  <si>
    <t>海鮮しお春雨</t>
  </si>
  <si>
    <t>ちゃんぽん春雨炒め　</t>
  </si>
  <si>
    <t>永谷園　アジアタイ和風焼ビーフン</t>
  </si>
  <si>
    <t>海鮮味焼きビーフン</t>
  </si>
  <si>
    <t>五目焼ビーフン鶏ガラ醤油</t>
  </si>
  <si>
    <t>すき焼き春雨</t>
  </si>
  <si>
    <t>胡麻だれ担々春雨</t>
  </si>
  <si>
    <t>鶏白湯春雨</t>
  </si>
  <si>
    <t>炒めて旨いチャプチェ</t>
  </si>
  <si>
    <t>炒めて旨いプルコギ春雨</t>
  </si>
  <si>
    <t>炒めて旨い塩だれ春雨</t>
  </si>
  <si>
    <t>炒めて旨いカレー春雨</t>
  </si>
  <si>
    <t>炒めて旨い麻婆春雨中辛</t>
  </si>
  <si>
    <t>炒めて旨い上海風オイスターソース春雨</t>
  </si>
  <si>
    <t>炒めて旨い麻辣春雨</t>
  </si>
  <si>
    <t>炒めて旨い肉みそ春雨</t>
  </si>
  <si>
    <t>海鮮ちゃんぽん春雨</t>
  </si>
  <si>
    <t>チャプチェの素</t>
  </si>
  <si>
    <t>すき焼き_春雨</t>
  </si>
  <si>
    <t>カレー春雨</t>
  </si>
  <si>
    <t>プルコギ春雨</t>
  </si>
  <si>
    <t>スンドゥブ春雨</t>
  </si>
  <si>
    <t>炒めて旨い麻婆春雨中辛　袋入</t>
  </si>
  <si>
    <t>炒めて旨い　塩だれ春雨</t>
  </si>
  <si>
    <t>ごま豆乳春雨　袋入</t>
  </si>
  <si>
    <t>胡麻だれ坦々春雨</t>
  </si>
  <si>
    <t>丸美屋_XO醤ｵｲｽﾀｰｿｰｽ春雨_210G</t>
  </si>
  <si>
    <t>麻婆春雨</t>
  </si>
  <si>
    <t>ビーフンソース付</t>
  </si>
  <si>
    <t>米粉専家タイ風焼そばパッタイ</t>
  </si>
  <si>
    <t>麻婆タンミョン</t>
  </si>
  <si>
    <t>鶏白湯タンミョン</t>
  </si>
  <si>
    <t>とんこつ醤油タンミョン</t>
  </si>
  <si>
    <t>麻婆豆腐</t>
  </si>
  <si>
    <t>ひき肉入り</t>
  </si>
  <si>
    <t>ススムくんレンジ麻婆豆腐甘口</t>
  </si>
  <si>
    <t>ススムくんレンジ麻婆豆腐中辛</t>
  </si>
  <si>
    <t>ＣＤひき肉入麻婆豆腐甘口</t>
  </si>
  <si>
    <t>ＣＤひき肉入麻婆豆腐辛口</t>
  </si>
  <si>
    <t>レンジで麻婆豆腐　甘口</t>
  </si>
  <si>
    <t>レンジで麻婆豆腐　中辛</t>
  </si>
  <si>
    <t>レンジで麻婆豆腐甘口</t>
  </si>
  <si>
    <t>レンジで麻婆豆腐中辛</t>
  </si>
  <si>
    <t>ひき肉麻婆豆腐甘口</t>
  </si>
  <si>
    <t>206.8g</t>
  </si>
  <si>
    <t>ひき肉麻婆豆腐中辛</t>
  </si>
  <si>
    <t>194.8g</t>
  </si>
  <si>
    <t>ひき肉麻婆豆腐辛口</t>
  </si>
  <si>
    <t>あらびき肉入り麻婆豆腐甘口</t>
  </si>
  <si>
    <t>189.4g</t>
  </si>
  <si>
    <t>あらびき肉入り麻婆豆腐中辛</t>
  </si>
  <si>
    <t>あらびき肉入り麻婆豆腐辛口</t>
  </si>
  <si>
    <t>CookDo_あらびき黒麻婆豆腐用</t>
  </si>
  <si>
    <t>ＣｏｏｋＤｏあらびき赤麻婆豆腐用</t>
  </si>
  <si>
    <t>ＣｏｏｋＤｏあらびき肉入り白麻婆豆腐用</t>
  </si>
  <si>
    <t>ＣＤひき肉入麻婆豆腐中辛</t>
  </si>
  <si>
    <t>CookDoあらびき肉入り黒麻婆豆腐用中辛</t>
  </si>
  <si>
    <t>CookDoあらびき肉入り黒麻婆豆腐用辛口</t>
  </si>
  <si>
    <t>CookDoあらびき肉入り赤麻婆豆腐用中辛</t>
  </si>
  <si>
    <t>CookDoあらびき肉入り麻婆豆腐用甘口</t>
  </si>
  <si>
    <t>CookDoひき肉入り麻婆豆腐用みんなの中辛</t>
  </si>
  <si>
    <t>CookDoひき肉入り麻婆豆腐用大人の辛口</t>
  </si>
  <si>
    <t>COOKDO極麻辣麻婆茄子用</t>
  </si>
  <si>
    <t>CookDoひき肉入り麻婆豆腐用こどもの甘口</t>
  </si>
  <si>
    <t>成都陳麻婆　陳麻婆豆腐レンジタイプ</t>
  </si>
  <si>
    <t>７０ｇ×２</t>
  </si>
  <si>
    <t>ﾔﾏﾑﾛ</t>
  </si>
  <si>
    <t>プチッと中華麻婆豆腐中辛</t>
  </si>
  <si>
    <t>味仙今池本店監修麻婆豆腐の素</t>
  </si>
  <si>
    <t>麻婆豆腐の素</t>
  </si>
  <si>
    <t>永谷園　レンジで楽らく　麻婆豆腐の素　１８０ｇ</t>
  </si>
  <si>
    <t>しあわせの激辛麻婆豆腐</t>
  </si>
  <si>
    <t>麻婆豆腐の素中辛</t>
  </si>
  <si>
    <t>麻婆豆腐の素甘口</t>
  </si>
  <si>
    <t>麻婆豆腐の素辛口</t>
  </si>
  <si>
    <t>麻婆豆腐の素大辛</t>
  </si>
  <si>
    <t>麻婆豆腐の素鶏しお味</t>
  </si>
  <si>
    <t>麻婆豆腐の素鶏白湯味</t>
  </si>
  <si>
    <t>麻婆豆腐の素　復刻版</t>
  </si>
  <si>
    <t>鶏しお麻婆豆腐の素　箱入</t>
  </si>
  <si>
    <t>担々麻婆豆腐の素箱入</t>
  </si>
  <si>
    <t>黄金の麻婆豆腐の素</t>
  </si>
  <si>
    <t>焦がしにんにく麻婆豆腐の素</t>
  </si>
  <si>
    <t>限定黒ごま担々麻婆豆腐の素</t>
  </si>
  <si>
    <t>限定えび味噌麻婆豆腐の素</t>
  </si>
  <si>
    <t>限定牛ペッパー麻婆豆腐の素</t>
  </si>
  <si>
    <t>限定花椒香る旨塩麻婆豆腐の素</t>
  </si>
  <si>
    <t>贅を味わう麻婆豆腐の素中辛</t>
  </si>
  <si>
    <t>贅を味わう麻婆豆腐の素辛口</t>
  </si>
  <si>
    <t>贅を味わう麻婆豆腐の素広東風</t>
  </si>
  <si>
    <t>贅を味わう麻婆豆腐の素甘口</t>
  </si>
  <si>
    <t>青唐辛子麻婆豆腐の素</t>
  </si>
  <si>
    <t>贅を味わう青唐辛子麻婆豆腐の素</t>
  </si>
  <si>
    <t>マボチャン_甘口</t>
  </si>
  <si>
    <t>マボチャン_中辛</t>
  </si>
  <si>
    <t>マボチャン　辛口</t>
  </si>
  <si>
    <t>マボちゃんうま塩麻婆</t>
  </si>
  <si>
    <t>中華百選　マボちゃん中辛</t>
  </si>
  <si>
    <t>中華百選　マボちゃん甘口</t>
  </si>
  <si>
    <t>中華百選_マボちゃん辛口</t>
  </si>
  <si>
    <t>中華百選　マボちゃんうま塩麻</t>
  </si>
  <si>
    <t>中華百選マボきのこ用</t>
  </si>
  <si>
    <t>マボちゃん甘口</t>
  </si>
  <si>
    <t>マボちゃん中辛</t>
  </si>
  <si>
    <t>マボちゃん辛口</t>
  </si>
  <si>
    <t>マボちゃん台湾麻婆用</t>
  </si>
  <si>
    <t>マボちゃんどて煮麻婆用　</t>
  </si>
  <si>
    <t>中村屋本格四川辛さしびれる麻婆豆腐155ｇ</t>
  </si>
  <si>
    <t>中村屋_本格四川ｺｸと旨み､ひろがる麻婆豆腐_150</t>
  </si>
  <si>
    <t>中村屋_本格四川辛さ､ほとばしる麻婆豆腐_150g</t>
  </si>
  <si>
    <t>本格四川コクと旨み、ひろがる麻婆豆腐</t>
  </si>
  <si>
    <t>本格四川　辛さ、ほとばしる麻婆豆腐</t>
  </si>
  <si>
    <t>辛さほとばしるマーボードウフ</t>
  </si>
  <si>
    <t>本格四川コクと旨みひろがる麻婆豆腐</t>
  </si>
  <si>
    <t>138.8g</t>
  </si>
  <si>
    <t>成都陳麻婆　陳麻婆豆腐調味料</t>
  </si>
  <si>
    <t>５０ｇ×４</t>
  </si>
  <si>
    <t>ひき肉なし</t>
  </si>
  <si>
    <t>麻婆豆腐の素　中辛</t>
  </si>
  <si>
    <t>上海風麻婆豆腐の素甘口</t>
  </si>
  <si>
    <t>リキンキ麻婆豆腐の素中辛</t>
  </si>
  <si>
    <t>李錦記四川式麻婆豆腐の素辛口</t>
  </si>
  <si>
    <t>李錦記麻婆豆腐の素中辛</t>
  </si>
  <si>
    <t>クックドゥ広東麻婆豆腐</t>
  </si>
  <si>
    <t>クックドゥ四川麻婆豆腐</t>
  </si>
  <si>
    <t>106.5g</t>
  </si>
  <si>
    <t>COOKDO麻婆豆腐用</t>
  </si>
  <si>
    <t>COOKDO極麻辣麻婆豆腐用</t>
  </si>
  <si>
    <t>和風麻婆豆腐海鮮醤油_甘口</t>
  </si>
  <si>
    <t>和風麻婆豆腐黒豚味噌_中辛</t>
  </si>
  <si>
    <t>スピード中華　麻婆豆腐中華</t>
  </si>
  <si>
    <t>麻婆豆腐の素_甘口・広東風</t>
  </si>
  <si>
    <t>麻婆豆腐の素_中辛・上海風</t>
  </si>
  <si>
    <t>赤坂離宮_麻婆豆腐</t>
  </si>
  <si>
    <t>七味芳香麻婆豆腐中辛</t>
  </si>
  <si>
    <t>七味芳香麻婆豆腐辛口</t>
  </si>
  <si>
    <t>七味芳香麻婆豆腐の素中辛</t>
  </si>
  <si>
    <t>七味芳香麻婆豆腐の素辛口</t>
  </si>
  <si>
    <t>本格四川鮮烈な辛さ､しびれる麻婆豆腐</t>
  </si>
  <si>
    <t>横浜大飯店中華街の広東式麻婆豆腐</t>
  </si>
  <si>
    <t>横浜大飯店中華街の四川式麻婆豆腐</t>
  </si>
  <si>
    <t>聘珍茶寮麻婆豆腐中辛</t>
  </si>
  <si>
    <t>成城石井__麻婆豆腐の素__１２０ｇ</t>
  </si>
  <si>
    <t>大阪王将　四川麻婆豆腐の素　３人前　８４ｇ</t>
  </si>
  <si>
    <t>豚もやし中華炒めの素</t>
  </si>
  <si>
    <t>四川式麻婆豆腐の素</t>
  </si>
  <si>
    <t>しびれ王_しびれる四川麻婆豆腐</t>
  </si>
  <si>
    <t>陳麻婆豆腐調味料</t>
  </si>
  <si>
    <t>ヤマムロ</t>
  </si>
  <si>
    <t>李錦記　麻婆豆腐</t>
  </si>
  <si>
    <t>ポントクック麻婆ソースの素</t>
  </si>
  <si>
    <t>70g箱</t>
  </si>
  <si>
    <t>コーミ若鯱家カレー麻婆豆腐の素140g</t>
  </si>
  <si>
    <t>マーボートウフチュウカラ２Ｐ</t>
  </si>
  <si>
    <t>マーボートウフアマクチ２Ｐ</t>
  </si>
  <si>
    <t>中華簡便</t>
  </si>
  <si>
    <t>麻婆茄子</t>
  </si>
  <si>
    <t>李錦記　麻婆茄子</t>
  </si>
  <si>
    <t>リキンキ麻婆茄子の素　中辛</t>
  </si>
  <si>
    <t>李錦記麻婆茄子の素</t>
  </si>
  <si>
    <t>ダイズラボ　麻婆茄子</t>
  </si>
  <si>
    <t>クックドゥ麻婆茄子</t>
  </si>
  <si>
    <t>レンジでおいしい　麻婆茄子</t>
  </si>
  <si>
    <t>レンジで麻婆茄子</t>
  </si>
  <si>
    <t>クックドゥひき肉入り麻婆茄子</t>
  </si>
  <si>
    <t>201.6g</t>
  </si>
  <si>
    <t>あらびき肉入り麻婆茄子</t>
  </si>
  <si>
    <t>CookDoあらびき肉入り麻婆茄子用</t>
  </si>
  <si>
    <t>ススムクン麻婆茄子</t>
  </si>
  <si>
    <t>CookDo甘口麻婆茄子用</t>
  </si>
  <si>
    <t>味仙今池本店　麻婆茄子の素</t>
  </si>
  <si>
    <t>小皿中華_麻婆茄子</t>
  </si>
  <si>
    <t>やさしい中華　麻婆茄子</t>
  </si>
  <si>
    <t>ひき肉入り麻婆茄子の素中辛</t>
  </si>
  <si>
    <t>うれしい具入り麻婆茄子</t>
  </si>
  <si>
    <t>麻婆なすの素あっさり</t>
  </si>
  <si>
    <t>麻婆なすの素こってり</t>
  </si>
  <si>
    <t>贅を味わう麻婆茄子の素</t>
  </si>
  <si>
    <t>七味芳香麻婆茄子中辛</t>
  </si>
  <si>
    <t>七味芳香麻婆茄子の素中辛</t>
  </si>
  <si>
    <t>マーボーナスミソ</t>
  </si>
  <si>
    <t>中華百選_マボ茄子合わせ味噌</t>
  </si>
  <si>
    <t>マボ茄子</t>
  </si>
  <si>
    <t>本格四川奥深い香り麻婆茄子</t>
  </si>
  <si>
    <t>本格中華シェフ安川哲二監修麻婆茄子の素</t>
  </si>
  <si>
    <t>聘珍茶寮麻婆茄子</t>
  </si>
  <si>
    <t>回鍋肉</t>
  </si>
  <si>
    <t>李錦記回鍋肉の素</t>
  </si>
  <si>
    <t>リキンキ回鍋肉の素</t>
  </si>
  <si>
    <t>李錦記　回鍋肉の素</t>
  </si>
  <si>
    <t>クックドゥ回鍋肉5個セット</t>
  </si>
  <si>
    <t>クックドゥ回鍋肉＆チンジャオロースセット</t>
  </si>
  <si>
    <t>ＣｏｏｋＤｏ　回鍋肉用　９０ｇ　３個セット</t>
  </si>
  <si>
    <t>ダイズラボ　回鍋肉</t>
  </si>
  <si>
    <t>クックドゥ回鍋肉</t>
  </si>
  <si>
    <t>業務用COOKDO回鍋肉用</t>
  </si>
  <si>
    <t>クックドゥ四川式回鍋肉</t>
  </si>
  <si>
    <t>COOKDO極麻辣回鍋肉用</t>
  </si>
  <si>
    <t>プチッと中華回鍋肉</t>
  </si>
  <si>
    <t>小皿中華_回鍋肉</t>
  </si>
  <si>
    <t>やさしい中華　回鍋肉</t>
  </si>
  <si>
    <t>スピード中華回鍋肉</t>
  </si>
  <si>
    <t>うれしい具入り回鍋肉</t>
  </si>
  <si>
    <t>ふりかけ炒　回鍋肉の素</t>
  </si>
  <si>
    <t>旨い中華回鍋肉の素2回分</t>
  </si>
  <si>
    <t>贅を味わう回鍋肉の素</t>
  </si>
  <si>
    <t>大人の中華回鍋肉</t>
  </si>
  <si>
    <t>中華百選回鍋肉</t>
  </si>
  <si>
    <t>本格中華シェフ安川哲二監修回鍋肉の素</t>
  </si>
  <si>
    <t>横浜大飯店中華街の回鍋肉</t>
  </si>
  <si>
    <t>聘珍茶寮回鍋肉</t>
  </si>
  <si>
    <t>成城石井__回鍋肉の素__１００ｇ</t>
  </si>
  <si>
    <t>大阪王将回鍋肉の素</t>
  </si>
  <si>
    <t>青椒肉絲</t>
  </si>
  <si>
    <t>リキンキチンジャオロースの素</t>
  </si>
  <si>
    <t>李錦記　青椒肉糸の素</t>
  </si>
  <si>
    <t>李錦記青椒肉糸の素</t>
  </si>
  <si>
    <t>クックドゥチンジャオロース</t>
  </si>
  <si>
    <t>ススムくんレンジ青椒肉糸用</t>
  </si>
  <si>
    <t>レンジで青椒肉糸</t>
  </si>
  <si>
    <t>業務用COOKDO青椒肉糸用</t>
  </si>
  <si>
    <t>クックドゥチンジャロース</t>
  </si>
  <si>
    <t>小皿中華_チンジャオロース</t>
  </si>
  <si>
    <t>スピード中華チンジャオロース</t>
  </si>
  <si>
    <t>うれしい具入り青椒肉糸</t>
  </si>
  <si>
    <t>ふりかけ炒　青椒肉糸の素</t>
  </si>
  <si>
    <t>たけのこ入り青椒肉糸</t>
  </si>
  <si>
    <t>お得な2回分青椒肉糸の素</t>
  </si>
  <si>
    <t>中華百選青椒肉糸</t>
  </si>
  <si>
    <t>本格中華シェフ安川哲二監修青椒肉糸の素</t>
  </si>
  <si>
    <t>横浜大飯店中華街の青椒肉糸</t>
  </si>
  <si>
    <t>聘珍茶寮青椒肉糸</t>
  </si>
  <si>
    <t>大阪王将チンジャオロースの素</t>
  </si>
  <si>
    <t>青椒肉糸の素</t>
  </si>
  <si>
    <t>干焼蝦仁</t>
  </si>
  <si>
    <t>干焼蝦仁の素</t>
  </si>
  <si>
    <t>リキンキエビチリの素</t>
  </si>
  <si>
    <t>李錦記　エビチリの素</t>
  </si>
  <si>
    <t>李錦記_干焼蝦仁の素</t>
  </si>
  <si>
    <t>クックドゥカンシャオシャレン</t>
  </si>
  <si>
    <t>海老中華マヨネーズ炒め</t>
  </si>
  <si>
    <t>クックドゥカンシャ</t>
  </si>
  <si>
    <t>クックドゥ干焼蝦仁</t>
  </si>
  <si>
    <t>クックドゥ海老中華マヨ炒め</t>
  </si>
  <si>
    <t>ごはんがススムくんエビチリ</t>
  </si>
  <si>
    <t>エビチリ</t>
  </si>
  <si>
    <t>スピードチュウカカンシャオサヤーレン</t>
  </si>
  <si>
    <t>赤坂離宮_干焼蝦仁の素</t>
  </si>
  <si>
    <t>エビチリソース</t>
  </si>
  <si>
    <t>横浜大飯店中華街のエビチリ</t>
  </si>
  <si>
    <t>成城石井__エビチリの素__１２０ｇ</t>
  </si>
  <si>
    <t>李錦記　酢豚</t>
  </si>
  <si>
    <t>リキンキ酢豚の素</t>
  </si>
  <si>
    <t>ダイズラボ　酢豚</t>
  </si>
  <si>
    <t>クックドゥ酢豚</t>
  </si>
  <si>
    <t>クックドゥ特選黒酢酢豚</t>
  </si>
  <si>
    <t>クックドゥ黒酢酢豚</t>
  </si>
  <si>
    <t>CookDo13黒酢酢豚用</t>
  </si>
  <si>
    <t>タマノイ　酢豚の素</t>
  </si>
  <si>
    <t>酢豚の味</t>
  </si>
  <si>
    <t>中華の素酢豚</t>
  </si>
  <si>
    <t>スピードチュウカスブタ</t>
  </si>
  <si>
    <t>酢豚のたれ</t>
  </si>
  <si>
    <t>ゴロッと酢豚の素</t>
  </si>
  <si>
    <t>横浜大飯店中華街の酢豚がつくれるソース</t>
  </si>
  <si>
    <t>黒酢すぶた</t>
  </si>
  <si>
    <t>八宝菜</t>
  </si>
  <si>
    <t>リキンキ八宝菜の素</t>
  </si>
  <si>
    <t>クックドゥ八宝菜</t>
  </si>
  <si>
    <t>ＣｏｏｋＤｏあらびき肉入り甘麻婆</t>
  </si>
  <si>
    <t>香味ペースト袋　カレンダー</t>
  </si>
  <si>
    <t>タマノイ　八宝菜の素</t>
  </si>
  <si>
    <t>CUPCOOK四川麻婆豆腐</t>
  </si>
  <si>
    <t>中華の素八宝菜</t>
  </si>
  <si>
    <t>アジアンミックス鶏肉中華辛味</t>
  </si>
  <si>
    <t>アジアンミックス豚肉中華香味</t>
  </si>
  <si>
    <t>永谷園麻婆春雨甘口　特荷</t>
  </si>
  <si>
    <t>永谷園麻婆春雨辛口　特荷</t>
  </si>
  <si>
    <t>永谷園麻婆春雨中辛特荷</t>
  </si>
  <si>
    <t>永谷園広東風かに玉直送品</t>
  </si>
  <si>
    <t>小皿中華_八宝菜</t>
  </si>
  <si>
    <t>やさしい中華　八宝菜</t>
  </si>
  <si>
    <t>スピード中華八宝菜</t>
  </si>
  <si>
    <t>うれしい具入り八宝菜</t>
  </si>
  <si>
    <t>永谷園広東風かに玉　直送品</t>
  </si>
  <si>
    <t>チコちゃんに叱られる　ちゃーはん</t>
  </si>
  <si>
    <t>丸美屋愛菜中華棒々鶏特荷</t>
  </si>
  <si>
    <t>丸美屋麻婆茄子の素特荷</t>
  </si>
  <si>
    <t>豆乳麻婆豆腐の素</t>
  </si>
  <si>
    <t>八宝菜の素箱入</t>
  </si>
  <si>
    <t>贅を味わう　干焼蝦仁の素</t>
  </si>
  <si>
    <t>棒々鶏</t>
  </si>
  <si>
    <t>李錦記　棒棒鶏</t>
  </si>
  <si>
    <t>クックドゥ棒々鶏</t>
  </si>
  <si>
    <t>クックドゥ棒棒鶏</t>
  </si>
  <si>
    <t>棒々鶏の素ゴマ風味</t>
  </si>
  <si>
    <t>かに玉・玉子料理</t>
  </si>
  <si>
    <t>ふんわりかに玉用</t>
  </si>
  <si>
    <t>109.9g</t>
  </si>
  <si>
    <t>ススムブロッコリーかに玉</t>
  </si>
  <si>
    <t>ふんわりかに玉の素</t>
  </si>
  <si>
    <t>103.9g</t>
  </si>
  <si>
    <t>ススムクンかに玉用</t>
  </si>
  <si>
    <t>ゴハンガススムクンチュウカタマゴヤ</t>
  </si>
  <si>
    <t>町中華ニラ玉の素</t>
  </si>
  <si>
    <t>五目かに玉</t>
  </si>
  <si>
    <t>449g</t>
  </si>
  <si>
    <t>ごちそう中華五目かに玉の素</t>
  </si>
  <si>
    <t>五目かに玉の素</t>
  </si>
  <si>
    <t>トマト新・中華オムレツの素</t>
  </si>
  <si>
    <t>かにあんかけの素</t>
  </si>
  <si>
    <t>かに玉の素</t>
  </si>
  <si>
    <t>115.6g</t>
  </si>
  <si>
    <t>ｷﾞﾌｼｮｸﾋﾝ</t>
  </si>
  <si>
    <t>カニタマノモト</t>
  </si>
  <si>
    <t>おかずアシストかに玉の素</t>
  </si>
  <si>
    <t>中華風肉炒り玉子</t>
  </si>
  <si>
    <t>広東風かに玉</t>
  </si>
  <si>
    <t>中華風ゴーヤー玉子　鶏しお味</t>
  </si>
  <si>
    <t>中華風オムレツ</t>
  </si>
  <si>
    <t>ニラと玉子の広東炒め</t>
  </si>
  <si>
    <t>カントンフウ　カニタマ</t>
  </si>
  <si>
    <t>中華風しめじと卵のオイスター炒め</t>
  </si>
  <si>
    <t>きくらげ玉子炒め</t>
  </si>
  <si>
    <t>赤坂離宮監修_かに玉の素</t>
  </si>
  <si>
    <t>贅を味わうかに玉の素淡雪仕立て</t>
  </si>
  <si>
    <t>166.7g</t>
  </si>
  <si>
    <t>大阪王将　かに玉の素</t>
  </si>
  <si>
    <t>大阪王将　ふわとろ天津飯の素</t>
  </si>
  <si>
    <t>大阪王将肉あんかけニラ玉の素</t>
  </si>
  <si>
    <t>35.6g</t>
  </si>
  <si>
    <t>大阪王将豚肉と玉子炒めの素</t>
  </si>
  <si>
    <t>大阪王将かに玉の素</t>
  </si>
  <si>
    <t>クックドゥ青椒肉糸用2人前</t>
  </si>
  <si>
    <t>クックドゥ干焼蝦仁用2人前</t>
  </si>
  <si>
    <t>クックドゥ四川式麻婆豆腐2人前</t>
  </si>
  <si>
    <t>クックドゥ豚肉ともやしの香味炒め用2人前</t>
  </si>
  <si>
    <t>クックドゥ麻婆茄子2人前</t>
  </si>
  <si>
    <t>クックドゥ回鍋肉2人前</t>
  </si>
  <si>
    <t>町中華スタミナ豚キャベツの素</t>
  </si>
  <si>
    <t>町中華やみつき鶏もやしの素</t>
  </si>
  <si>
    <t>オイスターソース炒めの素</t>
  </si>
  <si>
    <t>白菜と鶏肉の中華うま煮</t>
  </si>
  <si>
    <t>3～4人前</t>
  </si>
  <si>
    <t>韓国屋台の五目チャプチェ</t>
  </si>
  <si>
    <t>ファビュラス</t>
  </si>
  <si>
    <t>ｾｲﾕｰﾌｰｽﾞ</t>
  </si>
  <si>
    <t>中国四川省胡麻味噌坦々</t>
  </si>
  <si>
    <t>台湾魯肉飯</t>
  </si>
  <si>
    <t>韓国参鶏湯</t>
  </si>
  <si>
    <t>タイガパオ</t>
  </si>
  <si>
    <t>中国四川省酸辣湯</t>
  </si>
  <si>
    <t>カレートッポキ</t>
  </si>
  <si>
    <t>珍味堂</t>
  </si>
  <si>
    <t>ｳﾘﾌﾞｯｻﾝ</t>
  </si>
  <si>
    <t>ススムクン豚キムチ用</t>
  </si>
  <si>
    <t>ススムクン麻婆豆腐　甘口</t>
  </si>
  <si>
    <t>ススムクン麻婆豆腐　中辛</t>
  </si>
  <si>
    <t>ススムクン白菜だけで八宝菜</t>
  </si>
  <si>
    <t>ごはんがススム君ホイコーロー</t>
  </si>
  <si>
    <t>中華菜館豆板醤</t>
  </si>
  <si>
    <t>中華菜館コチュジャン</t>
  </si>
  <si>
    <t>中華菜館　八角</t>
  </si>
  <si>
    <t>中華菜館　タピオカ</t>
  </si>
  <si>
    <t>中華菜館　松の実</t>
  </si>
  <si>
    <t>中華菜館鶏がらスープ袋</t>
  </si>
  <si>
    <t>味中華</t>
  </si>
  <si>
    <t>町中華台湾もやし炒めの素</t>
  </si>
  <si>
    <t>町中華ピリ辛肉あんかけ飯の素</t>
  </si>
  <si>
    <t>酢豚用　黒酢醤</t>
  </si>
  <si>
    <t>丸美屋旨い中華2回分エビチリの素140g</t>
  </si>
  <si>
    <t>プルコギタンミョン</t>
  </si>
  <si>
    <t>本格四川　辛さ、ほとばしる麻婆丼</t>
  </si>
  <si>
    <t>豆鼓醤炒めの素</t>
  </si>
  <si>
    <t>甜麺醤炒めの素</t>
  </si>
  <si>
    <t>中華風野菜炒めの素</t>
  </si>
  <si>
    <t>リキンキ豆鼓醤炒めの素</t>
  </si>
  <si>
    <t>李錦記　鶏肉の甜麺醤炒めの素</t>
  </si>
  <si>
    <t>李錦記　香港風肉じゃがの素</t>
  </si>
  <si>
    <t>李錦記　香港風肉豆腐の素</t>
  </si>
  <si>
    <t>李錦記　香港風こってり手羽煮の素</t>
  </si>
  <si>
    <t>ダイズラボ_きのこのキーマカレー</t>
  </si>
  <si>
    <t>サムジャンチューブ</t>
  </si>
  <si>
    <t>ヤンニョムチキンソース</t>
  </si>
  <si>
    <t>グーさんのＸＯオイル</t>
  </si>
  <si>
    <t>青葉ルーローハン</t>
  </si>
  <si>
    <t>アオバ</t>
  </si>
  <si>
    <t>ｱｵﾊﾞ</t>
  </si>
  <si>
    <t>クックドゥ72白菜のクリーム煮用</t>
  </si>
  <si>
    <t>ＣＤ牛肉とブロッコリー</t>
  </si>
  <si>
    <t>クックＤｏレバーニラ四川式炒</t>
  </si>
  <si>
    <t>ＣＤアスパラ海老あんかけ</t>
  </si>
  <si>
    <t>中華_ふかひれ</t>
  </si>
  <si>
    <t>ＣＤ大蒜の芽とひき肉</t>
  </si>
  <si>
    <t>ＣＤ家常豆腐用</t>
  </si>
  <si>
    <t>アジア麺四川坦々麺袋</t>
  </si>
  <si>
    <t>クックドゥ海老ワンタン</t>
  </si>
  <si>
    <t>クックドゥ鶏のチリソース</t>
  </si>
  <si>
    <t>クックドゥ広東式うま煮</t>
  </si>
  <si>
    <t>クックＤＯ豚肉とアスパラ</t>
  </si>
  <si>
    <t>クックドゥ豚バラピーマン</t>
  </si>
  <si>
    <t>クックドゥ炒飯醤油</t>
  </si>
  <si>
    <t>ＣｏｏｋＤｏ北京式甜醤肉糸用</t>
  </si>
  <si>
    <t>クックドゥ手作り焼餃子</t>
  </si>
  <si>
    <t>ＣＤ豚肉と青梗菜のＸＯ醤炒め</t>
  </si>
  <si>
    <t>ＣＤド中華おこげスープ</t>
  </si>
  <si>
    <t>クックＤＯ油淋鶏</t>
  </si>
  <si>
    <t>クックドゥ豚肉ともやしの香味炒め</t>
  </si>
  <si>
    <t>クックドゥ玉子と豚肉のチリ</t>
  </si>
  <si>
    <t>クックドウ豆腐ともやしのチャンプル</t>
  </si>
  <si>
    <t>クックドゥ豚肉と玉ねぎの中華生姜焼</t>
  </si>
  <si>
    <t>ＣｏｏｋＤｏごまみそ豚キャベ</t>
  </si>
  <si>
    <t>クックドウ豚肉の黒酢炒め用</t>
  </si>
  <si>
    <t>クックドゥゴーヤチャンプルー</t>
  </si>
  <si>
    <t>クックドゥ豚カルビ</t>
  </si>
  <si>
    <t>CookDoよだれ鶏用</t>
  </si>
  <si>
    <t>CookDo17豚肉ともやしの甜醤炒め用</t>
  </si>
  <si>
    <t>カニゾウスイノモト</t>
  </si>
  <si>
    <t>きのこのガーリックライス</t>
  </si>
  <si>
    <t>菜館　餃子用ミックス</t>
  </si>
  <si>
    <t>菜館ｼｰｽﾞﾆﾝｸﾞ　ｺｸ旨そぼろ豆腐</t>
  </si>
  <si>
    <t>菜館シーズニングもやしの甘酢冷菜</t>
  </si>
  <si>
    <t>菜館　あんかけ麺ソース</t>
  </si>
  <si>
    <t>菜館　ジャージャー麺ソース</t>
  </si>
  <si>
    <t>菜館シーズニング四川式鶏肉の麻辣炒</t>
  </si>
  <si>
    <t>14.6g</t>
  </si>
  <si>
    <t>町中華餃子の素</t>
  </si>
  <si>
    <t>町中華肉野菜炒めの素</t>
  </si>
  <si>
    <t>町中華シーズニングおつまみもやし</t>
  </si>
  <si>
    <t>町中華シーズニングやみつき旨ニラ</t>
  </si>
  <si>
    <t>町中華手作り餃子の素</t>
  </si>
  <si>
    <t>町中華シーズニング中華風玉ねぎマリネ</t>
  </si>
  <si>
    <t>町中華シーズニングうま塩ピーマン</t>
  </si>
  <si>
    <t>町中華シーズニングスタミナ厚揚げステーキ</t>
  </si>
  <si>
    <t>町中華台湾肉もやしの素</t>
  </si>
  <si>
    <t>町中華五目うま煮の素</t>
  </si>
  <si>
    <t>町中華にら豚の素</t>
  </si>
  <si>
    <t>菜館シーズニングピーマンの豆?ソース和え</t>
  </si>
  <si>
    <t>菜館シーズニングキャベツの四川風ピリ辛和え</t>
  </si>
  <si>
    <t>菜館シーズニング中華風ピリ辛ブロッコリー</t>
  </si>
  <si>
    <t>町中華びっくり亭本家の焼肉の素</t>
  </si>
  <si>
    <t>ごぼうの柳川風</t>
  </si>
  <si>
    <t>麻婆玉子</t>
  </si>
  <si>
    <t>ごちたまもやし玉子あんかけの素</t>
  </si>
  <si>
    <t>ごちたま　味噌玉子そぼろの素</t>
  </si>
  <si>
    <t>ごちたま味噌玉子そぼろ</t>
  </si>
  <si>
    <t>ごち一丁肉豆腐の素</t>
  </si>
  <si>
    <t>ごち一丁あんかけ豆腐の素</t>
  </si>
  <si>
    <t>ごち一丁豆腐チゲの素</t>
  </si>
  <si>
    <t>石焼ビビンバ味</t>
  </si>
  <si>
    <t>68.6g</t>
  </si>
  <si>
    <t>イカスミライスの素</t>
  </si>
  <si>
    <t>55.0g</t>
  </si>
  <si>
    <t>たらこピラフの素</t>
  </si>
  <si>
    <t>トマトときのこの中華オムレツ</t>
  </si>
  <si>
    <t>炸醤豆腐の素</t>
  </si>
  <si>
    <t>53.8g</t>
  </si>
  <si>
    <t>弁当紀行鶏照り焼き弁当</t>
  </si>
  <si>
    <t>弁当紀行牛すき弁当</t>
  </si>
  <si>
    <t>弁当紀行豚生姜焼き弁当</t>
  </si>
  <si>
    <t>ポントクック和風あんかけの素</t>
  </si>
  <si>
    <t>ナットウジル</t>
  </si>
  <si>
    <t>カップナマミソズイ　ナメコ</t>
  </si>
  <si>
    <t>マイサイズ　麻婆丼</t>
  </si>
  <si>
    <t>マイサイズ　中華丼</t>
  </si>
  <si>
    <t>ニンニクヤクロメシ</t>
  </si>
  <si>
    <t>お吸いもの亭</t>
  </si>
  <si>
    <t>生活派　厚揚げと豚肉の生姜炒めたれ</t>
  </si>
  <si>
    <t>生活派　こんにゃくと鶏の豆板醤炒めたれ</t>
  </si>
  <si>
    <t>生活派　ちくわと鶏肉の味噌炒めのたれ</t>
  </si>
  <si>
    <t>味仙手羽先のたれ</t>
  </si>
  <si>
    <t>味仙青菜炒めの素</t>
  </si>
  <si>
    <t>味仙台湾うま辛だれ</t>
  </si>
  <si>
    <t>味仙台湾うま辛甘酢だれチューブ</t>
  </si>
  <si>
    <t>マヨ風味炒め用ソース_ペパー＆ガーリック味　ボトル</t>
  </si>
  <si>
    <t>手羽先煮込みの素中華風甘から</t>
  </si>
  <si>
    <t>五目ふかひれスープ</t>
  </si>
  <si>
    <t>中華スープ　ふかひれ</t>
  </si>
  <si>
    <t>中華スープ　チンゲン菜</t>
  </si>
  <si>
    <t>中華Ｓ海鮮スープ</t>
  </si>
  <si>
    <t>中華Ｓ椎茸入りコーンスープ</t>
  </si>
  <si>
    <t>レンジで豚キムチ</t>
  </si>
  <si>
    <t>2-3人前</t>
  </si>
  <si>
    <t>ミソグラ・ホウレンソウ</t>
  </si>
  <si>
    <t>ゲンエンミソシルナットウ</t>
  </si>
  <si>
    <t>たっぷりほうれん草みそ汁</t>
  </si>
  <si>
    <t>ヒルゲ</t>
  </si>
  <si>
    <t>大感動大根とごぼう</t>
  </si>
  <si>
    <t>焼飯たれ海鮮味</t>
  </si>
  <si>
    <t>中華あんかけ飯オイスタ醤</t>
  </si>
  <si>
    <t>ほうれん草玉子</t>
  </si>
  <si>
    <t>スピードチューカマーボナスチュウカ</t>
  </si>
  <si>
    <t>永谷園　アジアごはんタイ風オムレツ</t>
  </si>
  <si>
    <t>三ツ星食感_中華炒めペースト_鶏ガラ味</t>
  </si>
  <si>
    <t>母の膳みそ汁</t>
  </si>
  <si>
    <t>ナマミソシルアサリ６ショク</t>
  </si>
  <si>
    <t>ちょっとどんぶり天津飯2P</t>
  </si>
  <si>
    <t>ちょっとどんぶり中華丼2P</t>
  </si>
  <si>
    <t>ちょっと丼ふんわりたまご天津丼</t>
  </si>
  <si>
    <t>ちょっと中華丼　2P</t>
  </si>
  <si>
    <t>富士食品工業　これだけ中華しお炒めの素</t>
  </si>
  <si>
    <t>これだけ中華あんかけがおいしい（箱）</t>
  </si>
  <si>
    <t>餃子がおいしい箱</t>
  </si>
  <si>
    <t>あんかけの素カレンダー</t>
  </si>
  <si>
    <t>ギョウザがおいしい</t>
  </si>
  <si>
    <t>あんかけの素_味付け用</t>
  </si>
  <si>
    <t>いろいろはいって２０食</t>
  </si>
  <si>
    <t>チョウジュクミソシルコウジ</t>
  </si>
  <si>
    <t>おいしく塩分２分の１</t>
  </si>
  <si>
    <t>カップホット大根</t>
  </si>
  <si>
    <t>手作り餃子の素　７０ｇ</t>
  </si>
  <si>
    <t>麻婆白菜の素</t>
  </si>
  <si>
    <t>ふりかけ炒　麻婆炒めの素</t>
  </si>
  <si>
    <t>ふりかけ炒　プルコギの素</t>
  </si>
  <si>
    <t>３９ｇ</t>
  </si>
  <si>
    <t>麻婆キャベツの素</t>
  </si>
  <si>
    <t>マーボもやしの素</t>
  </si>
  <si>
    <t>麻婆きのこの素</t>
  </si>
  <si>
    <t>麻婆ゴーヤチャンプルーの素</t>
  </si>
  <si>
    <t>麻婆もやしの素</t>
  </si>
  <si>
    <t>麻婆チキンの素</t>
  </si>
  <si>
    <t>油淋鶏風甘酢香味ソースがけの素</t>
  </si>
  <si>
    <t>ゴロッと木須肉の素</t>
  </si>
  <si>
    <t>麻婆麺の素</t>
  </si>
  <si>
    <t>うまいどんぶり豚塩カルビ丼</t>
  </si>
  <si>
    <t>愛菜四川極うま酸辣煮込み</t>
  </si>
  <si>
    <t>家常厚揚の素</t>
  </si>
  <si>
    <t>ゴーヤチャンプルの素</t>
  </si>
  <si>
    <t>餃子の素チューブ</t>
  </si>
  <si>
    <t>四川麻婆ソース</t>
  </si>
  <si>
    <t>ユウキ　中華あんかけの素　顆粒　ボトル１１０ｇ</t>
  </si>
  <si>
    <t>油淋鶏ソース</t>
  </si>
  <si>
    <t>ﾕｳｷ_中華ｽｰﾌﾟの素味玉無添加_150G</t>
  </si>
  <si>
    <t>大人の麺ソース　ジャージャー麺の素</t>
  </si>
  <si>
    <t>中華百選マボもやし</t>
  </si>
  <si>
    <t>本格四川　怪味かけソース</t>
  </si>
  <si>
    <t>本格四川胡麻のコクと山椒香る鶏肉の旨辛炒め</t>
  </si>
  <si>
    <t>野菜炒め作り　鶏がら醤油味</t>
  </si>
  <si>
    <t>野菜炒め作り　塩にんにく味</t>
  </si>
  <si>
    <t>野菜炒め作りスパイシーカレー</t>
  </si>
  <si>
    <t>野菜炒め作り　塩チャンプル</t>
  </si>
  <si>
    <t>野菜炒め作り　味噌バター</t>
  </si>
  <si>
    <t>野菜炒め作り　とろみ和風味</t>
  </si>
  <si>
    <t>野菜炒め作り　とろみ中華味</t>
  </si>
  <si>
    <t>野菜炒め作りゆず胡椒味</t>
  </si>
  <si>
    <t>野菜炒め作り豚骨醤油味</t>
  </si>
  <si>
    <t>野菜炒め作り　塩バター味</t>
  </si>
  <si>
    <t>大阪王将餃子の素</t>
  </si>
  <si>
    <t>101.6g</t>
  </si>
  <si>
    <t>大阪王将　マヨチリソース</t>
  </si>
  <si>
    <t>大阪王将　からあげの素</t>
  </si>
  <si>
    <t>とうふ革命</t>
  </si>
  <si>
    <t>大黒工業</t>
  </si>
  <si>
    <t>ﾀﾞｲｺｸﾌｰｽﾞ</t>
  </si>
  <si>
    <t>成都陳麻婆　担担麺の素</t>
  </si>
  <si>
    <t>３０ｇ×４</t>
  </si>
  <si>
    <t>炒めごはん・炒飯</t>
  </si>
  <si>
    <t>炒めごはん</t>
  </si>
  <si>
    <t>オイシサパツク　チキンピラフ</t>
  </si>
  <si>
    <t>おいしさパックドライカレーの素</t>
  </si>
  <si>
    <t>おいしさＰチキンライスの素</t>
  </si>
  <si>
    <t>おいしさドライカレーカレンダ</t>
  </si>
  <si>
    <t>おいしさチキンライスカレンダ</t>
  </si>
  <si>
    <t>町中華チャーハンの素</t>
  </si>
  <si>
    <t>菜館ガパオの素</t>
  </si>
  <si>
    <t>SB</t>
  </si>
  <si>
    <t>菜館魯肉飯の素</t>
  </si>
  <si>
    <t>菜館タッカルビの素</t>
  </si>
  <si>
    <t>菜館ガパオライス</t>
  </si>
  <si>
    <t>菜館魯肉飯</t>
  </si>
  <si>
    <t>菜館チャジャン飯</t>
  </si>
  <si>
    <t>ガーリックライスの素</t>
  </si>
  <si>
    <t>炒めごはんの素詰め合わせセット</t>
  </si>
  <si>
    <t>ツナマヨライスの素</t>
  </si>
  <si>
    <t>71.2g</t>
  </si>
  <si>
    <t>カニマヨライス</t>
  </si>
  <si>
    <t>ｶﾓｲｼｮｸﾋﾝ</t>
  </si>
  <si>
    <t>チキンライスの素5袋</t>
  </si>
  <si>
    <t>ｶﾓｲｼｮｸﾋﾝｺｳ</t>
  </si>
  <si>
    <t>チャーハンの素ガーリック</t>
  </si>
  <si>
    <t>7.7g×4</t>
  </si>
  <si>
    <t>カレー焼めしの素</t>
  </si>
  <si>
    <t>カレー焼き飯の素</t>
  </si>
  <si>
    <t>ドライカレーチキンライス炒めごはん</t>
  </si>
  <si>
    <t>カニあんかけチャーハン</t>
  </si>
  <si>
    <t>フカヒレあんかけチャーハン</t>
  </si>
  <si>
    <t>回鍋肉飯</t>
  </si>
  <si>
    <t>チンジャオロース飯</t>
  </si>
  <si>
    <t>麻辣飯</t>
  </si>
  <si>
    <t>トムヤムチャーハンの素</t>
  </si>
  <si>
    <t>名店のまかない飯すみれ監修炒飯の素</t>
  </si>
  <si>
    <t>名店のまかない飯麺屋武蔵焼きめし</t>
  </si>
  <si>
    <t>フライパンいらずのドライカレー</t>
  </si>
  <si>
    <t>炒飯</t>
  </si>
  <si>
    <t>炒飯と野菜炒め焼豚醤油味</t>
  </si>
  <si>
    <t>炒飯と野菜炒めねぎ塩味</t>
  </si>
  <si>
    <t>焼豚チャーハンの素×3袋5個セット</t>
  </si>
  <si>
    <t>すみれそぼろ味噌味袋</t>
  </si>
  <si>
    <t>札幌食品サービス</t>
  </si>
  <si>
    <t>ｻｯﾎﾟﾛｼｮｸﾋﾝ</t>
  </si>
  <si>
    <t>札幌すみれ監修チャーハンの素</t>
  </si>
  <si>
    <t>世界の山ちゃん幻の炒飯の素</t>
  </si>
  <si>
    <t>エスワイフード</t>
  </si>
  <si>
    <t>ｴｽﾜｲﾌｰﾄﾞ</t>
  </si>
  <si>
    <t>飯店炒飯ねぎ油香る上湯うま塩</t>
  </si>
  <si>
    <t>飯店炒飯干貝柱の海鮮うま塩</t>
  </si>
  <si>
    <t>Ｃｏｏｋ　ＤｏＸＯ醤炒飯の素</t>
  </si>
  <si>
    <t>Ｃｏｏｋ　Ｄｏ上湯うま塩炒飯の素</t>
  </si>
  <si>
    <t>直火焼焼豚のチャーハン</t>
  </si>
  <si>
    <t>おいしさパック炒飯の素</t>
  </si>
  <si>
    <t>おいしさ炒飯の素カレンダー</t>
  </si>
  <si>
    <t>おいしさパックキムチチャーハンの素</t>
  </si>
  <si>
    <t>フライパンを使わない焼豚チャ</t>
  </si>
  <si>
    <t>93.4g</t>
  </si>
  <si>
    <t>おいしさパック石焼風ビビンバチャーハンの素</t>
  </si>
  <si>
    <t>焼豚うま塩炒飯の素</t>
  </si>
  <si>
    <t>35.2g</t>
  </si>
  <si>
    <t>焼豚五目炒飯の素</t>
  </si>
  <si>
    <t>豚キムチ炒飯の素</t>
  </si>
  <si>
    <t>43.6g</t>
  </si>
  <si>
    <t>ねぎ塩豚カルビ炒飯の素</t>
  </si>
  <si>
    <t>鶏だしゆず胡椒炒飯の素</t>
  </si>
  <si>
    <t>海鮮風五目炒飯の素</t>
  </si>
  <si>
    <t>グリコ焼豚うま塩炒飯の素</t>
  </si>
  <si>
    <t>チャーハン焼豚五目</t>
  </si>
  <si>
    <t>44.8g</t>
  </si>
  <si>
    <t>ブタキムチチャ-ハンの素</t>
  </si>
  <si>
    <t>かに味五目炒飯の素</t>
  </si>
  <si>
    <t>グリコ　ドライカレーの素</t>
  </si>
  <si>
    <t>黒チャーハンの素</t>
  </si>
  <si>
    <t>味仙台湾チャーハンの素</t>
  </si>
  <si>
    <t>チャーハンの素キムチ</t>
  </si>
  <si>
    <t>7.6g×4</t>
  </si>
  <si>
    <t>チャーハンの素五目</t>
  </si>
  <si>
    <t>チャーハンの素焼豚</t>
  </si>
  <si>
    <t>87g×4</t>
  </si>
  <si>
    <t>炒飯の素たらこ</t>
  </si>
  <si>
    <t>あんかけチャーハンの素広東風</t>
  </si>
  <si>
    <t>あんかけチャーハンの素上海風</t>
  </si>
  <si>
    <t>あんかけチャーハンの素カレー味</t>
  </si>
  <si>
    <t>炒飯の素　醤油味３Ｐ</t>
  </si>
  <si>
    <t>15.7g×3</t>
  </si>
  <si>
    <t>炒飯の素　味噌味３Ｐ</t>
  </si>
  <si>
    <t>16.1g×3</t>
  </si>
  <si>
    <t>炒飯の素　塩味３Ｐ</t>
  </si>
  <si>
    <t>15.2g×3</t>
  </si>
  <si>
    <t>焼めしの素ソース味</t>
  </si>
  <si>
    <t>チャーハンの素　ソース味やきそば弁当風味</t>
  </si>
  <si>
    <t>71.1g</t>
  </si>
  <si>
    <t>かに風味　チャーハンの素４Ｐ</t>
  </si>
  <si>
    <t>5.9g×4</t>
  </si>
  <si>
    <t>炒飯の素　しょうゆ味</t>
  </si>
  <si>
    <t>３食入</t>
  </si>
  <si>
    <t>炒飯の素　しお味</t>
  </si>
  <si>
    <t>マルちゃん五目チャーハンの素</t>
  </si>
  <si>
    <t>マルちゃん焼豚チャーハンの素</t>
  </si>
  <si>
    <t>マルちゃんえび塩ガーリック炒飯の素</t>
  </si>
  <si>
    <t>5.1g×4P</t>
  </si>
  <si>
    <t>マルちゃん焼豚炒飯の素</t>
  </si>
  <si>
    <t>6.8g×4P</t>
  </si>
  <si>
    <t>ゴモクチャーハン</t>
  </si>
  <si>
    <t>海鮮五目チャーハン</t>
  </si>
  <si>
    <t>ゴモクチャーハンシセンフウ</t>
  </si>
  <si>
    <t>チャ-ハンの素やきぶた</t>
  </si>
  <si>
    <t>チャ-ハンの素ねぎ塩</t>
  </si>
  <si>
    <t>チャ-ハンの素ゴマタンタン</t>
  </si>
  <si>
    <t>えびチャーハンの素</t>
  </si>
  <si>
    <t>鮭チャーハンの素</t>
  </si>
  <si>
    <t>かに味チャーハンの素</t>
  </si>
  <si>
    <t>焼豚チャーハンの素</t>
  </si>
  <si>
    <t>五目チャーハンの素</t>
  </si>
  <si>
    <t>そば飯チャーハンの素</t>
  </si>
  <si>
    <t>あらびき黒胡椒ガーリック</t>
  </si>
  <si>
    <t>にんにくチャーハンの素</t>
  </si>
  <si>
    <t>かに味チャーハンの素２個パックかに味チャーハン小袋１袋付</t>
  </si>
  <si>
    <t>3袋×2P＋1袋</t>
  </si>
  <si>
    <t>五目チャーハンの素２個パック五目チャーハンの素小袋１袋付</t>
  </si>
  <si>
    <t>五目味チャーハンの素２個パック</t>
  </si>
  <si>
    <t>かに味チャーハンの素２個パック</t>
  </si>
  <si>
    <t>焼豚味チャーハンの素２個パック</t>
  </si>
  <si>
    <t>かにチャーハンの素2個パック</t>
  </si>
  <si>
    <t>焼豚チャーハンの素2個パック</t>
  </si>
  <si>
    <t>五目チャーハンの素2個パック</t>
  </si>
  <si>
    <t>黒チャーハンの素香ばししょうゆ味</t>
  </si>
  <si>
    <t>チャーハンの素</t>
  </si>
  <si>
    <t>うまかっちゃん　炒飯の素</t>
  </si>
  <si>
    <t>うまかっちゃん　炒飯の素　からし高菜風味</t>
  </si>
  <si>
    <t>しょうゆ焼き飯の素</t>
  </si>
  <si>
    <t>チャーハンの素かに味</t>
  </si>
  <si>
    <t>チャーハンの素えび</t>
  </si>
  <si>
    <t>チャーハンの素高菜</t>
  </si>
  <si>
    <t>チャーハンの素豚キムチ</t>
  </si>
  <si>
    <t>チャーハンの素焼豚＆五目</t>
  </si>
  <si>
    <t>高菜明太子＆じゃこ</t>
  </si>
  <si>
    <t>すごパラチャーハンの素　焼豚</t>
  </si>
  <si>
    <t>すごパラチャーハンの素　五目</t>
  </si>
  <si>
    <t>すごパラチャーハンの素　かに味</t>
  </si>
  <si>
    <t>すごパラチャーハンの素　高菜</t>
  </si>
  <si>
    <t>18.3g</t>
  </si>
  <si>
    <t>チャーハンの素アソート焼豚+五目</t>
  </si>
  <si>
    <t>和風チャーハンの素高菜+じゃこ</t>
  </si>
  <si>
    <t>洋風チャーハンの素カレー+チキン</t>
  </si>
  <si>
    <t>カレーチャーハンの素</t>
  </si>
  <si>
    <t>炒飯の素チューブ</t>
  </si>
  <si>
    <t>フライパンいらずのチャーハン五目入り</t>
  </si>
  <si>
    <t>大阪王将えび塩炒飯の素</t>
  </si>
  <si>
    <t>大阪王将炒飯の素</t>
  </si>
  <si>
    <t>大阪王将　炒飯の素</t>
  </si>
  <si>
    <t>大阪王将　かに炒飯の素</t>
  </si>
  <si>
    <t>大阪王将_炒飯の素</t>
  </si>
  <si>
    <t>炒飯の素</t>
  </si>
  <si>
    <t>炒飯の素プレミアム</t>
  </si>
  <si>
    <t>一風堂チャーハンの素</t>
  </si>
  <si>
    <t>釜飯　北海道・紅鮭</t>
  </si>
  <si>
    <t>京宝路</t>
  </si>
  <si>
    <t>ｷｮｳﾎｳｼﾞ</t>
  </si>
  <si>
    <t>釜飯　東京・あさり</t>
  </si>
  <si>
    <t>釜飯　京都・栗</t>
  </si>
  <si>
    <t>釜飯　神戸・牛肉</t>
  </si>
  <si>
    <t>釜飯　高知・松茸</t>
  </si>
  <si>
    <t>釜飯　北海道・真いか</t>
  </si>
  <si>
    <t>釜飯　山形・まいたけ</t>
  </si>
  <si>
    <t>釜飯　福井・越前がに</t>
  </si>
  <si>
    <t>中華粥　鶏粥</t>
  </si>
  <si>
    <t>中華粥　帆立粥</t>
  </si>
  <si>
    <t>韓国エスニック調味料</t>
  </si>
  <si>
    <t>韓国エスニック材料</t>
  </si>
  <si>
    <t>ナチョオレチップ</t>
  </si>
  <si>
    <t>カリフォルニアハーベストサルサソースマイルド</t>
  </si>
  <si>
    <t>カリフォルニアハーベストサルサソースホット</t>
  </si>
  <si>
    <t>メキシチョイスサルサソースマイルド</t>
  </si>
  <si>
    <t>メキシチョイスサルサソースホット</t>
  </si>
  <si>
    <t>メキシチョイスサルサベルデ</t>
  </si>
  <si>
    <t>ﾁﾔｵｺ-</t>
  </si>
  <si>
    <t>極品ザーサイスライス</t>
  </si>
  <si>
    <t>極品ザーサイストリップ</t>
  </si>
  <si>
    <t>ライスペーパー１６ＣＭ</t>
  </si>
  <si>
    <t>無添加ココナッツミルク</t>
  </si>
  <si>
    <t>マッスンブ　スンドゥブ</t>
  </si>
  <si>
    <t>ﾏｯｽﾝﾌﾞ</t>
  </si>
  <si>
    <t>生ピーナッツ</t>
  </si>
  <si>
    <t>ﾜﾙﾄﾞﾘﾝｸｽ</t>
  </si>
  <si>
    <t>袋ヨッポギ2人前甘辛味</t>
  </si>
  <si>
    <t>ヘテパシフィック</t>
  </si>
  <si>
    <t>ﾍﾃﾊﾟｼﾌｨｯｸ</t>
  </si>
  <si>
    <t>袋ヨッポギ2人前チーズ味</t>
  </si>
  <si>
    <t>麺ピー麻辣味</t>
  </si>
  <si>
    <t>医食同源ドットコム</t>
  </si>
  <si>
    <t>ｲｼｮｸﾄﾞｳｹﾞﾝ</t>
  </si>
  <si>
    <t>麺ピーまろゴマ味</t>
  </si>
  <si>
    <t>モッパン本場韓国チキンパウダー</t>
  </si>
  <si>
    <t>韓国フライドチキンミックス</t>
  </si>
  <si>
    <t>チーズドッグミックス</t>
  </si>
  <si>
    <t>ココナッツミルク缶</t>
  </si>
  <si>
    <t>海鮮にらチヂミ</t>
  </si>
  <si>
    <t>台湾ピータン</t>
  </si>
  <si>
    <t>韓の食菜ヤンニョムだれ</t>
  </si>
  <si>
    <t>韓の食菜にんにくごま油だれ</t>
  </si>
  <si>
    <t>韓の食菜チヂミ</t>
  </si>
  <si>
    <t>ライスペーパー16cm</t>
  </si>
  <si>
    <t>皇膳房Ｍピータン_袋</t>
  </si>
  <si>
    <t>２個</t>
  </si>
  <si>
    <t>ﾏﾙｾｲｼﾞｮｳｼﾞ</t>
  </si>
  <si>
    <t>タイビーフン</t>
  </si>
  <si>
    <t>粉唐辛子韓国料理用</t>
  </si>
  <si>
    <t>粗挽き唐辛子韓国料理用</t>
  </si>
  <si>
    <t>青唐がらしカット酢漬</t>
  </si>
  <si>
    <t>冷麺（スープ付／2人前）</t>
  </si>
  <si>
    <t>トック（切り団子餅）</t>
  </si>
  <si>
    <t>薄型ライスペーパー</t>
  </si>
  <si>
    <t>ライスペーパー15.5cm</t>
  </si>
  <si>
    <t>フォーベトナムビーフン平麺</t>
  </si>
  <si>
    <t>ブンベトナムビーフン丸麺</t>
  </si>
  <si>
    <t>韓国料理用春雨</t>
  </si>
  <si>
    <t>エスニック　レモングラス</t>
  </si>
  <si>
    <t>２Ｇ</t>
  </si>
  <si>
    <t>エスニック　ライムリーフ</t>
  </si>
  <si>
    <t>３Ｇ</t>
  </si>
  <si>
    <t>エスニック　ウコン</t>
  </si>
  <si>
    <t>トック国産</t>
  </si>
  <si>
    <t>トッポギ国産</t>
  </si>
  <si>
    <t>２０Ｇ</t>
  </si>
  <si>
    <t>カオマンガイの素</t>
  </si>
  <si>
    <t>165ml</t>
  </si>
  <si>
    <t>プルコギキンパの素</t>
  </si>
  <si>
    <t>ヤンニン</t>
  </si>
  <si>
    <t>チョウショク商事</t>
  </si>
  <si>
    <t>ﾁｮｳｾﾝｼｮｳｼﾞ</t>
  </si>
  <si>
    <t>大阪鶴橋トッポギ</t>
  </si>
  <si>
    <t>大阪鶴橋トック</t>
  </si>
  <si>
    <t>高麗冷麺（2食入り）</t>
  </si>
  <si>
    <t>韓国屋台トッポギ</t>
  </si>
  <si>
    <t>料理する韓国餅トック</t>
  </si>
  <si>
    <t>料理する韓国餅トッポギ</t>
  </si>
  <si>
    <t>美山</t>
  </si>
  <si>
    <t>ﾐﾔﾏ</t>
  </si>
  <si>
    <t>ベトナムライスペーパー</t>
  </si>
  <si>
    <t>One_Dish_Asia_ベトナムライスペーパー直径22cm</t>
  </si>
  <si>
    <t>ビッチーライスヌードルフォー3.5mm</t>
  </si>
  <si>
    <t>ライスヌードルフォー3.5mm</t>
  </si>
  <si>
    <t>好人家火鍋の素</t>
  </si>
  <si>
    <t>辛口昆布細切り</t>
  </si>
  <si>
    <t>ｱｼﾞｴｲﾄｸ</t>
  </si>
  <si>
    <t>ヘチャンドルサムジャン</t>
  </si>
  <si>
    <t>bibigoソルロンタン</t>
  </si>
  <si>
    <t>bibigoカルビタン</t>
  </si>
  <si>
    <t>ダシダタッカンマリ鍋つゆ</t>
  </si>
  <si>
    <t>クラシックタイフィッシュソースナンプラー</t>
  </si>
  <si>
    <t>メガシェフ・ナンプラー</t>
  </si>
  <si>
    <t>ココナッツクリーム</t>
  </si>
  <si>
    <t>ドーバーフィールドファーイースト</t>
  </si>
  <si>
    <t>ﾄﾞ-ﾊﾞ-ﾌｨ-ﾙ</t>
  </si>
  <si>
    <t>クラシックココナッツミルクUHT</t>
  </si>
  <si>
    <t>ﾄﾞｰﾊﾞｰﾌｨｰﾙ</t>
  </si>
  <si>
    <t>ココナッツクリームパウダー</t>
  </si>
  <si>
    <t>KARA</t>
  </si>
  <si>
    <t>KOME</t>
  </si>
  <si>
    <t>ﾀｲｷｰ</t>
  </si>
  <si>
    <t>生春巻きのライスペーパー</t>
  </si>
  <si>
    <t>タイ風クッキングペーストトムヤムミックス</t>
  </si>
  <si>
    <t>タイ風クッキングペーストナンプラーミックス</t>
  </si>
  <si>
    <t>ナンプラー</t>
  </si>
  <si>
    <t>ヌクナム</t>
  </si>
  <si>
    <t>ママシタスアナトーパウダー</t>
  </si>
  <si>
    <t>仙草ゼリー</t>
  </si>
  <si>
    <t>台南関廟刀削麺</t>
  </si>
  <si>
    <t>ｳｪｲﾁｪﾝ</t>
  </si>
  <si>
    <t>李錦記サムジャン</t>
  </si>
  <si>
    <t>李錦記ヤンニョムチキンソースチューブ</t>
  </si>
  <si>
    <t>シラチャー・チリソース</t>
  </si>
  <si>
    <t>ﾌﾗｲﾝｸﾞｿ-ｽ</t>
  </si>
  <si>
    <t>フライングGチリソーススーパーホット</t>
  </si>
  <si>
    <t>FグースシラチャーチリソースSガーリック200ml</t>
  </si>
  <si>
    <t>インドミーインスタント麺ソト味</t>
  </si>
  <si>
    <t>ｲﾝﾄﾞﾐ-</t>
  </si>
  <si>
    <t>インドミーインスタント麺激辛ミーゴレン</t>
  </si>
  <si>
    <t>インドフードグライカレースープ</t>
  </si>
  <si>
    <t>ｲﾝﾄﾞﾌｰﾄﾞ</t>
  </si>
  <si>
    <t>インドフードインドネシアカレーの素</t>
  </si>
  <si>
    <t>ナシゴレンの素</t>
  </si>
  <si>
    <t>インドフードオポールアヤムの素</t>
  </si>
  <si>
    <t>ｲﾝﾄﾞﾌﾄﾞ</t>
  </si>
  <si>
    <t>インドフードラウオンビーフスープ</t>
  </si>
  <si>
    <t>ソトアヤムの素</t>
  </si>
  <si>
    <t>冬瓜茶</t>
  </si>
  <si>
    <t>フィリピンビネガースパイス</t>
  </si>
  <si>
    <t>DATUPUTI</t>
  </si>
  <si>
    <t>イワシのトマトソース漬けホット</t>
  </si>
  <si>
    <t>Ligo</t>
  </si>
  <si>
    <t>イワシのトマトソース漬け</t>
  </si>
  <si>
    <t>エンジェルオールパーパスクリーム</t>
  </si>
  <si>
    <t>鮪のアドボ風</t>
  </si>
  <si>
    <t>鮪のアフリターダ風</t>
  </si>
  <si>
    <t>鮪のメチャド風</t>
  </si>
  <si>
    <t>ヤンググリーンジャックフルーツ</t>
  </si>
  <si>
    <t>コチュジャンシーズニング</t>
  </si>
  <si>
    <t>バーベキューシーズニング</t>
  </si>
  <si>
    <t>キムチシーズニング</t>
  </si>
  <si>
    <t>S＆Wフィエスタフルーツカクテル3号缶432g</t>
  </si>
  <si>
    <t>432G</t>
  </si>
  <si>
    <t>えびせんべいガーリック風味</t>
  </si>
  <si>
    <t>トムヤムクン鍋スープの素</t>
  </si>
  <si>
    <t>シラチャーマヨ</t>
  </si>
  <si>
    <t>ワンチャイ牛乳</t>
  </si>
  <si>
    <t>旺旺・ジャパン</t>
  </si>
  <si>
    <t>ﾜﾝﾜﾝ</t>
  </si>
  <si>
    <t>ココナッツパウダー</t>
  </si>
  <si>
    <t>タイ・フーズ・サプライ</t>
  </si>
  <si>
    <t>ﾀｲﾌｰｽﾞ</t>
  </si>
  <si>
    <t>香辣味鴨手羽元</t>
  </si>
  <si>
    <t>東永商事</t>
  </si>
  <si>
    <t>ﾎﾜｲﾝ</t>
  </si>
  <si>
    <t>ココナッツファイン</t>
  </si>
  <si>
    <t>ココナッツロング</t>
  </si>
  <si>
    <t>オールパーパスクリーム</t>
  </si>
  <si>
    <t>410ml</t>
  </si>
  <si>
    <t>チゲ家本舗</t>
  </si>
  <si>
    <t>プルコギたれ</t>
  </si>
  <si>
    <t>チヂミのタレ</t>
  </si>
  <si>
    <t>チョレギサラダ</t>
  </si>
  <si>
    <t>チッチャロンガーリック</t>
  </si>
  <si>
    <t>ジェイピー</t>
  </si>
  <si>
    <t>PORKKING</t>
  </si>
  <si>
    <t>チチャロンバーベキュー</t>
  </si>
  <si>
    <t>アドボマネレギュラー</t>
  </si>
  <si>
    <t>PANLASANG</t>
  </si>
  <si>
    <t>コチュジャンチューブ</t>
  </si>
  <si>
    <t>120g*3</t>
  </si>
  <si>
    <t>タッカルビソース</t>
  </si>
  <si>
    <t>200g*2</t>
  </si>
  <si>
    <t>キムチ鍋セットスンドゥブチゲ風</t>
  </si>
  <si>
    <t>キムチ鍋セットプデチゲ風</t>
  </si>
  <si>
    <t>キムチ鍋テンジャンチゲ風</t>
  </si>
  <si>
    <t>OFood韓グルメ旅スンドゥブチゲの素</t>
  </si>
  <si>
    <t>OFood韓グルメ旅ユッケジャンの素</t>
  </si>
  <si>
    <t>OFood韓グルメ旅コチュジャンプルコギの素</t>
  </si>
  <si>
    <t>OFood韓グルメ旅テンジャンチゲの素</t>
  </si>
  <si>
    <t>OFood韓グルメ旅キムチチゲの素</t>
  </si>
  <si>
    <t>ﾃﾞｻﾞﾝｼｬﾊﾟﾝ</t>
  </si>
  <si>
    <t>OFood韓グルメ旅プデチゲの素</t>
  </si>
  <si>
    <t>OFood韓グルメ旅コチュジャントッポギの素</t>
  </si>
  <si>
    <t>OFood韓グルメ旅海鮮ちゃんぽんの素</t>
  </si>
  <si>
    <t>麻辣マニア</t>
  </si>
  <si>
    <t>光華</t>
  </si>
  <si>
    <t>ｺｳｶ</t>
  </si>
  <si>
    <t>10包入</t>
  </si>
  <si>
    <t>TapiocaFlour</t>
  </si>
  <si>
    <t>サリラヤ</t>
  </si>
  <si>
    <t>Sariraya</t>
  </si>
  <si>
    <t>TempeChipsOriginal</t>
  </si>
  <si>
    <t>TempeChipsSpicy</t>
  </si>
  <si>
    <t>ポックムソース</t>
  </si>
  <si>
    <t>コチュマヨ</t>
  </si>
  <si>
    <t>金蘭醤油</t>
  </si>
  <si>
    <t>590ml</t>
  </si>
  <si>
    <t>Kimlan</t>
  </si>
  <si>
    <t>花生麺筋缶</t>
  </si>
  <si>
    <t>泰山仙草蜜缶</t>
  </si>
  <si>
    <t>蘋果西打</t>
  </si>
  <si>
    <t>ﾀﾞｲｾｲﾖｳｲﾝﾘ</t>
  </si>
  <si>
    <t>黒松台湾コーラ缶330ml</t>
  </si>
  <si>
    <t>ﾍｲｿﾝ</t>
  </si>
  <si>
    <t>台湾ネギクラッカー</t>
  </si>
  <si>
    <t>ｾﾚﾅ</t>
  </si>
  <si>
    <t>台湾ネギビスケット</t>
  </si>
  <si>
    <t>老楊塩蛋黄餅</t>
  </si>
  <si>
    <t>ﾗｵﾔﾝ</t>
  </si>
  <si>
    <t>辣椒醤ラージャン</t>
  </si>
  <si>
    <t>九福鳳梨酥パイナップルケーキ</t>
  </si>
  <si>
    <t>ｼﾞｳﾌｰ</t>
  </si>
  <si>
    <t>九福木瓜酥パパイヤケーキ</t>
  </si>
  <si>
    <t>九福茘枝酥ライチケーキ</t>
  </si>
  <si>
    <t>ｼﾞｮｳﾌｪﾝ</t>
  </si>
  <si>
    <t>台湾九福鳳梨酥パイナップルケーキ</t>
  </si>
  <si>
    <t>台湾マンゴーケーキ</t>
  </si>
  <si>
    <t>麻辣鍋火鍋の素</t>
  </si>
  <si>
    <t>ｷﾞｭｳﾄｳﾊｲ</t>
  </si>
  <si>
    <t>芒果牛軋糖ヌガ</t>
  </si>
  <si>
    <t>CHERCHER</t>
  </si>
  <si>
    <t>鳳梨牛軋糖ヌガ</t>
  </si>
  <si>
    <t>地瓜粉</t>
  </si>
  <si>
    <t>HsinTehFu</t>
  </si>
  <si>
    <t>芝麻醤黒</t>
  </si>
  <si>
    <t>醤油瓜子スイカ種</t>
  </si>
  <si>
    <t>甘草瓜子スイカ種</t>
  </si>
  <si>
    <t>台湾朝天酸菜辣椒</t>
  </si>
  <si>
    <t>竦豆板醤</t>
  </si>
  <si>
    <t>蒜蓉辣椒醤</t>
  </si>
  <si>
    <t>芝麻醤白</t>
  </si>
  <si>
    <t>トマトケチャップスウィートブレンド</t>
  </si>
  <si>
    <t>デルモンテ</t>
  </si>
  <si>
    <t>DELMONTE</t>
  </si>
  <si>
    <t>コーンビーフ</t>
  </si>
  <si>
    <t>ELRANCHO</t>
  </si>
  <si>
    <t>ピノイデリディヌグアン</t>
  </si>
  <si>
    <t>GOLDILOCKS</t>
  </si>
  <si>
    <t>ピノイデリライング</t>
  </si>
  <si>
    <t>フィリピン醤油</t>
  </si>
  <si>
    <t>385ml</t>
  </si>
  <si>
    <t>SILVERSWAN</t>
  </si>
  <si>
    <t>シーズニングクラシック</t>
  </si>
  <si>
    <t>Maggi</t>
  </si>
  <si>
    <t>シーズニングカラマンシ</t>
  </si>
  <si>
    <t>シーズニングホットチリ</t>
  </si>
  <si>
    <t>シーズニングチリマンシ</t>
  </si>
  <si>
    <t>ｱﾗｽｶ</t>
  </si>
  <si>
    <t>チキンコンソメキューブ</t>
  </si>
  <si>
    <t>ｸﾉﾙ</t>
  </si>
  <si>
    <t>ポークコンソメキューブ</t>
  </si>
  <si>
    <t>シニガンスープの素</t>
  </si>
  <si>
    <t>フィリピンビネガー</t>
  </si>
  <si>
    <t>チキンミックススパイス</t>
  </si>
  <si>
    <t>チキンミックスガーリック</t>
  </si>
  <si>
    <t>ナチュラルフィッシュソース</t>
  </si>
  <si>
    <t>MAMA_SITA’S</t>
  </si>
  <si>
    <t>Tentay</t>
  </si>
  <si>
    <t>ANCHOVYSAUCE小魚の塩辛</t>
  </si>
  <si>
    <t>FLORENCE</t>
  </si>
  <si>
    <t>マカプノ</t>
  </si>
  <si>
    <t>ﾌﾛﾚﾝｽ</t>
  </si>
  <si>
    <t>砂糖ヤシの実瓶詰めレッド</t>
  </si>
  <si>
    <t>砂糖ヤシの実瓶詰めグリーン</t>
  </si>
  <si>
    <t>ハロハロの具瓶詰め</t>
  </si>
  <si>
    <t>クララオレスパゲッティソース</t>
  </si>
  <si>
    <t>ｸﾗﾗｵﾚ</t>
  </si>
  <si>
    <t>MEGAQBIHON</t>
  </si>
  <si>
    <t>飾一</t>
  </si>
  <si>
    <t>チキングレービーミックス</t>
  </si>
  <si>
    <t>McCormick</t>
  </si>
  <si>
    <t>シュリンプフライスパイシー</t>
  </si>
  <si>
    <t>パシフィックアイルズ</t>
  </si>
  <si>
    <t>ﾊﾟｼﾌｨｯｸｱｲﾙ</t>
  </si>
  <si>
    <t>PUREFOODS</t>
  </si>
  <si>
    <t>シシッグ缶</t>
  </si>
  <si>
    <t>ﾋﾟｭｱﾌｰｽﾞ</t>
  </si>
  <si>
    <t>メキシカンＨＯＴカリーサル</t>
  </si>
  <si>
    <t>クリーミーバジルソース</t>
  </si>
  <si>
    <t>クリーミーパクチーソース</t>
  </si>
  <si>
    <t>きざみパクチー</t>
  </si>
  <si>
    <t>菜館Asiaシラチャーソース</t>
  </si>
  <si>
    <t>菜館万能韓国あじ</t>
  </si>
  <si>
    <t>秋田の魚醤鱈</t>
  </si>
  <si>
    <t>サムジャン</t>
  </si>
  <si>
    <t>WellbeingVegelifeキムチの素</t>
  </si>
  <si>
    <t>有紀杏仁霜アーモンド</t>
  </si>
  <si>
    <t>エスニックタピオカ小粒</t>
  </si>
  <si>
    <t>サンバル　瓶</t>
  </si>
  <si>
    <t>ライスペーパーのたれ</t>
  </si>
  <si>
    <t>ユウケイジャンスパイス</t>
  </si>
  <si>
    <t>ウィルバッファロホッター</t>
  </si>
  <si>
    <t>354ml</t>
  </si>
  <si>
    <t>バッファローバーベQソース</t>
  </si>
  <si>
    <t>バッファローオリジナル</t>
  </si>
  <si>
    <t>３５４ＭＬ</t>
  </si>
  <si>
    <t>ラヨン・ナンプラー</t>
  </si>
  <si>
    <t>そのままかけられるナンプラー</t>
  </si>
  <si>
    <t>ｽｲ-ﾄﾁﾘｿ-ｽ</t>
  </si>
  <si>
    <t>チヂミのたれ醤油味</t>
  </si>
  <si>
    <t>薬念醤ヤンニンジャン</t>
  </si>
  <si>
    <t>ナンプリック・ナンプラー</t>
  </si>
  <si>
    <t>エスニックガーリックライス素</t>
  </si>
  <si>
    <t>トムヤムペースト</t>
  </si>
  <si>
    <t>ガパオペーストチューブ</t>
  </si>
  <si>
    <t>パクチーソース</t>
  </si>
  <si>
    <t>１３５Ｇ</t>
  </si>
  <si>
    <t>シンガポールラクサの素</t>
  </si>
  <si>
    <t>１２５Ｇ</t>
  </si>
  <si>
    <t>パクチーペースト</t>
  </si>
  <si>
    <t>レモングラスペースト</t>
  </si>
  <si>
    <t>１１０Ｇ</t>
  </si>
  <si>
    <t>シラチャーレッド</t>
  </si>
  <si>
    <t>フォースープ顆粒</t>
  </si>
  <si>
    <t>ハリッサ</t>
  </si>
  <si>
    <t>エスニッククラッシュピーナッツ</t>
  </si>
  <si>
    <t>タテギ韓国調味料</t>
  </si>
  <si>
    <t>刻みハラペーニョチューブ</t>
  </si>
  <si>
    <t>シーフードグリーンチリソース</t>
  </si>
  <si>
    <t>ナムルの素醤油味</t>
  </si>
  <si>
    <t>ナムルの素塩味</t>
  </si>
  <si>
    <t>ロコモコソース</t>
  </si>
  <si>
    <t>カオマンガイのたれ</t>
  </si>
  <si>
    <t>サンバル</t>
  </si>
  <si>
    <t>カノワングリーンカレーペースト</t>
  </si>
  <si>
    <t>カノワンレッドカレーペースト</t>
  </si>
  <si>
    <t>カノワンマッサマンカレーペースト</t>
  </si>
  <si>
    <t>カノワントムヤムペースト</t>
  </si>
  <si>
    <t>カノワンガパオ炒めペースト</t>
  </si>
  <si>
    <t>ポテトシーズニング３種チーズ</t>
  </si>
  <si>
    <t>１６Ｇ</t>
  </si>
  <si>
    <t>ポテトシーズニングコンソメ</t>
  </si>
  <si>
    <t>ポテトシーズニングバーベキュ</t>
  </si>
  <si>
    <t>ポテトシーズニングサワーＣ</t>
  </si>
  <si>
    <t>アメリカンケイジャンソース</t>
  </si>
  <si>
    <t>１７５Ｇ</t>
  </si>
  <si>
    <t>シャリアピンソース</t>
  </si>
  <si>
    <t>７５Ｇ</t>
  </si>
  <si>
    <t>チキンホッターソース</t>
  </si>
  <si>
    <t>タコソース</t>
  </si>
  <si>
    <t>ナンプラー（魚醤）</t>
  </si>
  <si>
    <t>ヤンニョムチキンの素</t>
  </si>
  <si>
    <t>サテトム</t>
  </si>
  <si>
    <t>サンライズSin1984</t>
  </si>
  <si>
    <t>阪神ソース</t>
  </si>
  <si>
    <t>ﾊﾝｼﾝｿ-ｽ</t>
  </si>
  <si>
    <t>スンドゥブ　辛口</t>
  </si>
  <si>
    <t>スンドゥブ　マイルド</t>
  </si>
  <si>
    <t>バランス　フィッシュソース（ナンプラー）ゴールド_200ml</t>
  </si>
  <si>
    <t>メープラノムスイートチリソース</t>
  </si>
  <si>
    <t>タイの台所　マンゴーチリソース_200ml</t>
  </si>
  <si>
    <t>ロボ　トムヤムペースト</t>
  </si>
  <si>
    <t>スリーシェフ　トムヤムペースト</t>
  </si>
  <si>
    <t>タイの台所ちょっぴりスイートチリソース</t>
  </si>
  <si>
    <t>15g5</t>
  </si>
  <si>
    <t>タイの台所ちょっぴりナンプラー</t>
  </si>
  <si>
    <t>10g5</t>
  </si>
  <si>
    <t>ｱﾗｲﾄﾞｺｰﾎﾟﾚ</t>
  </si>
  <si>
    <t>タイ鶏肉のガパオ炒めの素</t>
  </si>
  <si>
    <t>5分で出来るガパオの素</t>
  </si>
  <si>
    <t>タイの台所フリーズドライパクチー2g</t>
  </si>
  <si>
    <t>ワハハ八宝粥</t>
  </si>
  <si>
    <t>ﾜﾊﾊ</t>
  </si>
  <si>
    <t>木糖醇八宝粥</t>
  </si>
  <si>
    <t>ナツメ･栗入り粥</t>
  </si>
  <si>
    <t>百合･蓮入り粥</t>
  </si>
  <si>
    <t>香辣黄花魚</t>
  </si>
  <si>
    <t>ﾌﾀﾊﾞｻﾝｷﾞｮｳ</t>
  </si>
  <si>
    <t>大塊紅腐乳</t>
  </si>
  <si>
    <t>静安</t>
  </si>
  <si>
    <t>ﾜﾝｼﾞｰﾌｰ</t>
  </si>
  <si>
    <t>韮花醤</t>
  </si>
  <si>
    <t>椰香酥巻</t>
  </si>
  <si>
    <t>ﾁｭﾝｸﾞｧﾝ</t>
  </si>
  <si>
    <t>老壇酸菜牛肉麺</t>
  </si>
  <si>
    <t>ｶﾝｼﾌ</t>
  </si>
  <si>
    <t>117g5</t>
  </si>
  <si>
    <t>蛋酥味沙棋瑪</t>
  </si>
  <si>
    <t>ｼﾞﾝｲｰｼﾞｪﾝ</t>
  </si>
  <si>
    <t>紅なつめ</t>
  </si>
  <si>
    <t>ﾁｮｳｼ</t>
  </si>
  <si>
    <t>鶏精</t>
  </si>
  <si>
    <t>ﾀｲﾀｲﾗｸ</t>
  </si>
  <si>
    <t>冰紅茶</t>
  </si>
  <si>
    <t>香瓜子ヒマワリ種</t>
  </si>
  <si>
    <t>華商</t>
  </si>
  <si>
    <t>ﾁｬﾁｬ</t>
  </si>
  <si>
    <t>原味香瓜子</t>
  </si>
  <si>
    <t>香瓜子葵瓜子ヒマワリの種ココナッツ味</t>
  </si>
  <si>
    <t>焦糖香瓜子キャラメル味</t>
  </si>
  <si>
    <t>山核桃瓜子</t>
  </si>
  <si>
    <t>麻辣湯粉糸</t>
  </si>
  <si>
    <t>双葉</t>
  </si>
  <si>
    <t>ﾊﾞｲｼﾞｱﾁｪﾝ</t>
  </si>
  <si>
    <t>酸辣粉糸-桶</t>
  </si>
  <si>
    <t>ﾊﾞｲｼﾞｬｰﾁｪﾝ</t>
  </si>
  <si>
    <t>紅油面皮酸辣味</t>
  </si>
  <si>
    <t>AKUAN</t>
  </si>
  <si>
    <t>紅油面皮-酸辣味</t>
  </si>
  <si>
    <t>麻辣湯粉糸-桶</t>
  </si>
  <si>
    <t>ﾊｸｲｴ</t>
  </si>
  <si>
    <t>酸辣粉糸</t>
  </si>
  <si>
    <t>紅油面皮-麻醤味</t>
  </si>
  <si>
    <t>紅油面皮-麻辣味</t>
  </si>
  <si>
    <t>110g×4</t>
  </si>
  <si>
    <t>紅油面皮-麻辣味桶</t>
  </si>
  <si>
    <t>紅油面皮-麻醤味桶</t>
  </si>
  <si>
    <t>椒麻拌面4連包</t>
  </si>
  <si>
    <t>?好巴食</t>
  </si>
  <si>
    <t>ﾖｳﾆｰｲｰﾐｪﾝ</t>
  </si>
  <si>
    <t>味付けたけのこ皮剥き微辣味</t>
  </si>
  <si>
    <t>味付けたけのこ皮剥き泡椒味</t>
  </si>
  <si>
    <t>サンザシスライス</t>
  </si>
  <si>
    <t>112.5g</t>
  </si>
  <si>
    <t>ｲｪﾝﾒｲｼｧﾝ</t>
  </si>
  <si>
    <t>勁仔厚豆干香辣</t>
  </si>
  <si>
    <t>JinzaiFood</t>
  </si>
  <si>
    <t>勁仔厚豆干麻辣</t>
  </si>
  <si>
    <t>茹で塩蛋</t>
  </si>
  <si>
    <t>网紅辣棒</t>
  </si>
  <si>
    <t>ｼｬｵﾏｰｶﾞ</t>
  </si>
  <si>
    <t>网紅面筋</t>
  </si>
  <si>
    <t>网紅辣糸</t>
  </si>
  <si>
    <t>ｼｬｵﾏｰｸﾞｰ</t>
  </si>
  <si>
    <t>网紅辣塊</t>
  </si>
  <si>
    <t>勁仔小魚香辣</t>
  </si>
  <si>
    <t>勁仔小魚麻辣</t>
  </si>
  <si>
    <t>勁仔小魚滷香</t>
  </si>
  <si>
    <t>勁仔小魚醤汁</t>
  </si>
  <si>
    <t>勁仔小魚糖酢</t>
  </si>
  <si>
    <t>溜溜梅蜂蜜味</t>
  </si>
  <si>
    <t>ﾘｭｰﾘｭｰﾒｲ</t>
  </si>
  <si>
    <t>四川花山椒</t>
  </si>
  <si>
    <t>天然椰子汁</t>
  </si>
  <si>
    <t>ｲｪｼｭｰ</t>
  </si>
  <si>
    <t>双椒肉醤拌面</t>
  </si>
  <si>
    <t>ﾖｳﾆｰｲｰﾒﾝ</t>
  </si>
  <si>
    <t>重慶豌雑面</t>
  </si>
  <si>
    <t>焼椒牛肉拌面</t>
  </si>
  <si>
    <t>極太さつまいも春雨</t>
  </si>
  <si>
    <t>水晶粉条</t>
  </si>
  <si>
    <t>火鍋寛粉</t>
  </si>
  <si>
    <t>さつまいも春雨</t>
  </si>
  <si>
    <t>テンジャン</t>
  </si>
  <si>
    <t>ヘチャンドル在来式テンジャン</t>
  </si>
  <si>
    <t>韓国産_おいしい韓国_牛肉ﾀﾞｼﾀﾞ_袋</t>
  </si>
  <si>
    <t>牛肉ダシダ業務用</t>
  </si>
  <si>
    <t>あさりダシダ</t>
  </si>
  <si>
    <t>プレミアムあさりダシダ</t>
  </si>
  <si>
    <t>プルコギのたれ甘口</t>
  </si>
  <si>
    <t>トッポッキソース</t>
  </si>
  <si>
    <t>ビビゴ牛骨コムタン</t>
  </si>
  <si>
    <t>bibigoタッカルビソース</t>
  </si>
  <si>
    <t>ビビゴカムジャタン</t>
  </si>
  <si>
    <t>ｼｰｼﾞｪｰ</t>
  </si>
  <si>
    <t>ビダン唐辛子粉キムチ用</t>
  </si>
  <si>
    <t>ビダン唐辛子粉調味用</t>
  </si>
  <si>
    <t>スンチャンサムジャン</t>
  </si>
  <si>
    <t>牛肉だしカムチミ</t>
  </si>
  <si>
    <t>ブルダックソース</t>
  </si>
  <si>
    <t>カルボブルダックソース</t>
  </si>
  <si>
    <t>極辛ブルダックソース</t>
  </si>
  <si>
    <t>カナリエキスいかなご液体だし</t>
  </si>
  <si>
    <t>いわしエキスいわし液体だし</t>
  </si>
  <si>
    <t>bibigo_コチュジャン</t>
  </si>
  <si>
    <t>bibigo_サムジャン</t>
  </si>
  <si>
    <t>Sweetmixjelly</t>
  </si>
  <si>
    <t>Sweet</t>
  </si>
  <si>
    <t>本格ケランチム</t>
  </si>
  <si>
    <t>フィッシュソースナンプラー</t>
  </si>
  <si>
    <t>SMED</t>
  </si>
  <si>
    <t>メープロイレッドカレーペースト</t>
  </si>
  <si>
    <t>エーワン</t>
  </si>
  <si>
    <t>ﾒﾌﾟﾛｲ</t>
  </si>
  <si>
    <t>メープロイグリーンカレーペースト</t>
  </si>
  <si>
    <t>メープロイイエローカレーペースト</t>
  </si>
  <si>
    <t>Dチキンソース</t>
  </si>
  <si>
    <t>ジャックフルーツ缶</t>
  </si>
  <si>
    <t>ﾚﾑﾄﾝ</t>
  </si>
  <si>
    <t>ココナッツミート</t>
  </si>
  <si>
    <t>LAMTHONG</t>
  </si>
  <si>
    <t>タイチョイスフィッシュソースナンプラー60ml</t>
  </si>
  <si>
    <t>60ML</t>
  </si>
  <si>
    <t>グリーンカレーペースト</t>
  </si>
  <si>
    <t>ﾀｲﾁﾖｲｽ</t>
  </si>
  <si>
    <t>タイチョイスレッドカレーペースト</t>
  </si>
  <si>
    <t>タイチョイストムヤムペースト</t>
  </si>
  <si>
    <t>ジンダスイートチリソースエクストラホット</t>
  </si>
  <si>
    <t>ｼﾞﾝﾀﾞ</t>
  </si>
  <si>
    <t>ジンダ　スイートチリソース（エクストラホット）</t>
  </si>
  <si>
    <t>225G</t>
  </si>
  <si>
    <t>プレミアムフィッシュソース</t>
  </si>
  <si>
    <t>MalkistAbonSapi</t>
  </si>
  <si>
    <t>さかふじ</t>
  </si>
  <si>
    <t>KhongGuan</t>
  </si>
  <si>
    <t>GabinNCokelat</t>
  </si>
  <si>
    <t>タイ鍋風ラーメン</t>
  </si>
  <si>
    <t>クリームウエハース</t>
  </si>
  <si>
    <t>Kemxop</t>
  </si>
  <si>
    <t>ハイチャウ万能調味塩</t>
  </si>
  <si>
    <t>Cholimex</t>
  </si>
  <si>
    <t>サテ</t>
  </si>
  <si>
    <t>ヌクマム</t>
  </si>
  <si>
    <t>CHOLIMEX</t>
  </si>
  <si>
    <t>ﾁﾝｽ</t>
  </si>
  <si>
    <t>竹の子水煮</t>
  </si>
  <si>
    <t>発酵米</t>
  </si>
  <si>
    <t>ApiBlackCoffee</t>
  </si>
  <si>
    <t>Kapal</t>
  </si>
  <si>
    <t>SeleraPedasSemurAyamPedas</t>
  </si>
  <si>
    <t>miABC</t>
  </si>
  <si>
    <t>TomatPedasHotTomatoSoup</t>
  </si>
  <si>
    <t>RasaGulaiAyamPedas</t>
  </si>
  <si>
    <t>ユナイテッドグルメ</t>
  </si>
  <si>
    <t>RasaAyamBawangオニオンチキン味</t>
  </si>
  <si>
    <t>激辛ビーフ味焼きそば</t>
  </si>
  <si>
    <t>SotoAyam</t>
  </si>
  <si>
    <t>BasoSapi</t>
  </si>
  <si>
    <t>BamboeRendang</t>
  </si>
  <si>
    <t>Bamboe</t>
  </si>
  <si>
    <t>NasiGoreng</t>
  </si>
  <si>
    <t>BUMBUBALI</t>
  </si>
  <si>
    <t>BumbuBalado</t>
  </si>
  <si>
    <t>NasiGorengPedas</t>
  </si>
  <si>
    <t>MasakoAyam</t>
  </si>
  <si>
    <t>ajinomoto</t>
  </si>
  <si>
    <t>MasakoSapi</t>
  </si>
  <si>
    <t>サンバルトラシ</t>
  </si>
  <si>
    <t>ﾄﾞｩｱﾍﾞﾘﾋﾞｽ</t>
  </si>
  <si>
    <t>イワシのバラドソース煮</t>
  </si>
  <si>
    <t>KINGSFIS</t>
  </si>
  <si>
    <t>ツナ缶ホットスパイシー味</t>
  </si>
  <si>
    <t>イワシのチリソース煮</t>
  </si>
  <si>
    <t>イワシのバンコクソース煮</t>
  </si>
  <si>
    <t>ツナ缶バリ風チリソース</t>
  </si>
  <si>
    <t>マカロニクリスピースナックレベル15</t>
  </si>
  <si>
    <t>KOBE</t>
  </si>
  <si>
    <t>サンドウエハースチョコ味</t>
  </si>
  <si>
    <t>MAYORA</t>
  </si>
  <si>
    <t>サンドウエハースバニラ味</t>
  </si>
  <si>
    <t>サンドウエハースココナッツ味</t>
  </si>
  <si>
    <t>エネルゲンチョコ味</t>
  </si>
  <si>
    <t>40g10</t>
  </si>
  <si>
    <t>ﾏﾖﾗ</t>
  </si>
  <si>
    <t>エネルゲンバニラ味</t>
  </si>
  <si>
    <t>KerupukTerasi</t>
  </si>
  <si>
    <t>Waroeng</t>
  </si>
  <si>
    <t>KerupukBawang</t>
  </si>
  <si>
    <t>KerupukPalembang</t>
  </si>
  <si>
    <t>ブラウン2in1</t>
  </si>
  <si>
    <t>ｺﾋﾟｺ</t>
  </si>
  <si>
    <t>チキンクリスピー味インスタントラーメン</t>
  </si>
  <si>
    <t>sedaap</t>
  </si>
  <si>
    <t>SweetSoySauce</t>
  </si>
  <si>
    <t>ラックス</t>
  </si>
  <si>
    <t>Bango</t>
  </si>
  <si>
    <t>RasaAyam</t>
  </si>
  <si>
    <t>Royco</t>
  </si>
  <si>
    <t>RasaSapi</t>
  </si>
  <si>
    <t>タヒンクラシコ</t>
  </si>
  <si>
    <t>ｶｻﾅﾁｭﾗﾙ</t>
  </si>
  <si>
    <t>サムゲタンクッパの素</t>
  </si>
  <si>
    <t>中国海天生抽王小</t>
  </si>
  <si>
    <t>kaiten</t>
  </si>
  <si>
    <t>干しなつめ</t>
  </si>
  <si>
    <t>グリーンカレー</t>
  </si>
  <si>
    <t>ロイタイ</t>
  </si>
  <si>
    <t>ﾛｲﾀｲ</t>
  </si>
  <si>
    <t>レッドカレー</t>
  </si>
  <si>
    <t>マサマンカレースープ</t>
  </si>
  <si>
    <t>イエローカレー</t>
  </si>
  <si>
    <t>ライスペーパー極薄22CM</t>
  </si>
  <si>
    <t>サテトム　6個パック</t>
  </si>
  <si>
    <t>100gx6ｺ</t>
  </si>
  <si>
    <t>韓国エスニック即席</t>
  </si>
  <si>
    <t>エスニックガーデンペースト　グリーンカレー味</t>
  </si>
  <si>
    <t>エスニックガーデンペースト　レッドカレー味</t>
  </si>
  <si>
    <t>エスニックガーデンペースト　ガパオ味</t>
  </si>
  <si>
    <t>エスニックガーデンペースト　トムヤムクン味</t>
  </si>
  <si>
    <t>ダイズラボ　ガパオライス</t>
  </si>
  <si>
    <t>マッスンブスンドウブチゲ</t>
  </si>
  <si>
    <t>シーズマッスンブサムゲタン</t>
  </si>
  <si>
    <t>ベトナムフォーセットロータスブランド</t>
  </si>
  <si>
    <t>2ﾆﾝﾏｴ</t>
  </si>
  <si>
    <t>参鶏湯風スープ</t>
  </si>
  <si>
    <t>ヨッポギタッカルビ味</t>
  </si>
  <si>
    <t>ヨッポギトマト味</t>
  </si>
  <si>
    <t>ヨッポギ明太マヨ味</t>
  </si>
  <si>
    <t>麻辣湯</t>
  </si>
  <si>
    <t>ヤンニョムチキンセット</t>
  </si>
  <si>
    <t>ころころ甘辛トッポキ</t>
  </si>
  <si>
    <t>麻辣香鍋</t>
  </si>
  <si>
    <t>スンドゥブの素</t>
  </si>
  <si>
    <t>チーズトッポギ</t>
  </si>
  <si>
    <t>大象ジャパン　ジャジャントッポギ</t>
  </si>
  <si>
    <t>クリームロゼパウチトッポギ</t>
  </si>
  <si>
    <t>クリームロゼカップトッポギ</t>
  </si>
  <si>
    <t>金家の冷麺セット</t>
  </si>
  <si>
    <t>LS商事</t>
  </si>
  <si>
    <t>LSｼｮｳｼﾞ</t>
  </si>
  <si>
    <t>韓国風辛旨まぜそばチョル麺</t>
  </si>
  <si>
    <t>金家のビビン冷麺セット</t>
  </si>
  <si>
    <t>カット韓国春雨</t>
  </si>
  <si>
    <t>ビビゴ韓飯レンジクッパ海鮮スンドゥブ</t>
  </si>
  <si>
    <t>韓国クッパの素海鮮スンドゥブ</t>
  </si>
  <si>
    <t>牛骨コムタンクッパの素</t>
  </si>
  <si>
    <t>韓国クッパの素参鶏湯</t>
  </si>
  <si>
    <t>ダシダ本格鍋つゆ旨辛チゲ</t>
  </si>
  <si>
    <t>旨辛背徳グルメラッポッキ</t>
  </si>
  <si>
    <t>スパゲッティソース</t>
  </si>
  <si>
    <t>PARTYSTYLE</t>
  </si>
  <si>
    <t>スペシャルビーフン</t>
  </si>
  <si>
    <t>Hobe</t>
  </si>
  <si>
    <t>フローレンスバゴーン</t>
  </si>
  <si>
    <t>ＣＤタピオカミルク</t>
  </si>
  <si>
    <t>クックＤＯ酸辣湯用</t>
  </si>
  <si>
    <t>クックＤＯ玉米湯用</t>
  </si>
  <si>
    <t>ＣｏｏｋＤｏ麻辣火鍋風スープ用</t>
  </si>
  <si>
    <t>クックDOKOREA豆腐チゲ用</t>
  </si>
  <si>
    <t>クックコリアプルコギ</t>
  </si>
  <si>
    <t>テンジャンジー</t>
  </si>
  <si>
    <t>クックドウマンゴー</t>
  </si>
  <si>
    <t>クックＤＯＫＯＲＥＡキムチチ</t>
  </si>
  <si>
    <t>ごはんがススムくんカルビクッパ</t>
  </si>
  <si>
    <t>アンニントウフ</t>
  </si>
  <si>
    <t>ＣＤＫＯＲＥＡダッカルビ</t>
  </si>
  <si>
    <t>アジアメンベトナム</t>
  </si>
  <si>
    <t>65.4g</t>
  </si>
  <si>
    <t>CookDoKOREAプルコギ用</t>
  </si>
  <si>
    <t>CookDoKOREA豆腐チゲ用</t>
  </si>
  <si>
    <t>CookDoKOERAヤンニョム炒め用</t>
  </si>
  <si>
    <t>CookDoKOREAタッカルビ用</t>
  </si>
  <si>
    <t>メキシカンＨＯＴカリータコ</t>
  </si>
  <si>
    <t>サムゲタンの素</t>
  </si>
  <si>
    <t>菜館スンドゥブチゲの素辛口</t>
  </si>
  <si>
    <t>菜館参鶏湯の素</t>
  </si>
  <si>
    <t>菜館Ａｓｉａ　タンドリーチキンの素</t>
  </si>
  <si>
    <t>菜館Asiaガパオの素</t>
  </si>
  <si>
    <t>菜館Ａｓｉａ　青菜のナンプラー炒めの素</t>
  </si>
  <si>
    <t>菜館Ａｓｉａ　ガイヤーンの素</t>
  </si>
  <si>
    <t>菜館Ａｓｉａ　チキンビリヤニの素</t>
  </si>
  <si>
    <t>菜館Asiaトムヤムクン</t>
  </si>
  <si>
    <t>菜館酸辣湯の素</t>
  </si>
  <si>
    <t>菜館Asiaルーロー飯の素</t>
  </si>
  <si>
    <t>菜館Asia海南チキンライスの素</t>
  </si>
  <si>
    <t>菜館ユッケジャンの素</t>
  </si>
  <si>
    <t>菜館麻辣湯の素辛口</t>
  </si>
  <si>
    <t>海鮮チゲクッパの素</t>
  </si>
  <si>
    <t>8.2g×2P</t>
  </si>
  <si>
    <t>菜館トムヤムクンの素</t>
  </si>
  <si>
    <t>常温でおいしいカオマンガイ</t>
  </si>
  <si>
    <t>本格エスニックガパオ</t>
  </si>
  <si>
    <t>タイカレー＆ごはん</t>
  </si>
  <si>
    <t>ガパオ＆ごはん</t>
  </si>
  <si>
    <t>マイサイズ_クッパの素</t>
  </si>
  <si>
    <t>ベトナム風フォー</t>
  </si>
  <si>
    <t>68.9g</t>
  </si>
  <si>
    <t>四川風汁なし坦々めん</t>
  </si>
  <si>
    <t>台湾風担仔米粉</t>
  </si>
  <si>
    <t>ガーリックシュリンプソース</t>
  </si>
  <si>
    <t>アジアゲンキビビンバ</t>
  </si>
  <si>
    <t>アジアゲンキショクドウクッパ</t>
  </si>
  <si>
    <t>アジア元気　ピビンバ</t>
  </si>
  <si>
    <t>アジア元気　クッパ</t>
  </si>
  <si>
    <t>アジア元気韓国棒々鶏</t>
  </si>
  <si>
    <t>スンドゥブチゲの素マイルド</t>
  </si>
  <si>
    <t>ほめDELIガーリックシュリンプの素</t>
  </si>
  <si>
    <t>ほめDELIアクアパッツァ</t>
  </si>
  <si>
    <t>おうちでアジアごはん　タイ風春雨サラダ</t>
  </si>
  <si>
    <t>エスニックガーデンガパオの素</t>
  </si>
  <si>
    <t>エスニックガーデングリーンカレーの素</t>
  </si>
  <si>
    <t>エスニックガーデントムカーガイの素</t>
  </si>
  <si>
    <t>エスニックガーデントムヤムクンの素</t>
  </si>
  <si>
    <t>エスニックガーデンナシゴレンの素</t>
  </si>
  <si>
    <t>エスニックガーデン　ヤムウンセンセット</t>
  </si>
  <si>
    <t>エスニックガーデン　パットウンセンセット</t>
  </si>
  <si>
    <t>エスニックガーデンマッサマンカレーの素</t>
  </si>
  <si>
    <t>チヂミの素</t>
  </si>
  <si>
    <t>韓の食菜チャプチェ</t>
  </si>
  <si>
    <t>石焼き風ビビンバの素</t>
  </si>
  <si>
    <t>食菜冷麺</t>
  </si>
  <si>
    <t>韓の食菜　春雨プルコギ</t>
  </si>
  <si>
    <t>韓の食菜旨しおチャプチェ</t>
  </si>
  <si>
    <t>韓の食菜豚キムチ</t>
  </si>
  <si>
    <t>韓の食菜　鶏カルビ</t>
  </si>
  <si>
    <t>韓の食菜豚カルビ</t>
  </si>
  <si>
    <t>韓の食彩ゆず塩チャプチェ</t>
  </si>
  <si>
    <t>シャカシャカフライドチキンの素</t>
  </si>
  <si>
    <t>ディップフライドチキンの素</t>
  </si>
  <si>
    <t>カルビタン用スープ</t>
  </si>
  <si>
    <t>韓の食菜サムギョプサル</t>
  </si>
  <si>
    <t>韓の食菜ヤンニョムチキン</t>
  </si>
  <si>
    <t>韓の食菜石焼風ビビンバ</t>
  </si>
  <si>
    <t>韓の食菜春雨プルコギ</t>
  </si>
  <si>
    <t>韓の食菜お楽しみ袋</t>
  </si>
  <si>
    <t>ｱｿーﾄ</t>
  </si>
  <si>
    <t>チーズタッカルビの素</t>
  </si>
  <si>
    <t>旨い韓おかずプルコギの素2回分</t>
  </si>
  <si>
    <t>旨い韓おかずタッカルビの素2回分</t>
  </si>
  <si>
    <t>ビビン麺の素</t>
  </si>
  <si>
    <t>愛菜四川極うま麻辣火鍋</t>
  </si>
  <si>
    <t>ベトナム・フォーガーセット</t>
  </si>
  <si>
    <t>２３０Ｇ</t>
  </si>
  <si>
    <t>有紀　レッドベジタブルカレー缶</t>
  </si>
  <si>
    <t>トムヤムスープ　缶</t>
  </si>
  <si>
    <t>トムヤムクンの素</t>
  </si>
  <si>
    <t>１１５Ｇ</t>
  </si>
  <si>
    <t>ガパオソース　バジル炒め</t>
  </si>
  <si>
    <t>１４５Ｇ</t>
  </si>
  <si>
    <t>パエリアの素</t>
  </si>
  <si>
    <t>トルティーヤの素</t>
  </si>
  <si>
    <t>大人の麺ソース　担々麺の素</t>
  </si>
  <si>
    <t>タイクックパッタイの素</t>
  </si>
  <si>
    <t>142.7g</t>
  </si>
  <si>
    <t>鶏肉のバジル炒め</t>
  </si>
  <si>
    <t>ヤマモリ　タイ料理手作りセット　トムヤムクン　１１７．８ｇ</t>
  </si>
  <si>
    <t>117.8g</t>
  </si>
  <si>
    <t>ガパオごはん</t>
  </si>
  <si>
    <t>ヤムウンセンキット</t>
  </si>
  <si>
    <t>157.7g</t>
  </si>
  <si>
    <t>パッタイキット</t>
  </si>
  <si>
    <t>プーパッポンカリーの素</t>
  </si>
  <si>
    <t>ガイヤーンの素</t>
  </si>
  <si>
    <t>辛くないガパオの素</t>
  </si>
  <si>
    <t>タイクックトムヤムクンの素</t>
  </si>
  <si>
    <t>サムギョプサルの素</t>
  </si>
  <si>
    <t>ガパオ鶏肉のバジル炒め</t>
  </si>
  <si>
    <t>カルビタン</t>
  </si>
  <si>
    <t>タイの台所ガパオセット</t>
  </si>
  <si>
    <t>タイの台所タイグリーンカレーセット</t>
  </si>
  <si>
    <t>タイの台所トムヤムクンセット</t>
  </si>
  <si>
    <t>タピオカココナッツミルクセット</t>
  </si>
  <si>
    <t>タイの台所タイ焼きそばセット</t>
  </si>
  <si>
    <t>タイの台所生春巻セット</t>
  </si>
  <si>
    <t>タイの台所タイからやってきたガパオの素</t>
  </si>
  <si>
    <t>タイからやってきたトムヤムクンの素</t>
  </si>
  <si>
    <t>タイ香り米ジャスミン米</t>
  </si>
  <si>
    <t>トッポギチャプチェオリジナル</t>
  </si>
  <si>
    <t>トッポギチャプチェコチュジャン</t>
  </si>
  <si>
    <t>ようすけ冷麺</t>
  </si>
  <si>
    <t>山査条サンザシスティック</t>
  </si>
  <si>
    <t>クリスピーチキンミックス</t>
  </si>
  <si>
    <t>ビビゴ本格ユッケジャン</t>
  </si>
  <si>
    <t>プゴクスープ</t>
  </si>
  <si>
    <t>サリ麺</t>
  </si>
  <si>
    <t>ラッポッキ</t>
  </si>
  <si>
    <t>374g</t>
  </si>
  <si>
    <t>ﾄﾞﾝｳｫﾝｼﾞｬﾊ</t>
  </si>
  <si>
    <t>ジャジャンラッポッキ</t>
  </si>
  <si>
    <t>即席ラッポッキ</t>
  </si>
  <si>
    <t>404g</t>
  </si>
  <si>
    <t>即席ジャンジャンラッポッキ</t>
  </si>
  <si>
    <t>キムチチヂミセット</t>
  </si>
  <si>
    <t>宗家ブデチゲの素</t>
  </si>
  <si>
    <t>宗家スンドゥブチゲの素</t>
  </si>
  <si>
    <t>大象ジャパン参鶏湯</t>
  </si>
  <si>
    <t>プゴク</t>
  </si>
  <si>
    <t>ブルダック炒め麺5食</t>
  </si>
  <si>
    <t>ブルダックトッポギ</t>
  </si>
  <si>
    <t>カルボブルダックトッポキ</t>
  </si>
  <si>
    <t>ビビゴトッポッキオリジナル</t>
  </si>
  <si>
    <t>ビビゴトッポッキチーズ</t>
  </si>
  <si>
    <t>ヨッポギ甘辛味</t>
  </si>
  <si>
    <t>ヨッポギチーズ味</t>
  </si>
  <si>
    <t>ヨッポギ韓国風チャジャン味</t>
  </si>
  <si>
    <t>ヨッポギオニオンバター味</t>
  </si>
  <si>
    <t>ハッピー食品</t>
  </si>
  <si>
    <t>甘辛ラッポッキ</t>
  </si>
  <si>
    <t>ヨッポギ超激辛味</t>
  </si>
  <si>
    <t>チーズラッポッキ</t>
  </si>
  <si>
    <t>ヨッポギカップラッポッキ甘辛味</t>
  </si>
  <si>
    <t>ラッポッキチーズ味</t>
  </si>
  <si>
    <t>カップラッポッキ激辛味</t>
  </si>
  <si>
    <t>カップラッポッキキムチ味</t>
  </si>
  <si>
    <t>ラー飯旨辛キムチチャンポン味</t>
  </si>
  <si>
    <t>BSJ</t>
  </si>
  <si>
    <t>タイチョイスビーフンヴァーミセリ</t>
  </si>
  <si>
    <t>タイチョイスタイライスヌードル</t>
  </si>
  <si>
    <t>タイの台所　タイ春雨サラダセット</t>
  </si>
  <si>
    <t>OmachiChuaCayバラ</t>
  </si>
  <si>
    <t>omachi</t>
  </si>
  <si>
    <t>牛肉バラ</t>
  </si>
  <si>
    <t>OmachiSuon豚肉バラ</t>
  </si>
  <si>
    <t>Suon豚肉</t>
  </si>
  <si>
    <t>ChuaCay</t>
  </si>
  <si>
    <t>bo牛肉</t>
  </si>
  <si>
    <t>BamboeGle</t>
  </si>
  <si>
    <t>BamboeKare</t>
  </si>
  <si>
    <t>BamboeSotoAyam</t>
  </si>
  <si>
    <t>ﾐｽﾀﾞｯﾌﾟ</t>
  </si>
  <si>
    <t>ラ・コロナフラワートルティア</t>
  </si>
  <si>
    <t>のり天スナックオリジナル</t>
  </si>
  <si>
    <t>のり天スナックわさび味</t>
  </si>
  <si>
    <t>キンパ用海苔</t>
  </si>
  <si>
    <t>唐辛子キムチ用</t>
  </si>
  <si>
    <t>唐辛子調味用</t>
  </si>
  <si>
    <t>WASACサンドワサビ</t>
  </si>
  <si>
    <t>WASACサンドごま油</t>
  </si>
  <si>
    <t>ヨッポギロゼトッポギ</t>
  </si>
  <si>
    <t>カレールウ</t>
  </si>
  <si>
    <t>カレー関連</t>
  </si>
  <si>
    <t>カレー調理</t>
  </si>
  <si>
    <t>玉ねぎ</t>
  </si>
  <si>
    <t>カレーパートナー炒めたまねぎ</t>
  </si>
  <si>
    <t>ソテードオニオン</t>
  </si>
  <si>
    <t>カレー隠し味_炒め玉ねぎ</t>
  </si>
  <si>
    <t>かくし味の炒め玉ねぎ</t>
  </si>
  <si>
    <t>カレープラス炒め玉ねぎペースト</t>
  </si>
  <si>
    <t>濃い飴色の炒め玉ねぎ</t>
  </si>
  <si>
    <t>辛味</t>
  </si>
  <si>
    <t>カレープラス鮮烈バリ辛ブレンド</t>
  </si>
  <si>
    <t>カレープラス　エクストラスパイシーソース</t>
  </si>
  <si>
    <t>カレー隠し味　辛さ自在</t>
  </si>
  <si>
    <t>カレーパートナーホットガラムマサラ</t>
  </si>
  <si>
    <t>カレーパートナー辛味オイル</t>
  </si>
  <si>
    <t>カレー隠し味　ガラムマサラ</t>
  </si>
  <si>
    <t>カレー屋さんガラムマサラ</t>
  </si>
  <si>
    <t>カレー屋さんかくし味辛さ自在</t>
  </si>
  <si>
    <t>かくし味の辛さ自在</t>
  </si>
  <si>
    <t>かくし味ノロイヤルマサラ</t>
  </si>
  <si>
    <t>カレープラスガラムマサラ</t>
  </si>
  <si>
    <t>カレープラス辛さ自在</t>
  </si>
  <si>
    <t>カレーホット</t>
  </si>
  <si>
    <t>カレーパートナースパイスミックス　辛みアップ</t>
  </si>
  <si>
    <t>4.2ｇ</t>
  </si>
  <si>
    <t>カレーパートナースパイスミックス辛みアップ</t>
  </si>
  <si>
    <t>GABANforcurryスパイシーガラムマサラ</t>
  </si>
  <si>
    <t>ガラムマサラソース</t>
  </si>
  <si>
    <t>具材用</t>
  </si>
  <si>
    <t>石田缶詰ママカレーの具ビーフ</t>
  </si>
  <si>
    <t>石田缶詰</t>
  </si>
  <si>
    <t>ｲｼﾀﾞｶﾝﾂﾞﾒ</t>
  </si>
  <si>
    <t>キャンプカレーの具ビーフ2皿分</t>
  </si>
  <si>
    <t>石田缶詰　キャンプカレーの具チキン２皿分　４６０ｇ</t>
  </si>
  <si>
    <t>キャンプカレーの具ポーク２皿分</t>
  </si>
  <si>
    <t>ｶﾚｰ・ｼﾁｭｰ用下ゆで野菜ﾊﾟｯｸ</t>
  </si>
  <si>
    <t>カレープラス北海道産炒め玉ねぎ</t>
  </si>
  <si>
    <t>横浜舶来亭ローストオニオン</t>
  </si>
  <si>
    <t>カレーパートナー炒めたまねぎ具材用</t>
  </si>
  <si>
    <t>カレーパートナー炒め玉ねぎ</t>
  </si>
  <si>
    <t>カレー屋さんかくし味マジックソース</t>
  </si>
  <si>
    <t>カレーパートナーココナッツミルクペースト</t>
  </si>
  <si>
    <t>カレーパートナー4種野菜</t>
  </si>
  <si>
    <t>真名鶴酒造</t>
  </si>
  <si>
    <t>カレーパートナーリンゴと蜂蜜ペースト</t>
  </si>
  <si>
    <t>カレーパートナージンジャーガーリックと7種のスパイス</t>
  </si>
  <si>
    <t>S＆B　ｶﾚｰﾌﾟﾗｽ　挽き立ち　香りﾌﾞﾚﾝﾄﾞ　12ｇ</t>
  </si>
  <si>
    <t>ラ･スパイスチリパウダー</t>
  </si>
  <si>
    <t>カレーパートナー　コク甘みペースト　カカオ＆プルーン風味</t>
  </si>
  <si>
    <t>２２ｇ</t>
  </si>
  <si>
    <t>カレーパートナーマンゴーチャツネペースト</t>
  </si>
  <si>
    <t>カレーパートナーブイヨンペースト</t>
  </si>
  <si>
    <t>カレーパートナーフォンドボー</t>
  </si>
  <si>
    <t>北川本家</t>
  </si>
  <si>
    <t>カレーパートナーデミグラス</t>
  </si>
  <si>
    <t>チャツネ</t>
  </si>
  <si>
    <t>カレーカクシアジ　ブーケガルニ</t>
  </si>
  <si>
    <t>フォン・ド・ボ－</t>
  </si>
  <si>
    <t>カレーカクシアジ　ブイヨン</t>
  </si>
  <si>
    <t>カレー隠し味_野菜ブイヨン</t>
  </si>
  <si>
    <t>カレー隠し味　ココナツミルク</t>
  </si>
  <si>
    <t>カレー隠し味　ブーケガルニ</t>
  </si>
  <si>
    <t>カレー屋さんかくし味チャツネ</t>
  </si>
  <si>
    <t>カレー屋さんブーケガルニ</t>
  </si>
  <si>
    <t>カレー屋さんかくしココナツ</t>
  </si>
  <si>
    <t>かくし味フォン・ド・ボー</t>
  </si>
  <si>
    <t>フライパンを使わないドライカ</t>
  </si>
  <si>
    <t>78.8g</t>
  </si>
  <si>
    <t>かくし味の野菜ブイヨン</t>
  </si>
  <si>
    <t>かくし味のフォンドボー</t>
  </si>
  <si>
    <t>カレープラスフォン・ド・ボー</t>
  </si>
  <si>
    <t>カレープラスブイヨン</t>
  </si>
  <si>
    <t>カレープラススタータースパイスミックス</t>
  </si>
  <si>
    <t>カレープラスブーケガルニ</t>
  </si>
  <si>
    <t>カレープラスチャツネ</t>
  </si>
  <si>
    <t>カレープラスココナッツミルク</t>
  </si>
  <si>
    <t>カレープラスザクザク食感スパイスクランチ</t>
  </si>
  <si>
    <t>グリコ　カレーマジックマイルド　１３０ｇ</t>
  </si>
  <si>
    <t>グリコ　カレーマジックスパイシー　１３０ｇ</t>
  </si>
  <si>
    <t>カレーパートナーブーケガルニ</t>
  </si>
  <si>
    <t>カレーパートナー　カレーに合うコンソメ</t>
  </si>
  <si>
    <t>タクコミックス21g</t>
  </si>
  <si>
    <t>カレーパートナースパイスミックス香りアップ</t>
  </si>
  <si>
    <t>GABANforCurryスパイスカレートッピング</t>
  </si>
  <si>
    <t>焙煎にんにく＆しょうが</t>
  </si>
  <si>
    <t>マンゴーりんごカレーソース</t>
  </si>
  <si>
    <t>スイートマンゴーチャツネ</t>
  </si>
  <si>
    <t>オーネ　炒め香味野菜</t>
  </si>
  <si>
    <t>コスモ食品　炒め玉ねぎスライスカット　　２００ｇ</t>
  </si>
  <si>
    <t>マンゴチャツネ</t>
  </si>
  <si>
    <t>フルーツチャツネ</t>
  </si>
  <si>
    <t>ｼｪｱｳｯﾄﾞ</t>
  </si>
  <si>
    <t>カレーペーストマイルド</t>
  </si>
  <si>
    <t>ラバブダールカレーソース</t>
  </si>
  <si>
    <t>ﾅｰﾅｯｸ</t>
  </si>
  <si>
    <t>サイドメニュー関連</t>
  </si>
  <si>
    <t>カレーパートナー　サフランライス</t>
  </si>
  <si>
    <t>カレーパートナガ－リクライス</t>
  </si>
  <si>
    <t>カレーパートナサフランライス</t>
  </si>
  <si>
    <t>カレーパートナー牛乳でマンゴーラッシ</t>
  </si>
  <si>
    <t>プレーンラッシー</t>
  </si>
  <si>
    <t>カレー屋さんサフラン</t>
  </si>
  <si>
    <t>5.4g</t>
  </si>
  <si>
    <t>かくし味のもちふわナン用ミックス</t>
  </si>
  <si>
    <t>かくし味のサフランライスの素</t>
  </si>
  <si>
    <t>かくし味のブイヨンライスの素</t>
  </si>
  <si>
    <t>カレープラスサフランライスの素</t>
  </si>
  <si>
    <t>カレープラスナン用ミックス</t>
  </si>
  <si>
    <t>カレープラスきざみ福神漬け</t>
  </si>
  <si>
    <t>カレープラスきざみらっきょう</t>
  </si>
  <si>
    <t>お野菜シェイク_まろやかカレー風味</t>
  </si>
  <si>
    <t>カレーＰナンミツクス</t>
  </si>
  <si>
    <t>カレーパートナータンドリーチキン</t>
  </si>
  <si>
    <t>カレーパートナーナンミックス</t>
  </si>
  <si>
    <t>たまねぎアチャールの素</t>
  </si>
  <si>
    <t>にんじんアチャールの素</t>
  </si>
  <si>
    <t>バスマティライス</t>
  </si>
  <si>
    <t>カレーパウダー</t>
  </si>
  <si>
    <t>スマートスパイスカレーパウダ</t>
  </si>
  <si>
    <t>カレー粉</t>
  </si>
  <si>
    <t>ギャバンカレーパウダー缶</t>
  </si>
  <si>
    <t>純カレー</t>
  </si>
  <si>
    <t>純カレー粉</t>
  </si>
  <si>
    <t>ナーナックフーズ</t>
  </si>
  <si>
    <t>ﾊﾟﾝｼﾞｬﾋﾞ</t>
  </si>
  <si>
    <t>カレー屋さんのカレーパウダー</t>
  </si>
  <si>
    <t>カレープラスカレーパウダー</t>
  </si>
  <si>
    <t>カレー粉スティック</t>
  </si>
  <si>
    <t>特製カレーパウダー缶入</t>
  </si>
  <si>
    <t>マドラスカレーパウダー缶</t>
  </si>
  <si>
    <t>風車カレーパウダー缶入</t>
  </si>
  <si>
    <t>カレーパウダー缶入り</t>
  </si>
  <si>
    <t>元祖カレー粉</t>
  </si>
  <si>
    <t>激辛カレー粉</t>
  </si>
  <si>
    <t>インデアン食品</t>
  </si>
  <si>
    <t>ｲﾝﾃﾞｨｱﾝ</t>
  </si>
  <si>
    <t>カレー粉セット</t>
  </si>
  <si>
    <t>カレーパウダーゴールド</t>
  </si>
  <si>
    <t>甘利香辛食品</t>
  </si>
  <si>
    <t>ｱﾏﾘｺｳｼﾝ</t>
  </si>
  <si>
    <t>カレーパウダーマイルド</t>
  </si>
  <si>
    <t>カレーパウダー辛口</t>
  </si>
  <si>
    <t>料理用カレー</t>
  </si>
  <si>
    <t>味付カレーパウダーバーモントカレー味</t>
  </si>
  <si>
    <t>味付けカレーパウダー</t>
  </si>
  <si>
    <t>クッキングカレー</t>
  </si>
  <si>
    <t>カレーパウダー調味料入り顆粒</t>
  </si>
  <si>
    <t>味付カレーパウダージャワカレー</t>
  </si>
  <si>
    <t>CoCo壱番屋直伝調味スパイス</t>
  </si>
  <si>
    <t>味付カレーパウダーバーモント味袋入</t>
  </si>
  <si>
    <t>ルウ</t>
  </si>
  <si>
    <t>大箱低価格</t>
  </si>
  <si>
    <t>とろけるカレー中辛180g3個セット</t>
  </si>
  <si>
    <t>とろけるカレー甘口180g3個セット</t>
  </si>
  <si>
    <t>とろけるカレー辛口180g3個セット</t>
  </si>
  <si>
    <t>とろけるカレー中辛4個セット</t>
  </si>
  <si>
    <t>とろけるカレー中辛180g5個セット</t>
  </si>
  <si>
    <t>メタルインドカレー　中辛</t>
  </si>
  <si>
    <t>メタルインドカレー中辛</t>
  </si>
  <si>
    <t>インドカレー_辛口</t>
  </si>
  <si>
    <t>メタルインドカレー　辛口</t>
  </si>
  <si>
    <t>メタルインドカレー辛口</t>
  </si>
  <si>
    <t>とろけるカレー甘口</t>
  </si>
  <si>
    <t>とろけるカレー中辛</t>
  </si>
  <si>
    <t>とろけるカレー辛口</t>
  </si>
  <si>
    <t>とろけるこいカレー濃厚デミグラス</t>
  </si>
  <si>
    <t>とろけるとけ込むカレー甘口</t>
  </si>
  <si>
    <t>とろけるとけ込むカレー中辛</t>
  </si>
  <si>
    <t>とろけるとけ込むカレー辛口</t>
  </si>
  <si>
    <t>とろける濃いカレー中辛</t>
  </si>
  <si>
    <t>濃いカレー中辛</t>
  </si>
  <si>
    <t>ｴｽﾋﾞｼｮｸﾋﾝ</t>
  </si>
  <si>
    <t>２段熟カレー甘口</t>
  </si>
  <si>
    <t>２段熟カレー中辛</t>
  </si>
  <si>
    <t>２段熟カレー辛口</t>
  </si>
  <si>
    <t>熟カレー甘口</t>
  </si>
  <si>
    <t>熟カレー中辛</t>
  </si>
  <si>
    <t>熟カレー辛口</t>
  </si>
  <si>
    <t>熟カレー夏味</t>
  </si>
  <si>
    <t>グリコ_2段熟カレー夏味</t>
  </si>
  <si>
    <t>2段熟カレー夏のトマト</t>
  </si>
  <si>
    <t>クレアおばさんのカレー甘口</t>
  </si>
  <si>
    <t>クレアおばさんのカレー中辛</t>
  </si>
  <si>
    <t>クレアカレー甘口</t>
  </si>
  <si>
    <t>クレアカレー中辛</t>
  </si>
  <si>
    <t>クレアおばさんカレー　甘口</t>
  </si>
  <si>
    <t>クレアおばさんカレー　中辛</t>
  </si>
  <si>
    <t>こくまろカレー中辛</t>
  </si>
  <si>
    <t>こくまろカレー辛口</t>
  </si>
  <si>
    <t>こくまろカレーマイルド甘口</t>
  </si>
  <si>
    <t>こくまろカレースペシャル中辛</t>
  </si>
  <si>
    <t>こくまろカレースペシャル辛口</t>
  </si>
  <si>
    <t>こくまろ詰合せ</t>
  </si>
  <si>
    <t>こくまろカレースペシャル_中辛</t>
  </si>
  <si>
    <t>こくまろカレースペシャル　辛口</t>
  </si>
  <si>
    <t>こくまろカレー甘口</t>
  </si>
  <si>
    <t>こくまろカレーハヤシ</t>
  </si>
  <si>
    <t>コクとスパイスのカレー甘口</t>
  </si>
  <si>
    <t>コクとスパイスのカレー中辛</t>
  </si>
  <si>
    <t>こくまろカレー中辛1皿増量品</t>
  </si>
  <si>
    <t>大箱中価格</t>
  </si>
  <si>
    <t>バーモントカレー中辛230g3個セット</t>
  </si>
  <si>
    <t>バーモントカレー甘口230g3個セット</t>
  </si>
  <si>
    <t>バーモントカレー中辛4個セット</t>
  </si>
  <si>
    <t>バーモントカレー辛口3個セット</t>
  </si>
  <si>
    <t>バーモントカレー_中辛　3個セット</t>
  </si>
  <si>
    <t>インドカレー_中辛</t>
  </si>
  <si>
    <t>瀬戸内レモンスパイスチキンカレー</t>
  </si>
  <si>
    <t>ゴールデンカレー_中辛</t>
  </si>
  <si>
    <t>ゴールデンカレー_甘口</t>
  </si>
  <si>
    <t>ゴールデンカレー_辛口</t>
  </si>
  <si>
    <t>ゴールデンカレー甘口</t>
  </si>
  <si>
    <t>ゴールデンカレー中辛</t>
  </si>
  <si>
    <t>ゴールデンカレー辛口</t>
  </si>
  <si>
    <t>ゴールデンカレーバリ辛</t>
  </si>
  <si>
    <t>ハピファミカレー甘口</t>
  </si>
  <si>
    <t>ハピファミカレー中辛</t>
  </si>
  <si>
    <t>ゴールデンカレー　バリ辛</t>
  </si>
  <si>
    <t>全粒粉カレー　中辛</t>
  </si>
  <si>
    <t>全粒粉カレー　辛口</t>
  </si>
  <si>
    <t>チーズ好きの熟成欧風カレー中辛　１６５ｇ</t>
  </si>
  <si>
    <t>ゴールデンカレーザ・スパイス</t>
  </si>
  <si>
    <t>ゴールデンカレーザスパイス中辛</t>
  </si>
  <si>
    <t>栗原はるみわたしのカレー中辛</t>
  </si>
  <si>
    <t>プレミアム熟カレー辛口</t>
  </si>
  <si>
    <t>プレミアム熟カレー甘口</t>
  </si>
  <si>
    <t>プレミアム熟カレー中辛</t>
  </si>
  <si>
    <t>プレミアム熟カレー　中辛　増量パック</t>
  </si>
  <si>
    <t>ジャワカレー中辛</t>
  </si>
  <si>
    <t>ジャワカレー辛口</t>
  </si>
  <si>
    <t>ジャワカレー甘口</t>
  </si>
  <si>
    <t>バーモントカレー甘口</t>
  </si>
  <si>
    <t>バーモントカレー辛口</t>
  </si>
  <si>
    <t>バーモントカレー中辛</t>
  </si>
  <si>
    <t>ジャワカレースパイシーフ</t>
  </si>
  <si>
    <t>北海道ホワイトカレー</t>
  </si>
  <si>
    <t>ジャワカレースパイシーブレンド</t>
  </si>
  <si>
    <t>ザホテルカレー濃厚仕立て</t>
  </si>
  <si>
    <t>ザ・ホテル・カレーワインソース仕立て</t>
  </si>
  <si>
    <t>160_g</t>
  </si>
  <si>
    <t>印度カレー中辛</t>
  </si>
  <si>
    <t>ザホテルカレースパイス仕立て</t>
  </si>
  <si>
    <t>熟成コクデミカレー</t>
  </si>
  <si>
    <t>スパイス香るマサラカレー</t>
  </si>
  <si>
    <t>156ｇ</t>
  </si>
  <si>
    <t>クロスブレンドカレー甘口</t>
  </si>
  <si>
    <t>クロスブレンドカレー中辛</t>
  </si>
  <si>
    <t>クロスブレンドカレー辛口</t>
  </si>
  <si>
    <t>ホワイトカレー中辛</t>
  </si>
  <si>
    <t>ブラックカレー中辛</t>
  </si>
  <si>
    <t>レッドカレー中辛</t>
  </si>
  <si>
    <t>大箱高価格</t>
  </si>
  <si>
    <t>ヂィナーカレー_チュウカラ</t>
  </si>
  <si>
    <t>ディナーカレー甘口</t>
  </si>
  <si>
    <t>ディナーカレー_カラクチ</t>
  </si>
  <si>
    <t>あら挽きカレースーパーホット</t>
  </si>
  <si>
    <t>赤缶カレーミックス</t>
  </si>
  <si>
    <t>挽き立ち熟成カレー中辛</t>
  </si>
  <si>
    <t>挽き立ち熟成カレー辛口</t>
  </si>
  <si>
    <t>スパイシーリッチカレー中辛</t>
  </si>
  <si>
    <t>スパイシーリッチカレー辛口</t>
  </si>
  <si>
    <t>王室料理人地中海カレー甘口</t>
  </si>
  <si>
    <t>王室料理人地中海カレー中辛</t>
  </si>
  <si>
    <t>王室料理人地中海カレー辛口</t>
  </si>
  <si>
    <t>ディナーカレー中辛</t>
  </si>
  <si>
    <t>ディナーカレー辛口</t>
  </si>
  <si>
    <t>地中海カレートマト＆オリーブ中辛</t>
  </si>
  <si>
    <t>地中海カレーナッツ＆オレンジ中辛</t>
  </si>
  <si>
    <t>プレミアムディナーカレー中辛</t>
  </si>
  <si>
    <t>プレミアムゴールデンカレー</t>
  </si>
  <si>
    <t>本挽きカレー中辛</t>
  </si>
  <si>
    <t>本挽きカレー辛口</t>
  </si>
  <si>
    <t>32.5g×3P</t>
  </si>
  <si>
    <t>107.8g</t>
  </si>
  <si>
    <t>赤缶カレーパウダールウ中辛</t>
  </si>
  <si>
    <t>赤缶カレーパウダールウ辛口</t>
  </si>
  <si>
    <t>ＺＥＰＰＩＮ中辛</t>
  </si>
  <si>
    <t>ＺＥＰＰＩＮ辛口</t>
  </si>
  <si>
    <t>絶品カレー中辛</t>
  </si>
  <si>
    <t>絶品カレー辛口</t>
  </si>
  <si>
    <t>カレーZEPPIN甘口</t>
  </si>
  <si>
    <t>カレーZEPPIN中辛</t>
  </si>
  <si>
    <t>カレーZEPPIN辛口ブラック</t>
  </si>
  <si>
    <t>印度カレー</t>
  </si>
  <si>
    <t>印度カレー辛口</t>
  </si>
  <si>
    <t>小箱低価格</t>
  </si>
  <si>
    <t>こくまろカレー中辛3個セット</t>
  </si>
  <si>
    <t>とろけるカレー　辛口</t>
  </si>
  <si>
    <t>カレーハーフとろける甘口</t>
  </si>
  <si>
    <t>カレーハーフとろける中辛</t>
  </si>
  <si>
    <t>カレーハーフとろける辛口</t>
  </si>
  <si>
    <t>とろけるカレー甘口小箱</t>
  </si>
  <si>
    <t>とろけるカレー中辛小箱</t>
  </si>
  <si>
    <t>とろけるカレー辛口小箱</t>
  </si>
  <si>
    <t>熟カレー　甘口</t>
  </si>
  <si>
    <t>熟カレー　中辛</t>
  </si>
  <si>
    <t>熟カレー　辛口</t>
  </si>
  <si>
    <t>熟カレー　和風ブレンド</t>
  </si>
  <si>
    <t>即席カレー</t>
  </si>
  <si>
    <t>小箱中価格</t>
  </si>
  <si>
    <t>カレーハーフゴールデン甘口</t>
  </si>
  <si>
    <t>ハーフゴールデンカレ中辛</t>
  </si>
  <si>
    <t>カレーハーフゴールデン辛口</t>
  </si>
  <si>
    <t>カレーハーフＧカレー中辛</t>
  </si>
  <si>
    <t>カレーハーフＧカレー辛口</t>
  </si>
  <si>
    <t>ゴールデンカレーハーフ中辛</t>
  </si>
  <si>
    <t>ゴールデンカレー中辛小箱</t>
  </si>
  <si>
    <t>ゴールデンカレー辛口小箱</t>
  </si>
  <si>
    <t>ゴールデンカレー90G　中辛</t>
  </si>
  <si>
    <t>ゴールデンカレー90G　辛口</t>
  </si>
  <si>
    <t>バーモントカレー_アマクチ</t>
  </si>
  <si>
    <t>バーモントカレー_カラクチ</t>
  </si>
  <si>
    <t>バーモントカレー_チュウカ</t>
  </si>
  <si>
    <t>バーモントカレー_辛口</t>
  </si>
  <si>
    <t>ジャワカレー_甘口</t>
  </si>
  <si>
    <t>ジャワカレー_中辛</t>
  </si>
  <si>
    <t>ジャワカレー_辛口</t>
  </si>
  <si>
    <t>印度カレー_中辛</t>
  </si>
  <si>
    <t>印度カレー_辛口</t>
  </si>
  <si>
    <t>熟成コクデミカレー　</t>
  </si>
  <si>
    <t>だしの匠カレー</t>
  </si>
  <si>
    <t>バーモントカレーシェフズアレンジ果実仕</t>
  </si>
  <si>
    <t>バーモントカレーシェフズアレンジクリーム</t>
  </si>
  <si>
    <t>ジャワカレーシェフズアレンジ焙煎スパイス仕立て</t>
  </si>
  <si>
    <t>ジャワカレーシェフズアレンジ鮮烈スパイス仕立て</t>
  </si>
  <si>
    <t>小箱高価格</t>
  </si>
  <si>
    <t>キャニオン　こどものためのカレールウ　　１５０ｇ</t>
  </si>
  <si>
    <t>キャニオン・スパイス</t>
  </si>
  <si>
    <t>キャニオン　プラチナ　カレールウ　　　　１００ｇ</t>
  </si>
  <si>
    <t>ディナーカレー_中辛</t>
  </si>
  <si>
    <t>ディナーカレー_甘口</t>
  </si>
  <si>
    <t>ディナーカレー_辛口</t>
  </si>
  <si>
    <t>ハーフディナーカレー甘口</t>
  </si>
  <si>
    <t>ハーフディナーカレー中辛</t>
  </si>
  <si>
    <t>ハーフディナーカレー辛口</t>
  </si>
  <si>
    <t>ディナーカレーハーフ中辛</t>
  </si>
  <si>
    <t>ディナーカレーハーフ辛口</t>
  </si>
  <si>
    <t>プレミアムフォンドボーディナーカレー中辛</t>
  </si>
  <si>
    <t>極カレー_中辛</t>
  </si>
  <si>
    <t>極カレー_辛口</t>
  </si>
  <si>
    <t>ＬＥＥルウタイプ辛さ１０倍</t>
  </si>
  <si>
    <t>ＬＥＥルウタイプ辛さ２０倍</t>
  </si>
  <si>
    <t>ザカリー甘口</t>
  </si>
  <si>
    <t>ザカリー中辛</t>
  </si>
  <si>
    <t>ザカリー辛口</t>
  </si>
  <si>
    <t>きわだちカレーコクがきわだつ中辛</t>
  </si>
  <si>
    <t>きわだちカレースパイスがきわだつ辛口</t>
  </si>
  <si>
    <t>きわだちカレー果実感きわだつマイルド</t>
  </si>
  <si>
    <t>スパイシーカレー中辛</t>
  </si>
  <si>
    <t>フリーデン</t>
  </si>
  <si>
    <t>ﾌﾘｰﾃﾞﾝ</t>
  </si>
  <si>
    <t>スパイシーカレー辛口</t>
  </si>
  <si>
    <t>健康・機能</t>
  </si>
  <si>
    <t>ＭｔｏＭ　カレールー甘口（カルシウム入り）　１２０ｇ</t>
  </si>
  <si>
    <t>カレーの王子様顆粒</t>
  </si>
  <si>
    <t>健香健美印度風カレー</t>
  </si>
  <si>
    <t>カレーの王子様</t>
  </si>
  <si>
    <t>みんなのとろけるカレー　２７品目不使用</t>
  </si>
  <si>
    <t>８１．６ｇ</t>
  </si>
  <si>
    <t>幼児カレールウ</t>
  </si>
  <si>
    <t>アンパンマンカレールゥ</t>
  </si>
  <si>
    <t>プライムバーモントカレー甘口</t>
  </si>
  <si>
    <t>プライムバーモント中辛</t>
  </si>
  <si>
    <t>プライムバーモントカレー辛口</t>
  </si>
  <si>
    <t>プライムジャワカレー甘口</t>
  </si>
  <si>
    <t>プライムジャワカレー中辛</t>
  </si>
  <si>
    <t>プライムジャワカレー辛口</t>
  </si>
  <si>
    <t>プライムバーモント辛口</t>
  </si>
  <si>
    <t>プライムバーモントカレー中辛</t>
  </si>
  <si>
    <t>プライムバーモントカレー_甘口</t>
  </si>
  <si>
    <t>プライムバーモントカレー_中辛</t>
  </si>
  <si>
    <t>プライムバーモントカレー_辛口</t>
  </si>
  <si>
    <t>プライムジャワカレー_甘口</t>
  </si>
  <si>
    <t>プライムジャワカレー_中辛</t>
  </si>
  <si>
    <t>プライムジャワカレー_辛口</t>
  </si>
  <si>
    <t>特定原材料7品目不使用バーモントカレー中辛</t>
  </si>
  <si>
    <t>プライムジヤワカレー中辛</t>
  </si>
  <si>
    <t>特定原材料7品目不使用はじめて食べるバーモントカレー</t>
  </si>
  <si>
    <t>20g×3P</t>
  </si>
  <si>
    <t>ヘルシーオカレー野菜の旨みまろやかタイプ中辛</t>
  </si>
  <si>
    <t>ヘルシーオカレー香り高いスパイシータイプ中辛</t>
  </si>
  <si>
    <t>ヘルシーオカレー　まろやか</t>
  </si>
  <si>
    <t>ヘルシーオカレー　スパイシー</t>
  </si>
  <si>
    <t>塩分ひかえめバーモントカレー中辛</t>
  </si>
  <si>
    <t>塩分ひかえめジヤワカレー中辛</t>
  </si>
  <si>
    <t>乳酸菌L-137バーモントカレー</t>
  </si>
  <si>
    <t>特定原材料8品目不使用バーモント中辛</t>
  </si>
  <si>
    <t>特定原材料8品目不使用シチューミクス</t>
  </si>
  <si>
    <t>特定原材料8品目不使用完熟トマハヤシライス</t>
  </si>
  <si>
    <t>ダイズラボ　大豆粉のカレールー</t>
  </si>
  <si>
    <t>デリーカシミールカレー</t>
  </si>
  <si>
    <t>デリー</t>
  </si>
  <si>
    <t>ﾃﾞﾘ-</t>
  </si>
  <si>
    <t>おいしさパック　ドライカレー</t>
  </si>
  <si>
    <t>サンバードビーフカレー甘口</t>
  </si>
  <si>
    <t>タンドリーチキンときのこのドライカレー</t>
  </si>
  <si>
    <t>スパイスピープルケララカレー</t>
  </si>
  <si>
    <t>スパイスピープルキーマカレー</t>
  </si>
  <si>
    <t>手作り用グリーンカレー</t>
  </si>
  <si>
    <t>55.6g</t>
  </si>
  <si>
    <t>世界の食卓からキーマカレー</t>
  </si>
  <si>
    <t>絶賛すぐできキーマカレー</t>
  </si>
  <si>
    <t>絶賛すぐできグローンカレー</t>
  </si>
  <si>
    <t>カレーキーマカレー用</t>
  </si>
  <si>
    <t>スパイスリゾートケララカレー</t>
  </si>
  <si>
    <t>スパイスリゾートキーマカレー</t>
  </si>
  <si>
    <t>スパイスリゾートグリーンカレー</t>
  </si>
  <si>
    <t>70.6g</t>
  </si>
  <si>
    <t>フライパンキッチン　キーマカレー</t>
  </si>
  <si>
    <t>フライパンキッチン　バターチキンカレー</t>
  </si>
  <si>
    <t>83.9g</t>
  </si>
  <si>
    <t>フライパンキッチン　バターチキンカレーの素</t>
  </si>
  <si>
    <t>フライパンキッチングリーンカレーの素</t>
  </si>
  <si>
    <t>フライパンキッチン　マッサマンカレーの素</t>
  </si>
  <si>
    <t>ドライキーマカレー中辛</t>
  </si>
  <si>
    <t>フライパンキッチンキーマカレーの素</t>
  </si>
  <si>
    <t>フライパンキッチンバターチキンカレーの素</t>
  </si>
  <si>
    <t>とろっとワンプレートクリーミーバターチキン</t>
  </si>
  <si>
    <t>Ｓ＆Ｂ　ドライキーマカレー　甘口　８９．２ｇ</t>
  </si>
  <si>
    <t>８９．２ｇ</t>
  </si>
  <si>
    <t>CRAFTSTYLEケララカレー</t>
  </si>
  <si>
    <t>90.5g</t>
  </si>
  <si>
    <t>CRAFTSTYLEキーマカレー</t>
  </si>
  <si>
    <t>CRAFTSTYLEスパイスカレー</t>
  </si>
  <si>
    <t>ワンミートディッシュキーマカレー中辛</t>
  </si>
  <si>
    <t>バターチキンカレー中辛</t>
  </si>
  <si>
    <t>ナンともおいしいキーマカレー</t>
  </si>
  <si>
    <t>ナンともおいしいキーマカレー　辛口</t>
  </si>
  <si>
    <t>ナンともおいしいバターチキンカレーの素</t>
  </si>
  <si>
    <t>カフェカレマイルドグリーンカレー</t>
  </si>
  <si>
    <t>カフェカレ香り豊かなキーマカレー</t>
  </si>
  <si>
    <t>ハウス　カフェカレ　鶏肉とナスのマイルドグリーンカレー</t>
  </si>
  <si>
    <t>ハウス　カフェカレ白インゲン豆とひき肉の香りキーマカレー</t>
  </si>
  <si>
    <t>カフェカレバターチキンカレー</t>
  </si>
  <si>
    <t>ジャワカレーキーマカレー中辛</t>
  </si>
  <si>
    <t>ごちレピライスキーマカレー</t>
  </si>
  <si>
    <t>こくまろバターチキンカレー</t>
  </si>
  <si>
    <t>こくまろキーマカレー甘口</t>
  </si>
  <si>
    <t>スパイスカレーの匠キーマカレー</t>
  </si>
  <si>
    <t>キーマカレーの素（中辛）デミグラスソース仕込み</t>
  </si>
  <si>
    <t>アジアングルメ紀行グリーンカレールウ辛口</t>
  </si>
  <si>
    <t>レッドカレーペースト</t>
  </si>
  <si>
    <t>グリーンカレーキット</t>
  </si>
  <si>
    <t>125.8g</t>
  </si>
  <si>
    <t>タイクックグリーンカレーの素</t>
  </si>
  <si>
    <t>中村屋　フライパンで作るインドカリーの素シーフードカリー用</t>
  </si>
  <si>
    <t>ﾌﾗｲﾊﾟﾝで作るｲﾝﾄﾞｶﾘｰの基</t>
  </si>
  <si>
    <t>キーマカレーの素</t>
  </si>
  <si>
    <t>第3世界カレーの壷マイルド</t>
  </si>
  <si>
    <t>プレス・オールターナティブ</t>
  </si>
  <si>
    <t>ﾌﾟﾚｽ</t>
  </si>
  <si>
    <t>第3世界カレーの壷スパイシー</t>
  </si>
  <si>
    <t>第3世界カレーの壷ミディアム</t>
  </si>
  <si>
    <t>印度の味中辛</t>
  </si>
  <si>
    <t>印度の味バターチキンカレー</t>
  </si>
  <si>
    <t>印度の味ポークビンダルカレー</t>
  </si>
  <si>
    <t>タイからやってきたグリーンカレーの素</t>
  </si>
  <si>
    <t>タイからやってきたレッドカレーの素</t>
  </si>
  <si>
    <t>カレーソースマドラス</t>
  </si>
  <si>
    <t>カレーソースバターチキン</t>
  </si>
  <si>
    <t>カレーソースコルマ</t>
  </si>
  <si>
    <t>カレーソースティッカマサラ</t>
  </si>
  <si>
    <t>アヤム　グリーンカレーペースト</t>
  </si>
  <si>
    <t>アヤム　レッドカレーペースト</t>
  </si>
  <si>
    <t>デリーカレー</t>
  </si>
  <si>
    <t>自由軒大阪・難波自由軒お家で食べれ</t>
  </si>
  <si>
    <t>自由軒</t>
  </si>
  <si>
    <t>ｼﾞﾕｳｹﾝ</t>
  </si>
  <si>
    <t>絶賛すぐでき欧風カレー</t>
  </si>
  <si>
    <t>絶賛ベーコン＆キャベツカレー</t>
  </si>
  <si>
    <t>素材別シーフードカレー</t>
  </si>
  <si>
    <t>素材別カレー野菜カレー用</t>
  </si>
  <si>
    <t>和風カレーうどん用中辛</t>
  </si>
  <si>
    <t>ワンミートDこくトマライス</t>
  </si>
  <si>
    <t>和風カレーうどんルー</t>
  </si>
  <si>
    <t>香味カリービーフカリーの素</t>
  </si>
  <si>
    <t>香味カリーチキンカリーの素</t>
  </si>
  <si>
    <t>中華街カレーライスの素</t>
  </si>
  <si>
    <t>３４ｇ</t>
  </si>
  <si>
    <t>海のカレー辛口</t>
  </si>
  <si>
    <t>海の幸カレー中辛</t>
  </si>
  <si>
    <t>スープカリーの匠濃厚辛口</t>
  </si>
  <si>
    <t>スープカリーの匠芳醇辛口</t>
  </si>
  <si>
    <t>レトルトカレーうどん</t>
  </si>
  <si>
    <t>クリーミーカレーうどん</t>
  </si>
  <si>
    <t>カレーうどんの素顆粒</t>
  </si>
  <si>
    <t>香るカリーソース　チキンマサラ</t>
  </si>
  <si>
    <t>香るカリーソース　ビーフペパー</t>
  </si>
  <si>
    <t>ソース　ア・ラカルト　ビーフカレー用ソース</t>
  </si>
  <si>
    <t>ソースアラカルト　チキンカレー用ソース</t>
  </si>
  <si>
    <t>ベジタベルカレー</t>
  </si>
  <si>
    <t>お肉を焼くだけカレーの素　鶏肉中辛　８８ｇ</t>
  </si>
  <si>
    <t>お肉を焼くだけカレーの素　豚肉中辛　８８ｇ</t>
  </si>
  <si>
    <t>スパイスカレーの匠チキンカレー</t>
  </si>
  <si>
    <t>印度カリー子監修スパイスカレーベース</t>
  </si>
  <si>
    <t>香るごちそうスパイシーカレーうどんの素</t>
  </si>
  <si>
    <t>スープカレーの作り方</t>
  </si>
  <si>
    <t>スープカレーの作り方マイルド</t>
  </si>
  <si>
    <t>スープカレーの作り方えびだし</t>
  </si>
  <si>
    <t>スープカレーの作り方甘口</t>
  </si>
  <si>
    <t>スープカレー作り方プレミアム濃厚チキン</t>
  </si>
  <si>
    <t>スープカレー作り方プレミアム濃厚えび</t>
  </si>
  <si>
    <t>ベル食品スープカレーの作り方辛口</t>
  </si>
  <si>
    <t>ベル食品ガラクスープカレー濃厚和だし</t>
  </si>
  <si>
    <t>カレーうどんの素　濃口</t>
  </si>
  <si>
    <t>ﾊﾁｼｮｸﾌﾝ</t>
  </si>
  <si>
    <t>キビペットシュガー</t>
  </si>
  <si>
    <t>ﾌﾗｲﾊﾟﾝで作るｲﾝﾄﾞﾁｷﾝｶﾘｰの基</t>
  </si>
  <si>
    <t>プレミアムチキンカリーの素</t>
  </si>
  <si>
    <t>2～3人前</t>
  </si>
  <si>
    <t>プレミアムビーフカリーの素</t>
  </si>
  <si>
    <t>昭和カレールウ辛口</t>
  </si>
  <si>
    <t>コスモ　スープカレー・ルー中辛</t>
  </si>
  <si>
    <t>直火焼スープカレー中辛</t>
  </si>
  <si>
    <t>フレーク</t>
  </si>
  <si>
    <t>小箱（～5皿）</t>
  </si>
  <si>
    <t>薬膳カレールー</t>
  </si>
  <si>
    <t>ｴﾑ･ﾄｩ･ｴﾑ</t>
  </si>
  <si>
    <t>ＭｔｏＭ　カレールー　辛口　１２０ｇ</t>
  </si>
  <si>
    <t>プロ仕様ディナーカレーフレーク</t>
  </si>
  <si>
    <t>インデラカレースタンダード</t>
  </si>
  <si>
    <t>ナイル商会</t>
  </si>
  <si>
    <t>ﾅｲﾙ</t>
  </si>
  <si>
    <t>大箱（6皿～）</t>
  </si>
  <si>
    <t>ＭｔｏＭ　カレールー　中辛　１５０ｇ</t>
  </si>
  <si>
    <t>ＭｔｏＭ　湘南トマトカレー　１５０ｇ</t>
  </si>
  <si>
    <t>輝美カレールー中辛</t>
  </si>
  <si>
    <t>アマミカレーアマクチ</t>
  </si>
  <si>
    <t>アマミカレーチュウカラ</t>
  </si>
  <si>
    <t>ジカビヤキカレーフレークチュウカラ</t>
  </si>
  <si>
    <t>カレーフレーク深みロースト</t>
  </si>
  <si>
    <t>ＳＢ　フレークあらびきスパ</t>
  </si>
  <si>
    <t>じっくり焙煎　　全粒粉カレーフレーク中辛　140g</t>
  </si>
  <si>
    <t>横浜舶来亭カレーフレーク中辛</t>
  </si>
  <si>
    <t>横浜舶来亭カレーフレーク辛口</t>
  </si>
  <si>
    <t>横浜舶来亭トロピカルカレーフレーク</t>
  </si>
  <si>
    <t>横浜舶来亭カレー芳醇な甘口</t>
  </si>
  <si>
    <t>香味焙煎カレーフレーク</t>
  </si>
  <si>
    <t>バーモントカレーキッズ</t>
  </si>
  <si>
    <t>燻しの匠　燻製カレー　スタンダード</t>
  </si>
  <si>
    <t>燻しの匠燻製カレーストロング</t>
  </si>
  <si>
    <t>カレーダイニングスパイシー仕立て</t>
  </si>
  <si>
    <t>カレーダイニングコク旨仕立て</t>
  </si>
  <si>
    <t>カレー専門店のカレールー中辛</t>
  </si>
  <si>
    <t>プレミアムタイムカレールウ中辛</t>
  </si>
  <si>
    <t>カリールウ</t>
  </si>
  <si>
    <t>成城石井__おうちでホッとカレールー中辛__１５０ｇ</t>
  </si>
  <si>
    <t>成城石井__おうちでホッとカレールー辛口__１５０ｇ</t>
  </si>
  <si>
    <t>成城石井　おうちでホッとカレールー　甘口　１５０ｇ</t>
  </si>
  <si>
    <t>直火焼きカレー中辛</t>
  </si>
  <si>
    <t>直火焼カレー辛口</t>
  </si>
  <si>
    <t>直火焼りんごカレー甘口</t>
  </si>
  <si>
    <t>直火焼カレービーフシチュールー</t>
  </si>
  <si>
    <t>コスモ食品　直火焼　米粉のカレー・ルー　中辛　袋１１０ｇ</t>
  </si>
  <si>
    <t>直火焼カレーあまーい甘口</t>
  </si>
  <si>
    <t>岩木屋　直火焼　りんごカレー・ルー　袋１７０ｇ</t>
  </si>
  <si>
    <t>岩木屋</t>
  </si>
  <si>
    <t>ｲﾜｷﾔ</t>
  </si>
  <si>
    <t>スパイシーカレーフレーク</t>
  </si>
  <si>
    <t>ＮＥＷカレーフレーク</t>
  </si>
  <si>
    <t>ゴールデンカレーフレーク</t>
  </si>
  <si>
    <t>ゴールデンカレー_１Ｋ</t>
  </si>
  <si>
    <t>マルコポーロビーフカレー</t>
  </si>
  <si>
    <t>とろけるカレー中辛業務用</t>
  </si>
  <si>
    <t>とろけるカレー甘口業務用</t>
  </si>
  <si>
    <t>ディナーカレーフレーク</t>
  </si>
  <si>
    <t>とろけるカレー中辛固形</t>
  </si>
  <si>
    <t>マドラスカレー湿潤</t>
  </si>
  <si>
    <t>カレーリッチ</t>
  </si>
  <si>
    <t>バーモントカレー業務用</t>
  </si>
  <si>
    <t>ジャワカレー業務用</t>
  </si>
  <si>
    <t>印度カレー　業務用</t>
  </si>
  <si>
    <t>ザ・カリーフレーク</t>
  </si>
  <si>
    <t>欧風カレーフレーク</t>
  </si>
  <si>
    <t>こくまろカレー業務用</t>
  </si>
  <si>
    <t>バーモントフレーク</t>
  </si>
  <si>
    <t>こくまろフレーク</t>
  </si>
  <si>
    <t>ジャワフレーク</t>
  </si>
  <si>
    <t>業務用印度カレー</t>
  </si>
  <si>
    <t>業務用こくまろカレー</t>
  </si>
  <si>
    <t>業務用ジャワカレー</t>
  </si>
  <si>
    <t>うま伽哩</t>
  </si>
  <si>
    <t>５００g</t>
  </si>
  <si>
    <t>平和食品工業</t>
  </si>
  <si>
    <t>ﾍｲﾜ</t>
  </si>
  <si>
    <t>業務用バーモントカレー</t>
  </si>
  <si>
    <t>シチュー</t>
  </si>
  <si>
    <t>とろけるシチュークリーム</t>
  </si>
  <si>
    <t>シチューハーフとろけクリーム</t>
  </si>
  <si>
    <t>シチューハーフとろけるクリー</t>
  </si>
  <si>
    <t>こくまろプラスシチュー</t>
  </si>
  <si>
    <t>コクと濃厚味わいクリームシチュー</t>
  </si>
  <si>
    <t>コクの贅沢シチュークリーム140g2個セット</t>
  </si>
  <si>
    <t>コクの贅沢シチュークリーム140g5個セット</t>
  </si>
  <si>
    <t>コクの贅沢シチュークリーム3個セット</t>
  </si>
  <si>
    <t>とろけるシチュー豆乳コーン</t>
  </si>
  <si>
    <t>とろけるシチュー特荷セット</t>
  </si>
  <si>
    <t>おいしさとけ込むシチュークリーム</t>
  </si>
  <si>
    <t>クレアおばさんのクリームシチュー</t>
  </si>
  <si>
    <t>クレアノクリームシチュー</t>
  </si>
  <si>
    <t>クレアおばさんシチュクリーム</t>
  </si>
  <si>
    <t>クレアおばさんのシチューサマースイートコーン１４４Ｇ</t>
  </si>
  <si>
    <t>クレアシチュー　スイートコーン</t>
  </si>
  <si>
    <t>クレアシチュースイートコーン</t>
  </si>
  <si>
    <t>クレアおばさんのさらっとしたシチュー　スイートコーン</t>
  </si>
  <si>
    <t>クレアおばさんのシチュークリーム</t>
  </si>
  <si>
    <t>クレアおばさんクリームシチュー</t>
  </si>
  <si>
    <t>クレアおばさんスイートコーンシチュー</t>
  </si>
  <si>
    <t>グリコクレアおばスイートコーンシチュー</t>
  </si>
  <si>
    <t>こくまろシチュークリーム</t>
  </si>
  <si>
    <t>ふうふうシチュークリーム</t>
  </si>
  <si>
    <t>コクの贅沢シチュークリーム</t>
  </si>
  <si>
    <t>コクの贅沢シチュー　特荷</t>
  </si>
  <si>
    <t>コクの贅沢シチュークリーム2皿増量品</t>
  </si>
  <si>
    <t>小箱中高価格</t>
  </si>
  <si>
    <t>キャニオン　プラチナ　クリームシチュー　１００ｇ</t>
  </si>
  <si>
    <t>ディナークリームシチュー</t>
  </si>
  <si>
    <t>シチューの王子様顆粒</t>
  </si>
  <si>
    <t>シチュードボークリーム</t>
  </si>
  <si>
    <t>シチューミックス_クリーム</t>
  </si>
  <si>
    <t>シチューミクス_スィートコーン</t>
  </si>
  <si>
    <t>シチューミックスミルクシチュー</t>
  </si>
  <si>
    <t>北海道シチュークリーム</t>
  </si>
  <si>
    <t>北海道シチュー_クリーム</t>
  </si>
  <si>
    <t>特定原材料7品目不使用シチューミクス</t>
  </si>
  <si>
    <t>シチューミクスクリーム</t>
  </si>
  <si>
    <t>きわだちシチユー乳製品のコクがきわだつクリーム</t>
  </si>
  <si>
    <t>グランメゾンシチユークリーム</t>
  </si>
  <si>
    <t>グランメゾンシチューホワイトソース</t>
  </si>
  <si>
    <t>直火焼銀のクリームシチュールー</t>
  </si>
  <si>
    <t>大箱中高価格</t>
  </si>
  <si>
    <t>キャニオン　こどものクリームシチュールウ１４０ｇ</t>
  </si>
  <si>
    <t>北海道シチュー_クリーム_2個ｾｯﾄ</t>
  </si>
  <si>
    <t>180g*2</t>
  </si>
  <si>
    <t>シチューミクス　クリーム_3個ｾｯﾄ</t>
  </si>
  <si>
    <t>白バラ牛乳使用牛乳屋さんのおいしいクリームシチュールウ</t>
  </si>
  <si>
    <t>星みっつのシチュークリーム</t>
  </si>
  <si>
    <t>スローライフシチュークリーム</t>
  </si>
  <si>
    <t>隠れ家贅沢シチュークリーム</t>
  </si>
  <si>
    <t>牧場しぼりシチュー_クリーム</t>
  </si>
  <si>
    <t>牧場しぼりシチュークリーム</t>
  </si>
  <si>
    <t>濃いシチュー_クリーム</t>
  </si>
  <si>
    <t>濃いｼﾁｭｰ　ｸﾘｰﾑ</t>
  </si>
  <si>
    <t>濃いシチュークリーム</t>
  </si>
  <si>
    <t>栗原はるみのクリームシチュー</t>
  </si>
  <si>
    <t>シチュー絶品クリームホワイト</t>
  </si>
  <si>
    <t>北海道シチュー　クリーム</t>
  </si>
  <si>
    <t>シチューミクス_クリーム</t>
  </si>
  <si>
    <t>北海道シチュー　コーン</t>
  </si>
  <si>
    <t>シチューミクスリッチクリーミー</t>
  </si>
  <si>
    <t>シチューミクススイートコーン</t>
  </si>
  <si>
    <t>もぎたてスイートコーンシチユー</t>
  </si>
  <si>
    <t>148G</t>
  </si>
  <si>
    <t>シチユーミクスクリーム濃厚仕立て</t>
  </si>
  <si>
    <t>シチューミクスクリーム　50周年　1皿増量</t>
  </si>
  <si>
    <t>ｼﾁｭｰﾐｸｽｸﾘｰﾑ1皿増量</t>
  </si>
  <si>
    <t>シチューミクスクリーム濃厚仕立て</t>
  </si>
  <si>
    <t>休日のシチュークリーム</t>
  </si>
  <si>
    <t>ﾊｳｽｷﾞﾔﾊﾞﾝ</t>
  </si>
  <si>
    <t>ビーフ</t>
  </si>
  <si>
    <t>とろけるシチュービーフ</t>
  </si>
  <si>
    <t>シチューハーフとろけるビーフ</t>
  </si>
  <si>
    <t>おいしさとけ込むシチュービーフ</t>
  </si>
  <si>
    <t>クレアおばさんビーフシチュ</t>
  </si>
  <si>
    <t>クレアおばさんビーフシチュー</t>
  </si>
  <si>
    <t>グリコ　クレアおばさんのビーフシチュー　１４８ｇ</t>
  </si>
  <si>
    <t>クレアおばさんのビーフシチュー</t>
  </si>
  <si>
    <t>こくまろシチュービーフ</t>
  </si>
  <si>
    <t>ふうふうシチュービーフ</t>
  </si>
  <si>
    <t>コクの贅沢シチュービーフ</t>
  </si>
  <si>
    <t>トロケルシチュービーフ</t>
  </si>
  <si>
    <t>S＆B</t>
  </si>
  <si>
    <t>キャニオン　プラチナ　ビーフシチュー　　１００ｇ</t>
  </si>
  <si>
    <t>ディナービーフシチュー</t>
  </si>
  <si>
    <t>シチュードボービーフ</t>
  </si>
  <si>
    <t>ふらんす厨房ビーフシチュー</t>
  </si>
  <si>
    <t>シチューミクス_ビーフ</t>
  </si>
  <si>
    <t>きわだちシチユー赤ワインの香りがきわだつビーフ</t>
  </si>
  <si>
    <t>グランメゾンシチユービーフ</t>
  </si>
  <si>
    <t>グランメゾンシチューブラウンソース</t>
  </si>
  <si>
    <t>ビーフシチューの素ST</t>
  </si>
  <si>
    <t>北海道シチュー　ビーフ_2個ｾｯﾄ</t>
  </si>
  <si>
    <t>172g*2</t>
  </si>
  <si>
    <t>シチューミクス_ビーフ　３個セット</t>
  </si>
  <si>
    <t>ＭｔｏＭ　ビーフシチュールー　１５０ｇ</t>
  </si>
  <si>
    <t>星みっつのシチュービーフ</t>
  </si>
  <si>
    <t>スローライフシチュービーフ</t>
  </si>
  <si>
    <t>隠れ家贅沢シチュービーフ</t>
  </si>
  <si>
    <t>濃いシチュー　ビーフ</t>
  </si>
  <si>
    <t>濃いｼﾁｭｰ　ﾋﾞｰﾌ</t>
  </si>
  <si>
    <t>濃いシチュービーフ</t>
  </si>
  <si>
    <t>栗原はるみのビーフシチュー</t>
  </si>
  <si>
    <t>栗原はるみのデミグラスシチュー</t>
  </si>
  <si>
    <t>シチュー絶品ビーフブラウン</t>
  </si>
  <si>
    <t>シチュー絶品トリュフビーフ</t>
  </si>
  <si>
    <t>シチューZEPPINビーフ</t>
  </si>
  <si>
    <t>ZEPPINビーフシチュー</t>
  </si>
  <si>
    <t>横浜舶来亭ビーフシチュー</t>
  </si>
  <si>
    <t>シチューミックス　ビーフ</t>
  </si>
  <si>
    <t>シチューミックスビーフ</t>
  </si>
  <si>
    <t>ビストロシェフビーフシチュー</t>
  </si>
  <si>
    <t>ビストロビーフシチュー</t>
  </si>
  <si>
    <t>北海道シチュービーフ</t>
  </si>
  <si>
    <t>シチューミクスビーフ</t>
  </si>
  <si>
    <t>シチューミクスビーフ用</t>
  </si>
  <si>
    <t>休日のシチュービーフ用</t>
  </si>
  <si>
    <t>チャウダー</t>
  </si>
  <si>
    <t>世界の食卓クラムチャウダー</t>
  </si>
  <si>
    <t>世界の食卓から　ボストンクラムチャウダー</t>
  </si>
  <si>
    <t>９４．４ｇ</t>
  </si>
  <si>
    <t>クレアおばさんのクラムチャウダー</t>
  </si>
  <si>
    <t>クレアおばさんクラムチャウダー</t>
  </si>
  <si>
    <t>パイスープクリームシチュー</t>
  </si>
  <si>
    <t>北海道チャウダー</t>
  </si>
  <si>
    <t>北海道クラムチャウダー</t>
  </si>
  <si>
    <t>おうちチャウダー_クラムチャ</t>
  </si>
  <si>
    <t>おうちでチャウダーきのこ</t>
  </si>
  <si>
    <t>おうちチャウダートマトチャウダー</t>
  </si>
  <si>
    <t>ごちそうチャウダー_クラム</t>
  </si>
  <si>
    <t>ごちそうチャウダーきのこチャウダー</t>
  </si>
  <si>
    <t>ごちそうチャウダー_トマトチャウダー</t>
  </si>
  <si>
    <t>ごちそうチャウダー　海老クリームチャウダー</t>
  </si>
  <si>
    <t>北海道チャウダークラムチャウダー</t>
  </si>
  <si>
    <t>ナチュラルナナマチーズノシチュー</t>
  </si>
  <si>
    <t>トロケルシチュー（チーズ）</t>
  </si>
  <si>
    <t>世界の食卓からボルシチ</t>
  </si>
  <si>
    <t>世界の食卓から　ブイヤベース</t>
  </si>
  <si>
    <t>４８．２ｇ</t>
  </si>
  <si>
    <t>世界の食卓からポトフ</t>
  </si>
  <si>
    <t>隠れがシチュークリーミポテト</t>
  </si>
  <si>
    <t>牧場しぼりシチュー_チーズ</t>
  </si>
  <si>
    <t>牧場しぼりシチューチーズ</t>
  </si>
  <si>
    <t>とろけるシチュー　和風クリームほんのりしょうが</t>
  </si>
  <si>
    <t>濃いシチューホワイトショコラ</t>
  </si>
  <si>
    <t>濃いｼﾁｭｰ　ﾁｰｽﾞ</t>
  </si>
  <si>
    <t>ﾌﾗｲﾊﾟﾝｷｯﾁﾝ　ﾎﾞｽﾄﾝｸﾗﾑﾁｬｳﾀﾞｰの素</t>
  </si>
  <si>
    <t>世界の食卓から　ボルシチ</t>
  </si>
  <si>
    <t>世界の食卓から　ビスク</t>
  </si>
  <si>
    <t>濃いシチュー　キャロット</t>
  </si>
  <si>
    <t>１６８ｇ</t>
  </si>
  <si>
    <t>濃いシチューラクレットチーズ</t>
  </si>
  <si>
    <t>濃いシチュー　ほくほくパンプキン</t>
  </si>
  <si>
    <t>旅する世界の一皿ボルシチ</t>
  </si>
  <si>
    <t>旅する世界の一皿チキンのバスク風煮込み</t>
  </si>
  <si>
    <t>濃いシチュー4種のチーズ</t>
  </si>
  <si>
    <t>濃いシチューオマール海老</t>
  </si>
  <si>
    <t>クレアシチューパンプキンクリ</t>
  </si>
  <si>
    <t>クレアシチュークリーミートマト</t>
  </si>
  <si>
    <t>シチュー絶品トリュフクリーム</t>
  </si>
  <si>
    <t>シチュー絶品伊勢海老ソース</t>
  </si>
  <si>
    <t>パイスープポテトポタージュ</t>
  </si>
  <si>
    <t>パイスープブラウンシチュー</t>
  </si>
  <si>
    <t>36.1g</t>
  </si>
  <si>
    <t>ほっとなパイスープ_粗びき枝豆のポタージュ</t>
  </si>
  <si>
    <t>シチューミックス</t>
  </si>
  <si>
    <t>ふらんす厨房ブイヤベース</t>
  </si>
  <si>
    <t>北海道シチュー_チーズ</t>
  </si>
  <si>
    <t>コクの贅沢シチューきのこ１４０ｇ</t>
  </si>
  <si>
    <t>北海道シチューチーズクリーム</t>
  </si>
  <si>
    <t>完熟栗かぼちゃのクリーミーシチュー</t>
  </si>
  <si>
    <t>148ｇ</t>
  </si>
  <si>
    <t>完熟トマトのクリーミーシチュー</t>
  </si>
  <si>
    <t>シチューオンライスチキンフリカッセ風</t>
  </si>
  <si>
    <t>シチューオンライスビーフストロガノフ風</t>
  </si>
  <si>
    <t>シチューオンライスカレークリーム</t>
  </si>
  <si>
    <t>北海道フォンデュシチュー</t>
  </si>
  <si>
    <t>北海道ブラウンシチュー</t>
  </si>
  <si>
    <t>カルボシチュー</t>
  </si>
  <si>
    <t>牛たんシチューEO缶</t>
  </si>
  <si>
    <t>ハヤシ</t>
  </si>
  <si>
    <t>おいしさとけ込むハッシュドビーフ</t>
  </si>
  <si>
    <t>クレアおばさんのハッシュドビーフ</t>
  </si>
  <si>
    <t>クレアおばさんハッシュドビーフ</t>
  </si>
  <si>
    <t>世界の食卓ストロガノフ</t>
  </si>
  <si>
    <t>地中海ハッシュドビーフ</t>
  </si>
  <si>
    <t>熟成ﾌｫﾝの国産ﾃﾞﾐｸﾞﾗｽ　ﾊｯｼｭﾄﾞﾋﾞｰﾌ</t>
  </si>
  <si>
    <t>まるごと濃熟トマトのハッシュポーク</t>
  </si>
  <si>
    <t>とろっとワンプレートハッシュドポーク　150g</t>
  </si>
  <si>
    <t>国産熟成ビーフのデミグラスハッシュドビーフ</t>
  </si>
  <si>
    <t>ワンミートディッシュデミチーズライス</t>
  </si>
  <si>
    <t>熟成デミグラスソースのハッシュドビーフ</t>
  </si>
  <si>
    <t>ビストロシェフハッシュドビーフ</t>
  </si>
  <si>
    <t>ビストロハッシュドビーフ</t>
  </si>
  <si>
    <t>ソースア・ラ・カルトサワークリームとけ込むストロガノフ用ソース</t>
  </si>
  <si>
    <t>とろけるハヤシハーフ</t>
  </si>
  <si>
    <t>とろけるハヤシビーフ</t>
  </si>
  <si>
    <t>とろけるトマトハヤシ</t>
  </si>
  <si>
    <t>２段熟ハヤシ</t>
  </si>
  <si>
    <t>2段熟ハヤシ</t>
  </si>
  <si>
    <t>こくまろハヤシ</t>
  </si>
  <si>
    <t>ハヤシの王子さま顆粒</t>
  </si>
  <si>
    <t>ゴールデンハヤシライスソース</t>
  </si>
  <si>
    <t>ゴ－ルデン_ハヤシライス_ソ－ス</t>
  </si>
  <si>
    <t>ディナーハヤシライスソース</t>
  </si>
  <si>
    <t>Ｆ．ディナーハヤシ_ルー</t>
  </si>
  <si>
    <t>プレミアム熟ハヤシ</t>
  </si>
  <si>
    <t>バーモントハヤシ</t>
  </si>
  <si>
    <t>カンジュクトマトノハヤシライス</t>
  </si>
  <si>
    <t>完熟トマトのハヤシライス</t>
  </si>
  <si>
    <t>完熟トマトハヤシライスソース</t>
  </si>
  <si>
    <t>ソースア・ラ・カルト赤ワイン香るハヤシライス用ソース</t>
  </si>
  <si>
    <t>特定原材料7品目不使用完熟トマトのハヤシライスソース</t>
  </si>
  <si>
    <t>完熟トマトのハヤシライスソース4個セット</t>
  </si>
  <si>
    <t>純喫茶メシナポリタンライス</t>
  </si>
  <si>
    <t>地中海のトマトのハヤシライスソース</t>
  </si>
  <si>
    <t>濃いハヤシ</t>
  </si>
  <si>
    <t>ｲﾀﾘｱ育ちの枝なり完熟ﾄﾏﾄ　ﾊﾔｼﾗｲｽｿｰｽ</t>
  </si>
  <si>
    <t>ドライキーマハヤシ</t>
  </si>
  <si>
    <t>とろっとワンプレートチーズィーチキン</t>
  </si>
  <si>
    <t>とろっとワンプレートドリアミート</t>
  </si>
  <si>
    <t>S＆Bﾜﾝﾌﾟﾚｰﾄﾁｰｽﾞｨﾁｷﾝ景品付</t>
  </si>
  <si>
    <t>S＆Bﾜﾝﾌﾟﾚｰﾄﾄﾞﾘｱﾐｰﾄ景品付</t>
  </si>
  <si>
    <t>159G</t>
  </si>
  <si>
    <t>チーズ好きの濃厚トマトハヤシ　１６５ｇ</t>
  </si>
  <si>
    <t>とろっとワンプレーとボローニャライス</t>
  </si>
  <si>
    <t>ｲﾀﾘｱ産3種ﾁｰｽﾞのﾄﾏﾄﾊﾔｼ</t>
  </si>
  <si>
    <t>ブルゴーニュワインのフレンチハヤシ</t>
  </si>
  <si>
    <t>ワンミートディッシュミートライスソース</t>
  </si>
  <si>
    <t>栗原はるみトマトのハヤシ</t>
  </si>
  <si>
    <t>ゴールデンハヤシライス</t>
  </si>
  <si>
    <t>直火焼ハヤシフレーク</t>
  </si>
  <si>
    <t>香味焙煎ハヤシフレーク</t>
  </si>
  <si>
    <t>完熟トマトのハヤシライスソース</t>
  </si>
  <si>
    <t>完熟トマトのハヤシトマ辛ハヤシ</t>
  </si>
  <si>
    <t>ごちレピライスタコライスソース</t>
  </si>
  <si>
    <t>ごちレピライスガパオ</t>
  </si>
  <si>
    <t>完熟トマトのハヤシライスソースボロネーゼ</t>
  </si>
  <si>
    <t>完熟トマトのハヤシライスソース香ばしスパイシーハヤシ</t>
  </si>
  <si>
    <t>ハヤシライスの素　デミグラス</t>
  </si>
  <si>
    <t>チキンドリア</t>
  </si>
  <si>
    <t>成城石井　おうちでホッとハヤシルー__１４０ｇ</t>
  </si>
  <si>
    <t>カレー（一食）</t>
  </si>
  <si>
    <t>スタンダード低価格</t>
  </si>
  <si>
    <t>甘口</t>
  </si>
  <si>
    <t>ビーフカレー_甘口</t>
  </si>
  <si>
    <t>なっとくのビーフカレー　甘口</t>
  </si>
  <si>
    <t>なっとくのカレー　甘口</t>
  </si>
  <si>
    <t>なっとくのおいしいカレー甘口</t>
  </si>
  <si>
    <t>あじわいカレー甘口</t>
  </si>
  <si>
    <t>カレー職人　甘口</t>
  </si>
  <si>
    <t>カレー職人スパイシーチキン</t>
  </si>
  <si>
    <t>カレー職人甘口</t>
  </si>
  <si>
    <t>カレー職人_甘口</t>
  </si>
  <si>
    <t>カレー職人ふわふわ玉子のカレー甘口</t>
  </si>
  <si>
    <t>ボンカレーゴールド甘口</t>
  </si>
  <si>
    <t>大塚　ボンカレーゴールド２１　甘口</t>
  </si>
  <si>
    <t>おいしいカレー甘口</t>
  </si>
  <si>
    <t>カレーノジカン　アマクチ</t>
  </si>
  <si>
    <t>ククレカレー_甘口</t>
  </si>
  <si>
    <t>カリー屋カレー甘口</t>
  </si>
  <si>
    <t>ククレカレー甘口</t>
  </si>
  <si>
    <t>レトルトこくまろカレー甘口</t>
  </si>
  <si>
    <t>こだわりカレーアマクチ</t>
  </si>
  <si>
    <t>メガ盛カレー甘口</t>
  </si>
  <si>
    <t>メガ盛りカレーDX甘口</t>
  </si>
  <si>
    <t>たっぷりビーフカレー甘口</t>
  </si>
  <si>
    <t>香味野菜が溶け込んだカレー甘口</t>
  </si>
  <si>
    <t>ビーフカレー甘口</t>
  </si>
  <si>
    <t>ｱ-ﾙｼ-ﾌ-ﾄﾞ</t>
  </si>
  <si>
    <t>甘口カレーケース</t>
  </si>
  <si>
    <t>北海道産クリームのフォン･ブランカレー</t>
  </si>
  <si>
    <t>カレー甘口</t>
  </si>
  <si>
    <t>ｶﾝｼｮｸ</t>
  </si>
  <si>
    <t>中辛</t>
  </si>
  <si>
    <t>ビーフカレー中辛</t>
  </si>
  <si>
    <t>メガ盛りカレー中辛4個セット</t>
  </si>
  <si>
    <t>なっとくのビーフカレー　中辛</t>
  </si>
  <si>
    <t>なっとくの和風カレー_中辛</t>
  </si>
  <si>
    <t>あら挽きカレースタンダード</t>
  </si>
  <si>
    <t>なっとくのポークカレー</t>
  </si>
  <si>
    <t>なっとくのカレー_中辛</t>
  </si>
  <si>
    <t>なっとくのおいしいカレー中辛</t>
  </si>
  <si>
    <t>なっとくのおいしいカレー軽く２人前中辛</t>
  </si>
  <si>
    <t>あじわいカレー中辛</t>
  </si>
  <si>
    <t>カレー職人　中辛</t>
  </si>
  <si>
    <t>カレー職人　欧風カレー中辛</t>
  </si>
  <si>
    <t>カレー職人　老舗洋食カレー</t>
  </si>
  <si>
    <t>カレー職人　欧風カレー　中辛</t>
  </si>
  <si>
    <t>カレー職人　老舗洋食カレー　中辛</t>
  </si>
  <si>
    <t>カレー職人中辛</t>
  </si>
  <si>
    <t>カレー職人欧風カレー中辛</t>
  </si>
  <si>
    <t>カレー職人老舗洋食カレー中辛</t>
  </si>
  <si>
    <t>カレー職人なすとトマトのカレー</t>
  </si>
  <si>
    <t>常備用カレー職人中辛</t>
  </si>
  <si>
    <t>グリコ　常備用カレー職人中辛</t>
  </si>
  <si>
    <t>カレー職人_中辛</t>
  </si>
  <si>
    <t>カレー職人　老舗洋風カレー</t>
  </si>
  <si>
    <t>カレー職人老舗洋食</t>
  </si>
  <si>
    <t>カレー職人和風カレー</t>
  </si>
  <si>
    <t>カレー職人ＳＰカツ煮中辛</t>
  </si>
  <si>
    <t>カレー職人　ビーフカレー中辛</t>
  </si>
  <si>
    <t>カレー職人　老舗洋食カレー中辛</t>
  </si>
  <si>
    <t>カレー職人なすトマトカレー中辛</t>
  </si>
  <si>
    <t>ｶﾚｰ職人ﾌﾞﾗッｸｶﾚｰ中辛</t>
  </si>
  <si>
    <t>カレー職人ビーフ中辛</t>
  </si>
  <si>
    <t>カレー職人欧風カレー</t>
  </si>
  <si>
    <t>カレー職人老舗洋食カレー</t>
  </si>
  <si>
    <t>ボンカレーゴールド　ホワイトカレー</t>
  </si>
  <si>
    <t>ボンカレーゴールド中辛</t>
  </si>
  <si>
    <t>大塚　ボンカレーゴールド２１　中辛</t>
  </si>
  <si>
    <t>おいしいカレー中辛</t>
  </si>
  <si>
    <t>カレーノジカン　チュウカラ</t>
  </si>
  <si>
    <t>ククレカレー_中辛</t>
  </si>
  <si>
    <t>カリー屋カレー中辛</t>
  </si>
  <si>
    <t>カリー屋カレーポーク中辛</t>
  </si>
  <si>
    <t>ククレベジタブルカレー</t>
  </si>
  <si>
    <t>カリー屋カレーチキン</t>
  </si>
  <si>
    <t>カリー屋特製ハヤシカレー</t>
  </si>
  <si>
    <t>ククレカレー中辛</t>
  </si>
  <si>
    <t>カリー屋カレートマトチリカレー</t>
  </si>
  <si>
    <t>レトルトこくまろカレー中辛</t>
  </si>
  <si>
    <t>カリー屋ポークカレー中辛</t>
  </si>
  <si>
    <t>カリー屋チキンカレー中辛</t>
  </si>
  <si>
    <t>カリー屋トマトチリカレー中辛</t>
  </si>
  <si>
    <t>こだわりカレー中辛</t>
  </si>
  <si>
    <t>たっぷりビーフカレー中辛</t>
  </si>
  <si>
    <t>メガ盛りカレー中辛</t>
  </si>
  <si>
    <t>メガ盛カレーチーズ</t>
  </si>
  <si>
    <t>メガ盛りカレーブラック</t>
  </si>
  <si>
    <t>メガ盛りカレー大豆ミート</t>
  </si>
  <si>
    <t>メガ盛りカレーDX中辛</t>
  </si>
  <si>
    <t>メガ盛りカレーDX濃厚チーズ中辛</t>
  </si>
  <si>
    <t>キノコナカレー</t>
  </si>
  <si>
    <t>中辛カレーケース</t>
  </si>
  <si>
    <t>国産生姜の爽やかな辛味と香りジンジャーキーマカレー</t>
  </si>
  <si>
    <t>ローストガーリックとフライドオニオンのブラックカレー</t>
  </si>
  <si>
    <t>カシューナッツ香るマッサマンカレー</t>
  </si>
  <si>
    <t>カレー中辛</t>
  </si>
  <si>
    <t>ビーフカレー辛口</t>
  </si>
  <si>
    <t>なっとくのビーフカレー　辛口</t>
  </si>
  <si>
    <t>なっとくのカレー_辛口</t>
  </si>
  <si>
    <t>なっとくのおいしいカレー辛口</t>
  </si>
  <si>
    <t>なっとくのおいしいカレー軽く２人前辛口</t>
  </si>
  <si>
    <t>あじわいカレー辛口</t>
  </si>
  <si>
    <t>カレー職人　辛口</t>
  </si>
  <si>
    <t>カレー職人　スパイシーチキンカレー　辛口</t>
  </si>
  <si>
    <t>カレー職人　インド風カレー　辛口</t>
  </si>
  <si>
    <t>カレー職人_辛口</t>
  </si>
  <si>
    <t>カレー職人スパイシーチキン辛口</t>
  </si>
  <si>
    <t>カレー職人インド風カレー辛口</t>
  </si>
  <si>
    <t>カレー職人スパイシーチキンカレー辛口</t>
  </si>
  <si>
    <t>カレー職人　インド風カレー辛口</t>
  </si>
  <si>
    <t>ボンカレーゴールド辛口</t>
  </si>
  <si>
    <t>大塚　ボンカレーゴールド２１　辛口</t>
  </si>
  <si>
    <t>ボンカレーゴールドうま辛にんにく辛口</t>
  </si>
  <si>
    <t>ボンカレーベジ　スパイシートマトカレー　辛口</t>
  </si>
  <si>
    <t>ﾎﾞﾝｶﾚ-ﾍﾞｼﾞ</t>
  </si>
  <si>
    <t>おいしいカレー辛口</t>
  </si>
  <si>
    <t>カレーノジカン　カラクチ</t>
  </si>
  <si>
    <t>ククレカレー_辛口</t>
  </si>
  <si>
    <t>カリー屋カレー辛口</t>
  </si>
  <si>
    <t>ククレカレー辛口</t>
  </si>
  <si>
    <t>たっぷりビーフカレー辛口</t>
  </si>
  <si>
    <t>メガ盛りカレー辛口</t>
  </si>
  <si>
    <t>メガ盛りカレースパイシー</t>
  </si>
  <si>
    <t>スゴ盛_辛口</t>
  </si>
  <si>
    <t>男の絶品旨辛カレー_辛口</t>
  </si>
  <si>
    <t>辛口カレーケース</t>
  </si>
  <si>
    <t>青唐辛子の爽快な辛みグリーンカレー</t>
  </si>
  <si>
    <t>カレー辛口</t>
  </si>
  <si>
    <t>大辛・激辛</t>
  </si>
  <si>
    <t>なっとくのビーフカレー　大辛</t>
  </si>
  <si>
    <t>なっとくのカレー　大辛</t>
  </si>
  <si>
    <t>なっとくのおいしいカレー大辛</t>
  </si>
  <si>
    <t>あじわいカレー　大辛</t>
  </si>
  <si>
    <t>エスビー食品</t>
  </si>
  <si>
    <t>炎のカレー職人　大辛</t>
  </si>
  <si>
    <t>炎のカレー職人_大辛</t>
  </si>
  <si>
    <t>炎のカレー職人（大辛）</t>
  </si>
  <si>
    <t>大塚　ボンカレーゴールド２１　熱辛</t>
  </si>
  <si>
    <t>ボンカレーゴールド　大辛</t>
  </si>
  <si>
    <t>ボンカレーゴールド大辛</t>
  </si>
  <si>
    <t>カリー屋カレー大辛</t>
  </si>
  <si>
    <t>しあわせの激辛チキンカレー</t>
  </si>
  <si>
    <t>メガ盛りカレー大辛</t>
  </si>
  <si>
    <t>メガ盛りカレーメガ辛</t>
  </si>
  <si>
    <t>欧風甘口</t>
  </si>
  <si>
    <t>ボンカレーゴールド芳醇デミカレー至福の甘口</t>
  </si>
  <si>
    <t>レストラン用ビーフカレー甘口</t>
  </si>
  <si>
    <t>レトルトビーフカレー甘口</t>
  </si>
  <si>
    <t>まいにちおいしい銀座カリー甘口</t>
  </si>
  <si>
    <t>欧風中辛</t>
  </si>
  <si>
    <t>欧風チーズカレー</t>
  </si>
  <si>
    <t>純喫茶メシビーフカレー</t>
  </si>
  <si>
    <t>チーズカレーゴルゴンゾーラ</t>
  </si>
  <si>
    <t>デミグラスチーズカレー中辛</t>
  </si>
  <si>
    <t>本日の贅沢　ビーフカレー　中辛</t>
  </si>
  <si>
    <t>本日の贅沢欧風カレー中辛</t>
  </si>
  <si>
    <t>ディナーカレーレトルト中辛</t>
  </si>
  <si>
    <t>ほどけるビーフカレー濃厚デミグラス仕立て_中辛</t>
  </si>
  <si>
    <t>ほどけるビーフカレー焙煎スパイス仕立て_中辛</t>
  </si>
  <si>
    <t>プレミアムフォンドボーディナーカレーレトルト中辛</t>
  </si>
  <si>
    <t>濃厚好きのごちそう120時間熟成デミグラスカレー</t>
  </si>
  <si>
    <t>濃厚好きのごちそうWチーズカレー</t>
  </si>
  <si>
    <t>とろーりチーズ欧風カレー中辛</t>
  </si>
  <si>
    <t>欧風D熟成ドミグラスのビーフカレー中辛</t>
  </si>
  <si>
    <t>欧風D焦がしB仕立てのビーフカレー中辛</t>
  </si>
  <si>
    <t>カレー職人インド風バターマサラ</t>
  </si>
  <si>
    <t>ワンタッチカレーレトルトビーフ中辛</t>
  </si>
  <si>
    <t>カレー職人　インド風カレー</t>
  </si>
  <si>
    <t>ＭＣＣ　１００年前のビーフカレー　２００ｇ</t>
  </si>
  <si>
    <t>100時間かけたビーフカレー</t>
  </si>
  <si>
    <t>100時間かけたスパイシーチキンカレー</t>
  </si>
  <si>
    <t>ボンカレーゴールド森のデミカレー</t>
  </si>
  <si>
    <t>カレーマルシェ_中辛</t>
  </si>
  <si>
    <t>カレーマルシェ_エクストラ</t>
  </si>
  <si>
    <t>カレー吟味野菜＆きのこ</t>
  </si>
  <si>
    <t>カリー吟味（きのこ＆ビーフ）</t>
  </si>
  <si>
    <t>ザ・ホテル・カレー_芳潤ワイン仕立て</t>
  </si>
  <si>
    <t>ザ・ホテル・カレー_芳香スパイス仕立て</t>
  </si>
  <si>
    <t>カリー屋コクデミカレー</t>
  </si>
  <si>
    <t>ザ・ホテル・カレー_まろやかリッチ仕立て</t>
  </si>
  <si>
    <t>カリー屋カレー香りマサラカレー</t>
  </si>
  <si>
    <t>カリー屋カレー特荷</t>
  </si>
  <si>
    <t>ザ･ホテル･カレーコクの中辛</t>
  </si>
  <si>
    <t>ザ･ホテル･カレー香りの中辛</t>
  </si>
  <si>
    <t>ザ・ホテル・カレーまろやか中辛</t>
  </si>
  <si>
    <t>カレーマルシェ中辛</t>
  </si>
  <si>
    <t>ビーフマイスターカレー　オニオン＆ペッパー</t>
  </si>
  <si>
    <t>ビーフマイスターカレー　ワイン＆ペッパー</t>
  </si>
  <si>
    <t>吟旨ビーフカレーコク仕立て</t>
  </si>
  <si>
    <t>吟旨ビーフカレー香り仕立て</t>
  </si>
  <si>
    <t>カリー屋コクデミカレー中辛</t>
  </si>
  <si>
    <t>下町BistroCurry中辛</t>
  </si>
  <si>
    <t>レトルトビーフカレー中辛</t>
  </si>
  <si>
    <t>銀座チキンカリー</t>
  </si>
  <si>
    <t>銀座カリー中辛25周年特別限定品</t>
  </si>
  <si>
    <t>銀座カリースペシャリテ濃厚チーズ</t>
  </si>
  <si>
    <t>銀座カリースペシャリテ濃厚ビーフ</t>
  </si>
  <si>
    <t>まいにちおいしい銀座カリー中辛</t>
  </si>
  <si>
    <t>銀座カリー　中辛</t>
  </si>
  <si>
    <t>銀座カリー中辛</t>
  </si>
  <si>
    <t>カレー具連隊</t>
  </si>
  <si>
    <t>完熟トマトとバターのコクバターチキンカレー</t>
  </si>
  <si>
    <t>まろやかなコクと旨みクリーミーバターチキンカレー</t>
  </si>
  <si>
    <t>欧風辛口</t>
  </si>
  <si>
    <t>ディナーカレーレトルト辛口</t>
  </si>
  <si>
    <t>100時間かけたカレー</t>
  </si>
  <si>
    <t>カレーマルシェ_辛口</t>
  </si>
  <si>
    <t>カレーマルシェ辛口</t>
  </si>
  <si>
    <t>下町BistroCurry辛口</t>
  </si>
  <si>
    <t>レトルトビーフカレー辛口</t>
  </si>
  <si>
    <t>まいにちおいしい銀座カリー辛口</t>
  </si>
  <si>
    <t>銀座カリー辛口</t>
  </si>
  <si>
    <t>銀座カリー　辛口</t>
  </si>
  <si>
    <t>欧風大辛・激辛</t>
  </si>
  <si>
    <t>超辛スコーピオンビーフカレー</t>
  </si>
  <si>
    <t>ビーフカレーＬＥＥ辛さ５倍</t>
  </si>
  <si>
    <t>ビーフカレーＬＥＥ辛さ１０倍</t>
  </si>
  <si>
    <t>ビーフカレーＬＥＥ辛さ２０倍</t>
  </si>
  <si>
    <t>ＬＥＥ辛さ　５倍</t>
  </si>
  <si>
    <t>ＬＥＥ辛さ　１０倍</t>
  </si>
  <si>
    <t>ＬＥＥ_２０倍</t>
  </si>
  <si>
    <t>ＬＥＥブラックカレー（辛さ×１０倍）　レトルト</t>
  </si>
  <si>
    <t>ビーフカレーLEE辛さ×10倍レトルト</t>
  </si>
  <si>
    <t>ビーフカレーLEE辛さ×20倍レトルト</t>
  </si>
  <si>
    <t>LEEブラックカレー(辛さ5倍)</t>
  </si>
  <si>
    <t>LEE麻辣ビーフカレー辛さx10倍</t>
  </si>
  <si>
    <t>LEEスパイスチキンカレー辛さ×8倍</t>
  </si>
  <si>
    <t>ビーフカレーLEE辛さ×30倍</t>
  </si>
  <si>
    <t>激カレー辛口</t>
  </si>
  <si>
    <t>シェフノカレーゴクカラ</t>
  </si>
  <si>
    <t>カリーＨＯＴババネロ大辛</t>
  </si>
  <si>
    <t>スゴ盛_大辛</t>
  </si>
  <si>
    <t>キーマ</t>
  </si>
  <si>
    <t>ボンカレーゴールド_太陽のキーマカレー（180g）</t>
  </si>
  <si>
    <t>ボンカレーベジビーンズキーマカレー中辛</t>
  </si>
  <si>
    <t>カリー屋キーマカレー</t>
  </si>
  <si>
    <t>カリー屋黒旨キーマカレー</t>
  </si>
  <si>
    <t>カリー屋キーマカレー中辛</t>
  </si>
  <si>
    <t>カリー屋黒旨キーマカレー辛口</t>
  </si>
  <si>
    <t>爽やかにカルダモン香るキーマカレー</t>
  </si>
  <si>
    <t>チキングリーンカレー</t>
  </si>
  <si>
    <t>仁達食品</t>
  </si>
  <si>
    <t>ｼﾞﾝﾀﾂｼｮｸﾋﾝ</t>
  </si>
  <si>
    <t>チキンレッドカレー</t>
  </si>
  <si>
    <t>チキンマッサマンカレー</t>
  </si>
  <si>
    <t>カレーグランシェフ　ビーフ</t>
  </si>
  <si>
    <t>黒カレー</t>
  </si>
  <si>
    <t>黒カレーコクの黒</t>
  </si>
  <si>
    <t>黒カレースパイスの黒</t>
  </si>
  <si>
    <t>１７種類のカレー３種の果実</t>
  </si>
  <si>
    <t>１７種類のカレー４種のチーズ</t>
  </si>
  <si>
    <t>カレー職人バターチキンカレー中辛</t>
  </si>
  <si>
    <t>LEEガーリックキーマカレー辛さ×12倍</t>
  </si>
  <si>
    <t>激辛ハチネロカレー</t>
  </si>
  <si>
    <t>銀座チーズカリー</t>
  </si>
  <si>
    <t>銀座カリーチーズと舞茸</t>
  </si>
  <si>
    <t>銀座キーマカリー</t>
  </si>
  <si>
    <t>ビーフカレーインド風</t>
  </si>
  <si>
    <t>スタンダード中高価格</t>
  </si>
  <si>
    <t>カレー曜日甘口</t>
  </si>
  <si>
    <t>ボンカレーゴールドうま辛バターチキン風</t>
  </si>
  <si>
    <t>ｵｵﾂｶｼｮkﾋﾝ</t>
  </si>
  <si>
    <t>ボンカレー甘口</t>
  </si>
  <si>
    <t>ボンカレーネオ_甘口</t>
  </si>
  <si>
    <t>ボンカレーネオ　とろけるデミグラス欧風</t>
  </si>
  <si>
    <t>ボンカレーネオバターのコク甘口</t>
  </si>
  <si>
    <t>ボンカレーネオ甘口</t>
  </si>
  <si>
    <t>A-Labelあたためなくてもおいしいカレー甘口</t>
  </si>
  <si>
    <t>こくまろカレー_甘口</t>
  </si>
  <si>
    <t>めざめるカラダ朝カレー_甘口</t>
  </si>
  <si>
    <t>大釜仕込みカレーまろやか甘口</t>
  </si>
  <si>
    <t>ジャワカレーキーマカレーレトルト</t>
  </si>
  <si>
    <t>レトルトジャワカレーキーマカレー</t>
  </si>
  <si>
    <t>レトルトバーモントカレー甘口</t>
  </si>
  <si>
    <t>銀座キーマ</t>
  </si>
  <si>
    <t>欧風スパイシービーフカレー</t>
  </si>
  <si>
    <t>ｷｬﾆｵﾝｽﾊﾟｲｽ</t>
  </si>
  <si>
    <t>欧風野菜カレー</t>
  </si>
  <si>
    <t>甘辛ポークカレー</t>
  </si>
  <si>
    <t>国産玉ねぎ仕様欧風カレー</t>
  </si>
  <si>
    <t>ビ-フカレ-</t>
  </si>
  <si>
    <t>北海道野菜とチキンのカレー</t>
  </si>
  <si>
    <t>ボンカレーゴールド中辛5個セット</t>
  </si>
  <si>
    <t>ボンカレーゴールド中辛6個セット</t>
  </si>
  <si>
    <t>バカカキッチン白いカレー物語</t>
  </si>
  <si>
    <t>インドカレーレトルト中辛</t>
  </si>
  <si>
    <t>一条もんこ監修あしたのカレー</t>
  </si>
  <si>
    <t>３６チャンバーズ・オブ・スパイス</t>
  </si>
  <si>
    <t>36ﾁｬﾝﾊﾞｰｽﾞ</t>
  </si>
  <si>
    <t>ハンバーグカレー</t>
  </si>
  <si>
    <t>ﾁｬﾝﾊﾞｰｽﾞｵﾌ</t>
  </si>
  <si>
    <t>なっとくの欧風カレー</t>
  </si>
  <si>
    <t>カレー曜日中辛</t>
  </si>
  <si>
    <t>チーズカレーマイルド</t>
  </si>
  <si>
    <t>チーズカレーカマンベール</t>
  </si>
  <si>
    <t>ケララカレーレトルト中辛</t>
  </si>
  <si>
    <t>スパイスフェスタキーマカレー</t>
  </si>
  <si>
    <t>デミカレー中辛</t>
  </si>
  <si>
    <t>なっとくの緑黄色野菜カレー中辛</t>
  </si>
  <si>
    <t>いつでもちょこっとカレー気分</t>
  </si>
  <si>
    <t>ローストオニオンチーズカレー</t>
  </si>
  <si>
    <t>完熟トマトと挽肉のキーマカレー中辛</t>
  </si>
  <si>
    <t>ゴールデンカレーレトルト　中辛</t>
  </si>
  <si>
    <t>季節のごちそうカレー曜日　なすと甘熟かぼちゃのひき肉カレー_中辛</t>
  </si>
  <si>
    <t>ゴールデンカレーレトルト中辛</t>
  </si>
  <si>
    <t>５/８欧風カレー</t>
  </si>
  <si>
    <t>フォン･ド･ボーディナーカレーレトルト中辛</t>
  </si>
  <si>
    <t>ワンタッチカレーチキン中辛</t>
  </si>
  <si>
    <t>ＭＣＣ１００時間かけたカレー</t>
  </si>
  <si>
    <t>ＭＣＣ　１００時間かけたカレー　２００ｇ</t>
  </si>
  <si>
    <t>ＭＣＣ　１００時間スパイシーチキンカレー　２００ｇ</t>
  </si>
  <si>
    <t>完熟トマトカレー中辛</t>
  </si>
  <si>
    <t>165×3P</t>
  </si>
  <si>
    <t>ボンカレー２２０　中辛</t>
  </si>
  <si>
    <t>ボンカレークラシック</t>
  </si>
  <si>
    <t>ボンカレーネオ　中辛</t>
  </si>
  <si>
    <t>ボンカレーネオ中辛</t>
  </si>
  <si>
    <t>ボンカレーネオ　薫り立つスパイスインド風</t>
  </si>
  <si>
    <t>ボンカレーネオ牛肉の旨み中辛</t>
  </si>
  <si>
    <t>元祖ボンカレー中辛</t>
  </si>
  <si>
    <t>ボンカレーGRANバターチキンカレー</t>
  </si>
  <si>
    <t>ボンカレーMAX焦がしにんにくマシマシ</t>
  </si>
  <si>
    <t>マースカレー中辛</t>
  </si>
  <si>
    <t>A-Labelあたためなくてもおいしいカレー中辛</t>
  </si>
  <si>
    <t>トロケルウマサノビーフカレー</t>
  </si>
  <si>
    <t>こくまろカレー_中辛</t>
  </si>
  <si>
    <t>こくまろカレー３品詰合せ</t>
  </si>
  <si>
    <t>カリー吟味（シーフード＆きのこ）</t>
  </si>
  <si>
    <t>ジャワカレースパイス中辛</t>
  </si>
  <si>
    <t>めざめるカラダ朝カレー_野菜キーマ中辛</t>
  </si>
  <si>
    <t>めざめるカラダ朝カレー_中辛</t>
  </si>
  <si>
    <t>温めずにおいしいカレーまろやか野菜カレー</t>
  </si>
  <si>
    <t>ジャワカレー中辛レトルト</t>
  </si>
  <si>
    <t>ふかうまカレー焙煎玉ねぎ仕立て</t>
  </si>
  <si>
    <t>ふかうまカレー焙煎スパイス仕立て</t>
  </si>
  <si>
    <t>大釜仕込みカレー中辛</t>
  </si>
  <si>
    <t>ザ･ホテル･カレー濃厚中辛</t>
  </si>
  <si>
    <t>レトルトジャワカレー中辛</t>
  </si>
  <si>
    <t>レトルトバーモントカレー中辛</t>
  </si>
  <si>
    <t>メガ盛カレーガーリック</t>
  </si>
  <si>
    <t>メガ盛りカレー　ジンジャー</t>
  </si>
  <si>
    <t>男の極旨黒カレー</t>
  </si>
  <si>
    <t>男の豪菜　濃旨カレー</t>
  </si>
  <si>
    <t>銀座カリー上・ビーフ</t>
  </si>
  <si>
    <t>昭和カレーレトルト</t>
  </si>
  <si>
    <t>ひよこ豆のスパイシーカレー</t>
  </si>
  <si>
    <t>ミックス豆カレーダルマッカニー</t>
  </si>
  <si>
    <t>豆とほうれん草のカレー</t>
  </si>
  <si>
    <t>ビ-フカレ-_カラクチ</t>
  </si>
  <si>
    <t>ボンカレーゴールド辛口4個セット</t>
  </si>
  <si>
    <t>インドカレーレトルト辛口</t>
  </si>
  <si>
    <t>純喫茶メシ辛口ビーフカレー</t>
  </si>
  <si>
    <t>カレー曜日辛口</t>
  </si>
  <si>
    <t>デミカレー辛口</t>
  </si>
  <si>
    <t>デミグラスチーズカレー辛口</t>
  </si>
  <si>
    <t>ゴールデンカレーレトルト　辛口</t>
  </si>
  <si>
    <t>ゴールデンカレーレトルト辛口</t>
  </si>
  <si>
    <t>フォン･ド･ボーディナーカレーレトルト辛口</t>
  </si>
  <si>
    <t>ボンカレー辛口</t>
  </si>
  <si>
    <t>ボンカレーネオ_辛口</t>
  </si>
  <si>
    <t>ボンカレーネオ濃厚デミスパイシー辛口</t>
  </si>
  <si>
    <t>ボンカレーネオ辛口</t>
  </si>
  <si>
    <t>ボンカレーＮＥＯ　チキンカレー</t>
  </si>
  <si>
    <t>ボンカレーネオ焦がしにんにく</t>
  </si>
  <si>
    <t>マースカレーレトルト辛口</t>
  </si>
  <si>
    <t>こくまろカレー_辛口</t>
  </si>
  <si>
    <t>ジャワカレースパイスＥＸ辛口</t>
  </si>
  <si>
    <t>ジャワカレー辛口レトルト</t>
  </si>
  <si>
    <t>大釜仕込みカレー辛口</t>
  </si>
  <si>
    <t>レトルトジャワカレー辛口</t>
  </si>
  <si>
    <t>ゴールデンカレー　バリ辛　レトルト</t>
  </si>
  <si>
    <t>ゴールデンカレーレトルトバリ辛</t>
  </si>
  <si>
    <t>赤い壺本辛ビーフカレー</t>
  </si>
  <si>
    <t>赤い壺本辛チーズカレー</t>
  </si>
  <si>
    <t>ビーフカレーLEE辛さX10倍</t>
  </si>
  <si>
    <t>ビーフカレーLEE辛さX20倍</t>
  </si>
  <si>
    <t>ボンカレーネオスパイシー大辛</t>
  </si>
  <si>
    <t>ジャワスパイシー</t>
  </si>
  <si>
    <t>レトルトジャワカレー大人の激辛</t>
  </si>
  <si>
    <t>大阪第一ホテル　ビーフカレー　　　２１０ｇ箱</t>
  </si>
  <si>
    <t>大阪マルビル</t>
  </si>
  <si>
    <t>ｵｵｻｶﾏﾙﾋﾞﾙ</t>
  </si>
  <si>
    <t>ディナーカレー　甘口</t>
  </si>
  <si>
    <t>ディナーカレーレトルト甘口</t>
  </si>
  <si>
    <t>カレーマルシェ_甘口</t>
  </si>
  <si>
    <t>カレーマシェソースエクストラ</t>
  </si>
  <si>
    <t>カレーマルシェ甘口</t>
  </si>
  <si>
    <t>フォン･ド･ボー仕込みビーフカレー甘口ケース</t>
  </si>
  <si>
    <t>フォンドボービーフカレー甘口</t>
  </si>
  <si>
    <t>１００ｋｃｌ国産野菜カレー</t>
  </si>
  <si>
    <t>１００ｋｃｌ８種野菜カレー</t>
  </si>
  <si>
    <t>100kcal北海道野菜のビーフカレー　中辛</t>
  </si>
  <si>
    <t>100kcal９種の彩り野菜カレー　中辛</t>
  </si>
  <si>
    <t>100kcal牛挽肉とトマトのキーマカレー　中辛</t>
  </si>
  <si>
    <t>100Kcal　北海道野菜のビーフカレー_中辛</t>
  </si>
  <si>
    <t>100Kcal　1日分の緑黄色野菜カレー_中辛</t>
  </si>
  <si>
    <t>100Kcal　完熟トマトとなすのキーマカレー_中辛</t>
  </si>
  <si>
    <t>スーパーフードデリドライキーマカレー中辛</t>
  </si>
  <si>
    <t>スーパーフードデリチキンマサラカレー中辛</t>
  </si>
  <si>
    <t>糖質レシピ　リブロースビーフカレー　中辛</t>
  </si>
  <si>
    <t>糖質レシピーベーコンエッグカレー中辛</t>
  </si>
  <si>
    <t>マイサイズ_カレー欧風</t>
  </si>
  <si>
    <t>マイサイズ欧風カレー</t>
  </si>
  <si>
    <t>マイサイズバターチキンカレー</t>
  </si>
  <si>
    <t>マイサイズ_カレー家庭風</t>
  </si>
  <si>
    <t>マイサイズスパイシーチキンカレー</t>
  </si>
  <si>
    <t>100kcal欧風カレー</t>
  </si>
  <si>
    <t>100kcalバターチキンカレー</t>
  </si>
  <si>
    <t>100kcal大豆ミートビーフカレー</t>
  </si>
  <si>
    <t>大豆ミートのキーマカレー</t>
  </si>
  <si>
    <t>牛カレーうどんかけるだけ</t>
  </si>
  <si>
    <t>うるおいレシピ　やわらかビーフカレー</t>
  </si>
  <si>
    <t>カロリー美食亭80_欧風カレー</t>
  </si>
  <si>
    <t>カロリー美食亭80_5種野菜の具だくさんカレー</t>
  </si>
  <si>
    <t>エナジーパワービーフカレー</t>
  </si>
  <si>
    <t>エナジーアップパワーチキンカ</t>
  </si>
  <si>
    <t>糖質コントロール　ビーフカレー</t>
  </si>
  <si>
    <t>糖質コントロールバターチキンカレー</t>
  </si>
  <si>
    <t>糖質コントロールグリーンカレー</t>
  </si>
  <si>
    <t>ｳﾞｨｰｶﾞﾝｶﾚｰ</t>
  </si>
  <si>
    <t>1食分の野菜と食物繊維がとれるカレーケース</t>
  </si>
  <si>
    <t>たんぱく質と食物繊維がとれるハリラ風豆カレーケース</t>
  </si>
  <si>
    <t>コクうま6種野菜カレー</t>
  </si>
  <si>
    <t>大豆ミートのコクうまキーマカレー</t>
  </si>
  <si>
    <t>ロカボ低糖質ビーフカレー</t>
  </si>
  <si>
    <t>ロカボ低糖質キーマカレー</t>
  </si>
  <si>
    <t>ロカボ低糖質チキンカレー</t>
  </si>
  <si>
    <t>具材</t>
  </si>
  <si>
    <t>アマミベジタブルカレー</t>
  </si>
  <si>
    <t>根菜ときのこのシチュー</t>
  </si>
  <si>
    <t>季節のごちそうカレー曜日　とろとろ牛すじと季節の根菜　中辛</t>
  </si>
  <si>
    <t>たっぷり野菜さらさらカレー</t>
  </si>
  <si>
    <t>3種豆のベジタブルカレー</t>
  </si>
  <si>
    <t>デリベジ根菜かぼちゃのカレー</t>
  </si>
  <si>
    <t>野菜ときのこのカレーエリンギ</t>
  </si>
  <si>
    <t>野菜ときのこのカレーマッシュ</t>
  </si>
  <si>
    <t>野菜がおいしいカレーまろやか</t>
  </si>
  <si>
    <t>野菜がおいしいカレー香りの中</t>
  </si>
  <si>
    <t>トマト煮込みの根菜カレー</t>
  </si>
  <si>
    <t>完熟トマトの野菜カレー</t>
  </si>
  <si>
    <t>ベジタブル野菜カレー</t>
  </si>
  <si>
    <t>ベジタブルミートソース</t>
  </si>
  <si>
    <t>ベジタブルトマトソース</t>
  </si>
  <si>
    <t>まるごと野菜5種の彩り野菜カレー</t>
  </si>
  <si>
    <t>まるごと野菜なすと完熟トマトのカレー</t>
  </si>
  <si>
    <t>めざめる活力にんにく黒カレー</t>
  </si>
  <si>
    <t>まるごと野菜　しゃっきり根菜となすのキーマカレー</t>
  </si>
  <si>
    <t>まるごと野菜7種の彩り野菜カレー</t>
  </si>
  <si>
    <t>まるごと野菜なすとトマトのカレー</t>
  </si>
  <si>
    <t>まるごと野菜なすトマトカレー</t>
  </si>
  <si>
    <t>まるごと野菜なすひき肉カレー</t>
  </si>
  <si>
    <t>まるごと野菜北海道カレー</t>
  </si>
  <si>
    <t>まることなす完熟トマトカレー</t>
  </si>
  <si>
    <t>まるごと野菜特撰彩野菜カレー</t>
  </si>
  <si>
    <t>まるごと野菜きのこと野菜贅沢カレｰ</t>
  </si>
  <si>
    <t>香味野菜が溶け込んだカレー中辛</t>
  </si>
  <si>
    <t>トマトの爽やかな辛さポモドーロカレーケース</t>
  </si>
  <si>
    <t>ほうれん草と生クリームのサグダールカレーケース</t>
  </si>
  <si>
    <t>1食分の野菜と食物繊維カレー</t>
  </si>
  <si>
    <t>肉</t>
  </si>
  <si>
    <t>只々旨い超ビーフカレー</t>
  </si>
  <si>
    <t>厚切りビーフカレー中辛</t>
  </si>
  <si>
    <t>厚切りビーフカレー辛口</t>
  </si>
  <si>
    <t>あぶり焼カレービーフ</t>
  </si>
  <si>
    <t>あぶり焼カレーチキン</t>
  </si>
  <si>
    <t>とろとろ肉角切りビーフ</t>
  </si>
  <si>
    <t>とろとろカレーやわらかビーフ</t>
  </si>
  <si>
    <t>タイムトリップカレービフテキ</t>
  </si>
  <si>
    <t>タイムトリップカレーカツレツ</t>
  </si>
  <si>
    <t>バーベキュービーフカレー中辛</t>
  </si>
  <si>
    <t>ディナーカレーレトルト厚切りビーフ中辛</t>
  </si>
  <si>
    <t>本日の贅沢　甘熟フルーツドライカレー　中辛</t>
  </si>
  <si>
    <t>肉旨ビーフキーマカレー中辛</t>
  </si>
  <si>
    <t>肉旨スパイスキーマカレー中辛</t>
  </si>
  <si>
    <t>香ばしチキンのスパイスカレー中辛</t>
  </si>
  <si>
    <t>うまみポークのスパイスカレー中辛</t>
  </si>
  <si>
    <t>町中華で飲ろうぜ豚バラ肉のカレー中辛</t>
  </si>
  <si>
    <t>なにわの牛すじ黒カレー中辛</t>
  </si>
  <si>
    <t>肉味噌カレー</t>
  </si>
  <si>
    <t>あいちの牛すじどてカレー</t>
  </si>
  <si>
    <t>牛すじカレー</t>
  </si>
  <si>
    <t>三越伊勢丹フードサービス</t>
  </si>
  <si>
    <t>ﾐﾂｺｼｲｾﾀﾝ</t>
  </si>
  <si>
    <t>コンビーフカレー</t>
  </si>
  <si>
    <t>とろうま豚角煮カレー_中辛</t>
  </si>
  <si>
    <t>とろうま牛角煮カレー_中辛</t>
  </si>
  <si>
    <t>具の逸品　角切りポーク</t>
  </si>
  <si>
    <t>具の逸品　骨付きチキン</t>
  </si>
  <si>
    <t>とろうま豚角煮カレー中辛</t>
  </si>
  <si>
    <t>とろうま牛角煮カレー中辛</t>
  </si>
  <si>
    <t>カレーでニクる牛肉</t>
  </si>
  <si>
    <t>カレーでニクる豚肉</t>
  </si>
  <si>
    <t>チキンと野菜の旨みスープカレーケース</t>
  </si>
  <si>
    <t>魚</t>
  </si>
  <si>
    <t>ソイキーマカレー</t>
  </si>
  <si>
    <t>クジラキーマカレー</t>
  </si>
  <si>
    <t>共同船舶</t>
  </si>
  <si>
    <t>ｷｮｳﾄﾞｳ</t>
  </si>
  <si>
    <t>アウトドアスパイスほりにしカレー</t>
  </si>
  <si>
    <t>アウトドアスパイスほりにしカレー辛口</t>
  </si>
  <si>
    <t>チーズキーマカレー中辛</t>
  </si>
  <si>
    <t>お手軽一品シーフードカレー</t>
  </si>
  <si>
    <t>一食用</t>
  </si>
  <si>
    <t>レトハンバーグカレー</t>
  </si>
  <si>
    <t>飛騨ハム</t>
  </si>
  <si>
    <t>ﾋﾀﾞﾊﾑ</t>
  </si>
  <si>
    <t>レトルトビーフカレ辛口</t>
  </si>
  <si>
    <t>レトルトビーフカレー</t>
  </si>
  <si>
    <t>宮崎観光ホテル宮崎カレー</t>
  </si>
  <si>
    <t>牛たんカレー</t>
  </si>
  <si>
    <t>京町屋　リストランテ（美郷）奥丹波鶏とごぼうのトマトカレー</t>
  </si>
  <si>
    <t>イトー屋</t>
  </si>
  <si>
    <t>ｲﾄｰﾔ</t>
  </si>
  <si>
    <t>俺のフレンチビーフカレー</t>
  </si>
  <si>
    <t>オフィスシン</t>
  </si>
  <si>
    <t>ｵﾌｨｽｼﾝ</t>
  </si>
  <si>
    <t>タージマハールインドカリー</t>
  </si>
  <si>
    <t>しろえびカレー</t>
  </si>
  <si>
    <t>カントリーキッチン</t>
  </si>
  <si>
    <t>ｶﾝﾄﾘｰｷｯﾁﾝ</t>
  </si>
  <si>
    <t>らっきょスープカレーチキン</t>
  </si>
  <si>
    <t>SAMAチキンスープカレー</t>
  </si>
  <si>
    <t>らっきょチキンスープカレー</t>
  </si>
  <si>
    <t>職人仕込みのバターチキンカレー</t>
  </si>
  <si>
    <t>180ｸﾞﾗﾑ</t>
  </si>
  <si>
    <t>職人仕込みのポークビンダル</t>
  </si>
  <si>
    <t>職人仕込みの辛口ビーフカレー</t>
  </si>
  <si>
    <t>バカカキッチンビーフカレー</t>
  </si>
  <si>
    <t>バカカキッチンチキンカレー</t>
  </si>
  <si>
    <t>炭火焼肉たむらのお肉が入ったカレー中辛</t>
  </si>
  <si>
    <t>田村道場</t>
  </si>
  <si>
    <t>ﾀﾑﾗﾄﾞｳｼﾞｮｳ</t>
  </si>
  <si>
    <t>焼肉たむらのお肉カレー　辛口</t>
  </si>
  <si>
    <t>大阪難波自由軒赤ラベルカレー</t>
  </si>
  <si>
    <t>大阪難波自由軒黒ラベルカレー</t>
  </si>
  <si>
    <t>銀座千疋屋のビーフカレー</t>
  </si>
  <si>
    <t>銀座千疋屋</t>
  </si>
  <si>
    <t>ﾌﾚﾝｽﾞF</t>
  </si>
  <si>
    <t>博多ナイル博多の名店甘口カレー</t>
  </si>
  <si>
    <t>益正グループ</t>
  </si>
  <si>
    <t>ﾏｽﾏｻ</t>
  </si>
  <si>
    <t>博多の名店ナイル復刻中辛カレー</t>
  </si>
  <si>
    <t>ﾏｽﾏｻｸﾞﾙｰﾌﾟ</t>
  </si>
  <si>
    <t>博多ナイル博多の名店辛口黒カレー</t>
  </si>
  <si>
    <t>博多の名店ナイル黒カレー</t>
  </si>
  <si>
    <t>但馬屋牛たんカレー</t>
  </si>
  <si>
    <t>ミッション</t>
  </si>
  <si>
    <t>ﾐｯｼｮﾝ</t>
  </si>
  <si>
    <t>但馬屋黒毛和牛ビーフカレー</t>
  </si>
  <si>
    <t>金沢カレー　シーフード</t>
  </si>
  <si>
    <t>壺屋</t>
  </si>
  <si>
    <t>ﾂｸﾀﾞｼｮｸﾋﾝ</t>
  </si>
  <si>
    <t>ゴーゴーカレー監修のと豚カレー</t>
  </si>
  <si>
    <t>ｺﾞｰｺﾞｰｼｽﾃﾑ</t>
  </si>
  <si>
    <t>金沢プレミアムビーフカレー</t>
  </si>
  <si>
    <t>ＮＥＸＴ　奥芝商店えびだしスープカレー　３０８ｇ</t>
  </si>
  <si>
    <t>ＮＥＸＴ_ＬＥＶＥＬ</t>
  </si>
  <si>
    <t>ﾈｸｽﾄ</t>
  </si>
  <si>
    <t>札幌スープカレーチキン</t>
  </si>
  <si>
    <t>ＧＡＲＡＫＵ_ＲＥＴＡＩＬ</t>
  </si>
  <si>
    <t>ｶﾞﾗｸ</t>
  </si>
  <si>
    <t>札幌スープカレー豚角煮</t>
  </si>
  <si>
    <t>358g</t>
  </si>
  <si>
    <t>札幌豚キーマカレー</t>
  </si>
  <si>
    <t>宮崎とむら焼きたれカレー</t>
  </si>
  <si>
    <t>36チャンバーズルンダン箱180g</t>
  </si>
  <si>
    <t>negombo33監修ポークビンダルー</t>
  </si>
  <si>
    <t>36ﾁｬﾝﾊﾟｰｽﾞ</t>
  </si>
  <si>
    <t>ティキ監修スパイスマックスチキンカレー</t>
  </si>
  <si>
    <t>カンボジアチキンカリー</t>
  </si>
  <si>
    <t>虹の仏監修出汁キーマ＆ガーリックダル</t>
  </si>
  <si>
    <t>ピワン監修チキンカレー</t>
  </si>
  <si>
    <t>昼間のトミさん監修豚肉の赤ワインラグーカレー</t>
  </si>
  <si>
    <t>オーベルジーヌ監修欧風ビーフカレー</t>
  </si>
  <si>
    <t>パク森カレー中辛</t>
  </si>
  <si>
    <t>パク森ビーフカレー中辛</t>
  </si>
  <si>
    <t>パク森チキンカレー中辛</t>
  </si>
  <si>
    <t>カレー５人衆名人達のカレー</t>
  </si>
  <si>
    <t>行きつけにしたいあの店の湘南ドライカレー中辛</t>
  </si>
  <si>
    <t>行きつけの店パク森カレー</t>
  </si>
  <si>
    <t>噂の名店欧風ビーフカレーお店の中辛</t>
  </si>
  <si>
    <t>噂の名店バターチキンカレー中辛</t>
  </si>
  <si>
    <t>噂の名店湘南ドライカレー中辛</t>
  </si>
  <si>
    <t>噂の名店骨付きチキンカレー</t>
  </si>
  <si>
    <t>噂の名店大阪あまからビーフカレー鮮烈な辛口</t>
  </si>
  <si>
    <t>神田カレーグランプリ欧風カレーボンディチーズカレー</t>
  </si>
  <si>
    <t>神田カレーマンダラサグチキンカレ</t>
  </si>
  <si>
    <t>神田カレーグランプリ日乃屋カレー和風ビーフカレー</t>
  </si>
  <si>
    <t>神田カレー100時間B＆R欧風ビーフカレー</t>
  </si>
  <si>
    <t>噂の名店大阪スパイスキーマカレー中辛</t>
  </si>
  <si>
    <t>噂の名店至福の重ね技チーズキーマカレー200.1g</t>
  </si>
  <si>
    <t>200.1G</t>
  </si>
  <si>
    <t>噂の名店ラムキーマ＆チキンカレー　180.2g</t>
  </si>
  <si>
    <t>180.2G</t>
  </si>
  <si>
    <t>神田カレーグランプリマンダラビーフマサラカレー</t>
  </si>
  <si>
    <t>神田カレーグランプリお茶の水大勝軒復刻版カレー</t>
  </si>
  <si>
    <t>噂の名店南インド風チキンカレーお店の中辛</t>
  </si>
  <si>
    <t>神田カレーグランプリMAJIカレーチーズフォンデュカレー</t>
  </si>
  <si>
    <t>噂の名店濃厚チキンマサラカレーお店の中辛</t>
  </si>
  <si>
    <t>MAJIカレー特製ハンバーグカレー</t>
  </si>
  <si>
    <t>ＴＡＫＥＵＣＨＩクリーミーシーフードカレー</t>
  </si>
  <si>
    <t>噂の名店香味スパイスカレー中辛</t>
  </si>
  <si>
    <t>180.8g</t>
  </si>
  <si>
    <t>噂の名店骨付きチキンカレー鮮烈な辛口</t>
  </si>
  <si>
    <t>噂の名店バターチキンカレー</t>
  </si>
  <si>
    <t>噂の名店湘南ドライカレー</t>
  </si>
  <si>
    <t>噂の名店南インド風チキンカレー</t>
  </si>
  <si>
    <t>噂の名店香味スパイスカレー</t>
  </si>
  <si>
    <t>赤い壺監修本辛ビーフカレー</t>
  </si>
  <si>
    <t>赤い壺監修本辛麻婆丼</t>
  </si>
  <si>
    <t>ガリガリ濃厚スパイスカレー</t>
  </si>
  <si>
    <t>特製彩り野菜カレー</t>
  </si>
  <si>
    <t>町中華スタカレー</t>
  </si>
  <si>
    <t>鳥肌の立つカレーチキンカレー</t>
  </si>
  <si>
    <t>鳥肌の立つカレーキーマカレー</t>
  </si>
  <si>
    <t>インドカレーカーマキーマカレー</t>
  </si>
  <si>
    <t>ＭＣＣ　ガヴィアル欧風ビーフカレー　２００ｇ</t>
  </si>
  <si>
    <t>ガヴィアル欧風チキンカレー</t>
  </si>
  <si>
    <t>ｴﾑｼｰﾝｼｮｸﾋﾝ</t>
  </si>
  <si>
    <t>トムカインドムルギカリー</t>
  </si>
  <si>
    <t>エチオピアビーフカリー</t>
  </si>
  <si>
    <t>ゲイロードビーフカレー</t>
  </si>
  <si>
    <t>ｴﾑｼ-ｼ-</t>
  </si>
  <si>
    <t>ろくさん亭　まかないカレー</t>
  </si>
  <si>
    <t>銀座ろくさん亭まかないカレー</t>
  </si>
  <si>
    <t>旭食品キッチン飛騨黒毛和牛ビーフカレー</t>
  </si>
  <si>
    <t>マースカレー若鯱家和風</t>
  </si>
  <si>
    <t>白子　海軍カレー</t>
  </si>
  <si>
    <t>香食楽カレー</t>
  </si>
  <si>
    <t>香食楽黒カレー</t>
  </si>
  <si>
    <t>麻布十番ビーフカレー</t>
  </si>
  <si>
    <t>スープカリー匠_濃厚辛口</t>
  </si>
  <si>
    <t>スープカリーの匠_芳潤辛口</t>
  </si>
  <si>
    <t>ビーフマサラカレー</t>
  </si>
  <si>
    <t>バターチキンカレー</t>
  </si>
  <si>
    <t>スープカリーの匠チキンの濃厚スープカレー</t>
  </si>
  <si>
    <t>デリープレミアムレシピキーマパラツクカレー</t>
  </si>
  <si>
    <t>麻布十番ビーフカレー生クリーム</t>
  </si>
  <si>
    <t>選ばれし人気店バターチキン</t>
  </si>
  <si>
    <t>選ばれし人気店キーマカレー</t>
  </si>
  <si>
    <t>選ばれし人気店ビーフカリー</t>
  </si>
  <si>
    <t>選ばれし人気店芳醇チキンカレー中辛</t>
  </si>
  <si>
    <t>選ばれし人気店欧風ビーフカレー</t>
  </si>
  <si>
    <t>選ばれし人気店黒胡椒香る鶏ひき肉と根菜のカレー</t>
  </si>
  <si>
    <t>選ばれし人気店スリランカカリーチキン</t>
  </si>
  <si>
    <t>選ばれし人気店北海道産野菜を味わうカレーポーク</t>
  </si>
  <si>
    <t>選ばれし人気店欧風ポークカレー</t>
  </si>
  <si>
    <t>JMA完熟トマトのバターチキンカレー</t>
  </si>
  <si>
    <t>JMA欧風ビーフカレー</t>
  </si>
  <si>
    <t>JMAタイ風グリーンカレー</t>
  </si>
  <si>
    <t>選ばれし人気店ラムキーマカレー</t>
  </si>
  <si>
    <t>JMAパキスタン風チキンカリー</t>
  </si>
  <si>
    <t>麻布十番ビーフカレー特製デミグラスソース仕立て</t>
  </si>
  <si>
    <t>麻布十番ビーフカレー生クリーム仕立て</t>
  </si>
  <si>
    <t>JMA辛さきわだつキーマカレー</t>
  </si>
  <si>
    <t>JMAスパイスフルチキンカレー</t>
  </si>
  <si>
    <t>選ばれし人気店濃厚ビーフカレー</t>
  </si>
  <si>
    <t>JMA海老とレンコンのカレー</t>
  </si>
  <si>
    <t>JAPANMENUAWARDポークビンダルー</t>
  </si>
  <si>
    <t>選ばれし人気店スパイス織りなすビーフカレー</t>
  </si>
  <si>
    <t>選ばれし人気店フレンチカレービーフ</t>
  </si>
  <si>
    <t>赤からカレー</t>
  </si>
  <si>
    <t>赤から辛味の極み10番カレー</t>
  </si>
  <si>
    <t>マジックスパイススープカレーやわらかチキン</t>
  </si>
  <si>
    <t>マジックスパイススペシャルメニュー</t>
  </si>
  <si>
    <t>スープカレーチキン</t>
  </si>
  <si>
    <t>317g</t>
  </si>
  <si>
    <t>みんなのカレートマト＆バーベキュー</t>
  </si>
  <si>
    <t>インドカリー辛さ突きぬけるグリルチキン</t>
  </si>
  <si>
    <t>インドカリーベジタブル</t>
  </si>
  <si>
    <t>熟成欧風ビーフカリー煮詰めワイン</t>
  </si>
  <si>
    <t>極めるインドカリーチキン</t>
  </si>
  <si>
    <t>極めるインドカリービーフ</t>
  </si>
  <si>
    <t>インドカリー南インドキーマ</t>
  </si>
  <si>
    <t>インドカリースパイシーチキン</t>
  </si>
  <si>
    <t>インドカリービーフスパイシー</t>
  </si>
  <si>
    <t>インドカリー　スパイシーチキン</t>
  </si>
  <si>
    <t>インドカリー　マイルドチキン</t>
  </si>
  <si>
    <t>インドカリー　ビーフスパイシー</t>
  </si>
  <si>
    <t>ブランチカリースパイシー</t>
  </si>
  <si>
    <t>ブランチカリーこくうま</t>
  </si>
  <si>
    <t>ブランチカリー南欧風完熟トマトカリー</t>
  </si>
  <si>
    <t>ブランチカリー１０種の野菜と果実のカリー</t>
  </si>
  <si>
    <t>中村屋_ｲﾝﾄﾞｶﾘｰ濃厚ﾀﾝﾄﾞﾘｰﾁｷﾝ</t>
  </si>
  <si>
    <t>中村屋　インドカリースパイシーグリーンキーマ</t>
  </si>
  <si>
    <t>ｲﾝﾄﾞｶﾘｰ濃厚ﾋﾞｰﾌ</t>
  </si>
  <si>
    <t>インドカリー　レッドマサラビーフ</t>
  </si>
  <si>
    <t>インドカリースパイシーグリーンキーマ</t>
  </si>
  <si>
    <t>インドカリー香りとコクのキーマ</t>
  </si>
  <si>
    <t>ｲﾝﾄﾞｶﾘｰﾍﾞｼﾞﾀﾌﾞﾙ</t>
  </si>
  <si>
    <t>インドカリーマイルドチキン</t>
  </si>
  <si>
    <t>インドカリーグリルドビーフ</t>
  </si>
  <si>
    <t>中村屋ﾐﾆｶﾘｰﾋﾞｰﾌ</t>
  </si>
  <si>
    <t>極める牛肉カリー</t>
  </si>
  <si>
    <t>極める骨付き鶏肉カリー</t>
  </si>
  <si>
    <t>中村屋_技あり仕込みﾋﾞｰﾌｶﾘｰ辛口_200G</t>
  </si>
  <si>
    <t>技あり仕込みﾋﾞｰﾌｶﾘｰ中辛</t>
  </si>
  <si>
    <t>技あり仕込みﾋﾞｰﾌｶﾘｰ濃厚ﾘｯﾁ</t>
  </si>
  <si>
    <t>技あり仕込みビーフカリースパイシーリッチ</t>
  </si>
  <si>
    <t>ｲﾝﾄﾞｶﾘｰ濃厚ﾊﾞﾀｰﾁｷﾝ</t>
  </si>
  <si>
    <t>インドカリー濃厚マイルドチキン</t>
  </si>
  <si>
    <t>技ありビーフカリー濃厚リッチ</t>
  </si>
  <si>
    <t>技あり仕込みビーフカリー中辛</t>
  </si>
  <si>
    <t>純欧風ビーフカリー　コク深いデミの芳醇リッチ</t>
  </si>
  <si>
    <t>純欧風ビーフカリー　クリーミーなコクの濃厚リッチ</t>
  </si>
  <si>
    <t>インドカリー濃厚ビーフ</t>
  </si>
  <si>
    <t>純欧風ビーフカリー芳醇リッチ</t>
  </si>
  <si>
    <t>純欧風ビーフカリー濃厚リッチ</t>
  </si>
  <si>
    <t>ビーフと玉葱カレー中辛</t>
  </si>
  <si>
    <t>松蔵</t>
  </si>
  <si>
    <t>ﾏﾂｿﾞｳ</t>
  </si>
  <si>
    <t>ふらんす亭伝説のカレーポークとなす</t>
  </si>
  <si>
    <t>ﾏﾂｸﾗ</t>
  </si>
  <si>
    <t>函館カレー_甘口</t>
  </si>
  <si>
    <t>五島軒</t>
  </si>
  <si>
    <t>ｺﾞﾄｳｹﾝ</t>
  </si>
  <si>
    <t>函館カレー　中辛</t>
  </si>
  <si>
    <t>函館カレー_辛口</t>
  </si>
  <si>
    <t>函館港町カレー</t>
  </si>
  <si>
    <t>五島軒_函館ヘルシー野菜カレー</t>
  </si>
  <si>
    <t>究極の函館カレー中辛</t>
  </si>
  <si>
    <t>函館カレー中辛</t>
  </si>
  <si>
    <t>函館・挽肉カレー</t>
  </si>
  <si>
    <t>五島軒_海鮮カレー</t>
  </si>
  <si>
    <t>あいがけカレー</t>
  </si>
  <si>
    <t>五島軒　函館カレー　甘口</t>
  </si>
  <si>
    <t>五島軒　函館カレー　辛口</t>
  </si>
  <si>
    <t>函館フルーティカレー</t>
  </si>
  <si>
    <t>博多華味鳥華味鳥カレー</t>
  </si>
  <si>
    <t>博多華味鳥チキンカレー</t>
  </si>
  <si>
    <t>博多華味鳥粗挽きキーマカレー</t>
  </si>
  <si>
    <t>博多華味鳥料亭のチキンカレー</t>
  </si>
  <si>
    <t>博多華味鳥料亭のキーマカレー</t>
  </si>
  <si>
    <t>博多華味鳥華ももカレー</t>
  </si>
  <si>
    <t>天下一品こってりカレー</t>
  </si>
  <si>
    <t>アリアケジャパン</t>
  </si>
  <si>
    <t>黒毛和牛ビーフカレーレトルト</t>
  </si>
  <si>
    <t>ナイルさんのキーマカレー</t>
  </si>
  <si>
    <t>なとりデリカ</t>
  </si>
  <si>
    <t>ｷﾞﾝｻﾞｲﾝﾄﾞﾚ</t>
  </si>
  <si>
    <t>ナイルさんのチキンカレー</t>
  </si>
  <si>
    <t>ご当地</t>
  </si>
  <si>
    <t>宮崎黒毛和牛ビーフカレー</t>
  </si>
  <si>
    <t>鹿児島黒豚ポークカレーレトルト</t>
  </si>
  <si>
    <t>佐賀黒毛和牛カレー</t>
  </si>
  <si>
    <t>熊本あか牛ビーフカレー</t>
  </si>
  <si>
    <t>松阪牛ビーフカレー</t>
  </si>
  <si>
    <t>響　佐賀黒毛和牛ﾋﾞｰﾌｶﾚｰ　180ｇ</t>
  </si>
  <si>
    <t>松坂牛ビーフカレー</t>
  </si>
  <si>
    <t>宮崎牛ビーフカレー</t>
  </si>
  <si>
    <t>響　長崎黒毛和牛ビーフカレー　１６０ｇ</t>
  </si>
  <si>
    <t>大分湯布院牛ビーフカレー</t>
  </si>
  <si>
    <t>宮崎牛ビーフカレーレトルト</t>
  </si>
  <si>
    <t>宮崎マンゴービーフカレー箱</t>
  </si>
  <si>
    <t>十勝ビーフカレー</t>
  </si>
  <si>
    <t>賀茂茄子カレー</t>
  </si>
  <si>
    <t>京野菜販売協同組合</t>
  </si>
  <si>
    <t>牛肉商但馬屋　神戸ワインビーフカレー　２００ｇ</t>
  </si>
  <si>
    <t>松阪牛ビーフカレー_3本ｾｯﾄ</t>
  </si>
  <si>
    <t>3本ｾｯﾄ</t>
  </si>
  <si>
    <t>ゴロッとじゃがいもと厚切り豚バラのポークカレー</t>
  </si>
  <si>
    <t>ゴロッと玉ねぎと骨付きチキンのスープカレー</t>
  </si>
  <si>
    <t>ゴロッとまるごと玉ねぎのキーマカレー</t>
  </si>
  <si>
    <t>くまもとあか牛カレー</t>
  </si>
  <si>
    <t>フジチク</t>
  </si>
  <si>
    <t>ﾌｼﾞﾁｸ</t>
  </si>
  <si>
    <t>よこすか海軍カレーネイビーブルー</t>
  </si>
  <si>
    <t>調味商事</t>
  </si>
  <si>
    <t>ﾁｮｳﾐｼｮｳｼﾞ</t>
  </si>
  <si>
    <t>よこすか海軍カレー</t>
  </si>
  <si>
    <t>ﾔﾁﾖ</t>
  </si>
  <si>
    <t>ウッドアイランドよこすか海軍カレー</t>
  </si>
  <si>
    <t>ウッドアイランド横須賀軍港キーマカレー</t>
  </si>
  <si>
    <t>龍馬と海舟の幕末牛鍋カレー</t>
  </si>
  <si>
    <t>護衛艦きりしまポークカレー</t>
  </si>
  <si>
    <t>護衛艦ゆうぎりカレー</t>
  </si>
  <si>
    <t>ハニービーよこすか海軍カレー</t>
  </si>
  <si>
    <t>記念艦三笠よこすか海軍カレー</t>
  </si>
  <si>
    <t>まぐろスパイシーキーマカレー</t>
  </si>
  <si>
    <t>海上保安庁横浜海保カレー</t>
  </si>
  <si>
    <t>神戸カレー</t>
  </si>
  <si>
    <t>（黒釜）のきのこと近江牛のカレー</t>
  </si>
  <si>
    <t>黒門屋らーめん　とんこつカレー</t>
  </si>
  <si>
    <t>京都の町家フレンチ（旬風庵）牛タンと黒ゴマのカレー</t>
  </si>
  <si>
    <t>会津地鶏カレー中辛</t>
  </si>
  <si>
    <t>酒井養鶏場</t>
  </si>
  <si>
    <t>ｻｶｲﾖｳｹｲｼﾞｮ</t>
  </si>
  <si>
    <t>野菜だけのカレー甘口</t>
  </si>
  <si>
    <t>天領食品</t>
  </si>
  <si>
    <t>ﾃﾝﾘｮｳｼｮｸﾋﾝ</t>
  </si>
  <si>
    <t>広島宮島牡蠣カレー</t>
  </si>
  <si>
    <t>島根三瓶牛カレー</t>
  </si>
  <si>
    <t>博多明太子カレー</t>
  </si>
  <si>
    <t>日本一辛い黄金一味仕込みのビーフカレー</t>
  </si>
  <si>
    <t>祇園味幸</t>
  </si>
  <si>
    <t>ｷﾞｵﾝｱｼﾞｺｳ</t>
  </si>
  <si>
    <t>明石初発たこカレー</t>
  </si>
  <si>
    <t>ﾆｼｳﾐｼﾖｳﾕ</t>
  </si>
  <si>
    <t>くまもとのカレー　馬すじ</t>
  </si>
  <si>
    <t>フーズ・ジョイ</t>
  </si>
  <si>
    <t>くまもとのカレー　あか牛</t>
  </si>
  <si>
    <t>くまもとのカレー　大阿蘇どり</t>
  </si>
  <si>
    <t>沖縄ソーキカレー</t>
  </si>
  <si>
    <t>守礼堂</t>
  </si>
  <si>
    <t>札幌パキスタンカレー</t>
  </si>
  <si>
    <t>帯広ビーフカレー</t>
  </si>
  <si>
    <t>小樽キーマカレー</t>
  </si>
  <si>
    <t>完熟トマトのチキンカレー</t>
  </si>
  <si>
    <t>中札内田舎どりバターチキン</t>
  </si>
  <si>
    <t>牛モツとろ煮ブラックカレー</t>
  </si>
  <si>
    <t>札幌スパイスカレー</t>
  </si>
  <si>
    <t>函館ハヤシビーフカレー</t>
  </si>
  <si>
    <t>黒岩カレー札幌スパイスカレー</t>
  </si>
  <si>
    <t>キャニオンスパイス　淡路牛　玉ねぎカレー　２００ｇ</t>
  </si>
  <si>
    <t>うずのくに南あわじ</t>
  </si>
  <si>
    <t>神戸牛カレー</t>
  </si>
  <si>
    <t>監修_黒毛和牛ｶﾘｰ</t>
  </si>
  <si>
    <t>信州チキンカレー中辛</t>
  </si>
  <si>
    <t>大原屋コミュニケーションズ</t>
  </si>
  <si>
    <t>ｵｵﾊﾗﾔｺﾐｭﾆｹ</t>
  </si>
  <si>
    <t>信州ビーフカレー辛口</t>
  </si>
  <si>
    <t>博多の名店ナイル復刻カレー</t>
  </si>
  <si>
    <t>博多の名店ナイルスペシャルカレー</t>
  </si>
  <si>
    <t>博多益正伽哩</t>
  </si>
  <si>
    <t>舞妓はんひぃーひぃー狂辛カレー</t>
  </si>
  <si>
    <t>沖縄泡盛カレー</t>
  </si>
  <si>
    <t>南照</t>
  </si>
  <si>
    <t>神戸牛ビーフカレー</t>
  </si>
  <si>
    <t>ｾﾞﾝﾀ</t>
  </si>
  <si>
    <t>壱岐牛カレー中辛</t>
  </si>
  <si>
    <t>アットマーク</t>
  </si>
  <si>
    <t>ｱｯﾄﾏｰｸ</t>
  </si>
  <si>
    <t>壱岐牛カレー甘口</t>
  </si>
  <si>
    <t>いき柚子カレー甘口</t>
  </si>
  <si>
    <t>いき檸檬カレー甘口</t>
  </si>
  <si>
    <t>壱州豆腐カレー麻婆風辛口</t>
  </si>
  <si>
    <t>壱岐牛カレー辛口</t>
  </si>
  <si>
    <t>（但馬）ビーフカレー</t>
  </si>
  <si>
    <t>ほくぶ</t>
  </si>
  <si>
    <t>ﾎｸﾌﾞ</t>
  </si>
  <si>
    <t>響　沖縄石垣島和牛ビーフカレー</t>
  </si>
  <si>
    <t>沖縄北谷自然海塩</t>
  </si>
  <si>
    <t>金沢カレー　野菜</t>
  </si>
  <si>
    <t>京都肉カレー</t>
  </si>
  <si>
    <t>ｎｅｕ</t>
  </si>
  <si>
    <t>兵庫山田錦純米黒毛和牛キーマカレー</t>
  </si>
  <si>
    <t>島根石見ポークカレー</t>
  </si>
  <si>
    <t>ディブロ</t>
  </si>
  <si>
    <t>島根放牧牛カレー</t>
  </si>
  <si>
    <t>アグリおき</t>
  </si>
  <si>
    <t>ゴーゴーカレーファイヤー辛口</t>
  </si>
  <si>
    <t>いかめしカレー甘辛口箱</t>
  </si>
  <si>
    <t>いかめし阿部商店</t>
  </si>
  <si>
    <t>ｱﾍﾞｼｮｳﾃﾝ</t>
  </si>
  <si>
    <t>沖縄紅あぐーカレー</t>
  </si>
  <si>
    <t>がんじゅう</t>
  </si>
  <si>
    <t>徳島阿波ポークカレー</t>
  </si>
  <si>
    <t>肉はたけしま　牛すじカレー</t>
  </si>
  <si>
    <t>武島精肉店</t>
  </si>
  <si>
    <t>軽井沢隠れ家ビーフカレー</t>
  </si>
  <si>
    <t>東京カレーラボ_ア-モンドチキン</t>
  </si>
  <si>
    <t>東京カレーラボ_黒ビールビーフ</t>
  </si>
  <si>
    <t>銀座ろくさんていカレー</t>
  </si>
  <si>
    <t>横浜フレンチカレー</t>
  </si>
  <si>
    <t>横浜フレンチカレー辛口</t>
  </si>
  <si>
    <t>１００年前のビーフカレー</t>
  </si>
  <si>
    <t>神戸テイスト欧風ビーフカレー</t>
  </si>
  <si>
    <t>旭食品キッチン飛騨ビーフカレー辛口200g</t>
  </si>
  <si>
    <t>オリエンタル　本格派まろやか</t>
  </si>
  <si>
    <t>オリエンタル　本格派中辛</t>
  </si>
  <si>
    <t>台湾カレーミンチ</t>
  </si>
  <si>
    <t>海軍カレー横須賀</t>
  </si>
  <si>
    <t>海軍カレーチキン</t>
  </si>
  <si>
    <t>お手軽一品北海道野菜カレー</t>
  </si>
  <si>
    <t>北海道野菜を使ったベジタブルカレー</t>
  </si>
  <si>
    <t>北海道野菜を使ったシーフードカレー</t>
  </si>
  <si>
    <t>東京X豚ポークカレー</t>
  </si>
  <si>
    <t>大和肉鶏カレー</t>
  </si>
  <si>
    <t>ﾆｺｳ</t>
  </si>
  <si>
    <t>南洲農場黒豚カレー</t>
  </si>
  <si>
    <t>房総ポークカレー</t>
  </si>
  <si>
    <t>ジンギスカレー</t>
  </si>
  <si>
    <t>昔ながらの東京洋食カレー</t>
  </si>
  <si>
    <t>宮崎県産黒毛和牛ビーフカレー</t>
  </si>
  <si>
    <t>じゃこ天カレー</t>
  </si>
  <si>
    <t>ジャガバタカレー</t>
  </si>
  <si>
    <t>トロピカルポークカレー</t>
  </si>
  <si>
    <t>名古屋コーチンカレー</t>
  </si>
  <si>
    <t>黒毛和牛カレー</t>
  </si>
  <si>
    <t>源流花園黒豚カレー</t>
  </si>
  <si>
    <t>焼きカレーなすと挽き肉</t>
  </si>
  <si>
    <t>焼きカレーチキンとトマト</t>
  </si>
  <si>
    <t>ホークス応援カレー</t>
  </si>
  <si>
    <t>地球のカレー北インド風バターチキンカレ</t>
  </si>
  <si>
    <t>地球のカレーゴア風ポークビンダルー</t>
  </si>
  <si>
    <t>地球のカレーパキスタン風海老カレー</t>
  </si>
  <si>
    <t>地球のカレータイ風グリーンカレー</t>
  </si>
  <si>
    <t>地球のカレーパキスタン風チキンカリー</t>
  </si>
  <si>
    <t>霧嶋黒豚カレー</t>
  </si>
  <si>
    <t>本日のスープカレーのスープ</t>
  </si>
  <si>
    <t>道産牛の牛すじカレー</t>
  </si>
  <si>
    <t>北海道　道産豚の角煮カレー</t>
  </si>
  <si>
    <t>ﾍﾞﾂｼｮｸﾋﾝ</t>
  </si>
  <si>
    <t>札幌スープカレー中辛</t>
  </si>
  <si>
    <t>札幌スープカレーマイルド</t>
  </si>
  <si>
    <t>札幌スープカリー木多郎帆立</t>
  </si>
  <si>
    <t>クリシュナオホーツク流氷カレー</t>
  </si>
  <si>
    <t>ベル食品　十勝牛カレー　２００ｇ</t>
  </si>
  <si>
    <t>かみふらの地養豚カレー</t>
  </si>
  <si>
    <t>十勝モッツァレラチーズカレー</t>
  </si>
  <si>
    <t>北海道りんごのほっぺカレーレトルト</t>
  </si>
  <si>
    <t>北海道メロンカレー</t>
  </si>
  <si>
    <t>北海道ホタテカレー中辛</t>
  </si>
  <si>
    <t>蜂カレーカレールー中辛</t>
  </si>
  <si>
    <t>こってり濃厚あま辛カレー　辛口　</t>
  </si>
  <si>
    <t>大阪港カレー中辛</t>
  </si>
  <si>
    <t>北海道チーズバターカレー中辛</t>
  </si>
  <si>
    <t>大阪甘辛ビーフカレー中辛</t>
  </si>
  <si>
    <t>京都和だしカレー中辛</t>
  </si>
  <si>
    <t>沖縄キーマカレータコライス風中辛</t>
  </si>
  <si>
    <t>広島レモンクリームチキンカレー</t>
  </si>
  <si>
    <t>神戸赤ワイン煮込みビーフカレー</t>
  </si>
  <si>
    <t>博多明太子チーズカレー</t>
  </si>
  <si>
    <t>鹿児島黒豚カレー</t>
  </si>
  <si>
    <t>横浜中華カレー</t>
  </si>
  <si>
    <t>金沢濃厚コク旨カレー</t>
  </si>
  <si>
    <t>青森林檎とガーリックのチキンカレー</t>
  </si>
  <si>
    <t>小笠原南国フルーツチキンカレー</t>
  </si>
  <si>
    <t>クイックパスタ塩レモン</t>
  </si>
  <si>
    <t>マジックスパイススープカレーの素</t>
  </si>
  <si>
    <t>はかた地どりカレー</t>
  </si>
  <si>
    <t>かごしま黒豚カレー</t>
  </si>
  <si>
    <t>唐津くんち　カレー</t>
  </si>
  <si>
    <t>筑前煮カレー</t>
  </si>
  <si>
    <t>青森りんごカレー210g</t>
  </si>
  <si>
    <t>ラグノオささき</t>
  </si>
  <si>
    <t>ﾗｸﾞﾉｵ</t>
  </si>
  <si>
    <t>佐々長味噌カレー</t>
  </si>
  <si>
    <t>富良野ブラックカレービーフ</t>
  </si>
  <si>
    <t>ﾌﾗﾉﾉｳｷｮｳ</t>
  </si>
  <si>
    <t>ブラックカレーポーク</t>
  </si>
  <si>
    <t>JAふらのスープカレーチキンレッグ入</t>
  </si>
  <si>
    <t>JAふらのスープカレー厚切豚バラ肉入</t>
  </si>
  <si>
    <t>JAふらのスープカレーホタテ2個入</t>
  </si>
  <si>
    <t>鶏肉とビーンズのスパイスカレー</t>
  </si>
  <si>
    <t>JAふらの富良野スープカレービーフ</t>
  </si>
  <si>
    <t>島根石見和牛肉カレー</t>
  </si>
  <si>
    <t>高千穂生まれのトマトカレー</t>
  </si>
  <si>
    <t>宮崎牛カレー</t>
  </si>
  <si>
    <t>豊後きのこカレー</t>
  </si>
  <si>
    <t>ｵｵｲﾀｼｲﾀｹ</t>
  </si>
  <si>
    <t>ビーフカレー</t>
  </si>
  <si>
    <t>ｻﾝﾀﾞﾔ</t>
  </si>
  <si>
    <t>三田屋黒毛和牛のビーフカレー</t>
  </si>
  <si>
    <t>ｻﾝﾀﾞﾔｿｳﾎﾝｹ</t>
  </si>
  <si>
    <t>黒豚のポークカレー</t>
  </si>
  <si>
    <t>黒鶏のチキンカレー</t>
  </si>
  <si>
    <t>黒毛和牛ちょこっとビーフカレー</t>
  </si>
  <si>
    <t>磯山18禁カレー痛辛</t>
  </si>
  <si>
    <t>ｲｿﾔﾏｼｮｳｼﾞ</t>
  </si>
  <si>
    <t>たらばかにカレー</t>
  </si>
  <si>
    <t>高島食品</t>
  </si>
  <si>
    <t>ﾀｶｼﾏｼｮｸﾋﾝ</t>
  </si>
  <si>
    <t>ズワイ蟹カレー</t>
  </si>
  <si>
    <t>静岡わさびカレー辛</t>
  </si>
  <si>
    <t>キイチ食品</t>
  </si>
  <si>
    <t>ｷｲﾁｼｮｸﾋﾝ</t>
  </si>
  <si>
    <t>美ら島の豚煮込みカレー</t>
  </si>
  <si>
    <t>沖縄ホーメル</t>
  </si>
  <si>
    <t>スパムカレー</t>
  </si>
  <si>
    <t>広島名産かきカレー</t>
  </si>
  <si>
    <t>四国健商高知土佐あかうしビーフカレー160g</t>
  </si>
  <si>
    <t>いわて前沢牛カレー</t>
  </si>
  <si>
    <t>いわて白金豚カレー</t>
  </si>
  <si>
    <t>神戸ワインカレー中辛</t>
  </si>
  <si>
    <t>ﾄｯﾄﾘｶﾝｽﾞﾒ</t>
  </si>
  <si>
    <t>大山チキンカリー中辛</t>
  </si>
  <si>
    <t>沖縄あぐーカレー</t>
  </si>
  <si>
    <t>帆立カレー陸奥湾産</t>
  </si>
  <si>
    <t>帆立カレー北海道産帆立使用</t>
  </si>
  <si>
    <t>北都</t>
  </si>
  <si>
    <t>大馬鹿ヤローカレー</t>
  </si>
  <si>
    <t>十勝清水牛カレー</t>
  </si>
  <si>
    <t>北海道産ホエー豚カレー</t>
  </si>
  <si>
    <t>地獄のカレー</t>
  </si>
  <si>
    <t>悪魔のカレー</t>
  </si>
  <si>
    <t>大間まぐろカレー</t>
  </si>
  <si>
    <t>魔王のカレー</t>
  </si>
  <si>
    <t>たこカレー北海道産たこ使用</t>
  </si>
  <si>
    <t>赤のトマトカレー</t>
  </si>
  <si>
    <t>黄のれんこんカレー</t>
  </si>
  <si>
    <t>くまモン長州清源寺トマトカレー</t>
  </si>
  <si>
    <t>今村食品工業</t>
  </si>
  <si>
    <t>ｲﾏﾑﾗｼﾖｸﾋﾝ</t>
  </si>
  <si>
    <t>くまモン南関あげカレー</t>
  </si>
  <si>
    <t>スープカレー</t>
  </si>
  <si>
    <t>アルバ熟成カレー</t>
  </si>
  <si>
    <t>金沢カレー</t>
  </si>
  <si>
    <t>室蘭うずら園　すぅぷかれーホタテ　２６０ｇ</t>
  </si>
  <si>
    <t>室蘭うずら園</t>
  </si>
  <si>
    <t>ﾑﾛﾗﾝｳｽﾞﾗｴﾝ</t>
  </si>
  <si>
    <t>室蘭うずら園　すぅぷかれーポーク　２６０ｇ</t>
  </si>
  <si>
    <t>室蘭うずら園　すぅぷかれーチキン　２６０ｇ</t>
  </si>
  <si>
    <t>飛騨牛ビーフカレーレトルト</t>
  </si>
  <si>
    <t>吉田ハム</t>
  </si>
  <si>
    <t>ﾖｼﾀﾞﾊﾑ</t>
  </si>
  <si>
    <t>鳴門千鳥本舗</t>
  </si>
  <si>
    <t>ﾅﾙﾄﾁﾄﾞﾘﾎﾝﾎ</t>
  </si>
  <si>
    <t>レモン牛乳カレー</t>
  </si>
  <si>
    <t>あすなろ舎</t>
  </si>
  <si>
    <t>ﾅｶﾞｲｴﾝ</t>
  </si>
  <si>
    <t>比内地鶏カレー</t>
  </si>
  <si>
    <t>秋田味商</t>
  </si>
  <si>
    <t>ｱｷﾀﾐｼｮｳ</t>
  </si>
  <si>
    <t>桃豚カレー</t>
  </si>
  <si>
    <t>鶏肉と野菜のキーマカレー</t>
  </si>
  <si>
    <t>濃厚バターチキン</t>
  </si>
  <si>
    <t>ﾄｭｰﾊﾞﾄﾚｰﾃﾞ</t>
  </si>
  <si>
    <t>キーマカレー</t>
  </si>
  <si>
    <t>マッサマンカレー</t>
  </si>
  <si>
    <t>レッドカレーＥＯ</t>
  </si>
  <si>
    <t>グリーンカレーＥＯ</t>
  </si>
  <si>
    <t>マイルドタイカレー　レッド</t>
  </si>
  <si>
    <t>マイルドタイカレー　グリーン</t>
  </si>
  <si>
    <t>マイルドタイカレー　イエロー</t>
  </si>
  <si>
    <t>piwang監修ど海老カレー</t>
  </si>
  <si>
    <t>ドライキーマカレー辛口</t>
  </si>
  <si>
    <t>タイ風グリーンカレー</t>
  </si>
  <si>
    <t>タイ風レッドカレー</t>
  </si>
  <si>
    <t>なっとくのキーマカレー　中辛</t>
  </si>
  <si>
    <t>スパイスリゾート　スリランカ風キーマカレー　中辛</t>
  </si>
  <si>
    <t>インド風ケララカレー　中辛</t>
  </si>
  <si>
    <t>スパイスリゾートタイ風グリーンカレーHOT</t>
  </si>
  <si>
    <t>ドライキーマカレーＨＯＴ</t>
  </si>
  <si>
    <t>南インド風骨付きチキンカレー</t>
  </si>
  <si>
    <t>南インド風マサラカレー　骨付きチキン入り　中辛</t>
  </si>
  <si>
    <t>スパイスリゾート　北インド風ほうれん草カレー　中辛</t>
  </si>
  <si>
    <t>スパイスリゾート北インド風バターチキンカレー</t>
  </si>
  <si>
    <t>５/８キーマカレー</t>
  </si>
  <si>
    <t>アジアンテラスグリーンカレー辛口</t>
  </si>
  <si>
    <t>アジアンテラスマッサマンカレー中辛</t>
  </si>
  <si>
    <t>ビールカレーＬＥＥキーマカレー</t>
  </si>
  <si>
    <t>LEEなすのキーマカレー辛さ10倍</t>
  </si>
  <si>
    <t>北インドカレー</t>
  </si>
  <si>
    <t>LEEトムヤム風チキンカレー辛さ×10倍</t>
  </si>
  <si>
    <t>バターチキンカレーレトルト</t>
  </si>
  <si>
    <t>チキンとインドカレー　黒カレー170ｇ</t>
  </si>
  <si>
    <t>ｸﾞﾘｰﾝｶﾚｰ</t>
  </si>
  <si>
    <t>Ｔアジアンインド風キーマカレー</t>
  </si>
  <si>
    <t>Ｔアジアンタイ風イエローカレー</t>
  </si>
  <si>
    <t>Ｔアジアン南印度風ダールカレー</t>
  </si>
  <si>
    <t>ひよこ豆のベジキーカレー</t>
  </si>
  <si>
    <t>タイテーブルグリーンカレー</t>
  </si>
  <si>
    <t>タイテーブルレッドカレー</t>
  </si>
  <si>
    <t>夏のカレーキーマカレー中辛</t>
  </si>
  <si>
    <t>夏のカレーキーマカレー大辛</t>
  </si>
  <si>
    <t>スパイスポーク黒カレー</t>
  </si>
  <si>
    <t>ピーナッツバターチキンカレー</t>
  </si>
  <si>
    <t>アジアン　グリーンカレー</t>
  </si>
  <si>
    <t>アジアン　レッドカレー</t>
  </si>
  <si>
    <t>アジアン　キーマカレー</t>
  </si>
  <si>
    <t>アジアン　イエローカレー</t>
  </si>
  <si>
    <t>アジアンバターチキンカレー</t>
  </si>
  <si>
    <t>アジアン　プーパッポンカレー</t>
  </si>
  <si>
    <t>本家赤から台湾カレー</t>
  </si>
  <si>
    <t>インド風カレー</t>
  </si>
  <si>
    <t>ジャワ風カレー中辛</t>
  </si>
  <si>
    <t>チキンカレーインド風</t>
  </si>
  <si>
    <t>明治銀座バターチキン</t>
  </si>
  <si>
    <t>銀座バターチキン</t>
  </si>
  <si>
    <t>ブラヒムズ　フィッシュカレーソー</t>
  </si>
  <si>
    <t>ﾌﾞﾗﾋﾑｽﾞ</t>
  </si>
  <si>
    <t>ブラヒムズ　トマトチキンカレー</t>
  </si>
  <si>
    <t>ブラヒムズ　チキンカレー</t>
  </si>
  <si>
    <t>ブラヒムズ　チキンルンダン</t>
  </si>
  <si>
    <t>タイカレープーパッポン</t>
  </si>
  <si>
    <t>ヤマモリ　レッドカレー　レトルト</t>
  </si>
  <si>
    <t>タイカレー　グリーン</t>
  </si>
  <si>
    <t>タイカレー　レッド</t>
  </si>
  <si>
    <t>ヤマモリ　タイカレーイエロー</t>
  </si>
  <si>
    <t>タイカレー　マッサマン</t>
  </si>
  <si>
    <t>タイカレーグリーン</t>
  </si>
  <si>
    <t>タイカレーイエロー</t>
  </si>
  <si>
    <t>タイカレーマッサマン</t>
  </si>
  <si>
    <t>タイカレーパネール</t>
  </si>
  <si>
    <t>タイカレーパラダイス</t>
  </si>
  <si>
    <t>タイカレープリック</t>
  </si>
  <si>
    <t>スパイス紀行ビーフルンダン</t>
  </si>
  <si>
    <t>スパイス紀行チキンクルマ</t>
  </si>
  <si>
    <t>スパイス紀行カリーサラマン</t>
  </si>
  <si>
    <t>北海道産行者ニンニクのバターチキンカレー</t>
  </si>
  <si>
    <t>成城石井　グリーンカレー　２００ｇ</t>
  </si>
  <si>
    <t>成城石井　マッサマンカレー</t>
  </si>
  <si>
    <t>香るグリーンカレー</t>
  </si>
  <si>
    <t>ポークビンダルー</t>
  </si>
  <si>
    <t>蟹の旨みにこだわったプーパッポンカレーケース</t>
  </si>
  <si>
    <t>カシミールチキンカレー</t>
  </si>
  <si>
    <t>チキンコルマカレー</t>
  </si>
  <si>
    <t>ハリラ風豆カレー</t>
  </si>
  <si>
    <t>唐辛子の鮮烈な辛さカシミールチキンカレーケース</t>
  </si>
  <si>
    <t>ソテー･ド･オニオンのコクチキンコルマカレーケース</t>
  </si>
  <si>
    <t>パネーンカレー</t>
  </si>
  <si>
    <t>ペッパーフライカレー</t>
  </si>
  <si>
    <t>スリランカカレー</t>
  </si>
  <si>
    <t>ココナッツミルクのコクパネーンカレーケース</t>
  </si>
  <si>
    <t>13種のスパイスをつかったスリランカカレーケース</t>
  </si>
  <si>
    <t>青唐辛子と粗挽き黒胡椒の辛さペッパーフライカレーケース</t>
  </si>
  <si>
    <t>サグダールカレー</t>
  </si>
  <si>
    <t>ポモドーロカレー</t>
  </si>
  <si>
    <t>キーマ風鯖カレー</t>
  </si>
  <si>
    <t>レトルトグリーンカレー</t>
  </si>
  <si>
    <t>タイランドブリッジ</t>
  </si>
  <si>
    <t>レトルトマッサマンカレー</t>
  </si>
  <si>
    <t>ブラヒム　チキンルンダン　レトルト</t>
  </si>
  <si>
    <t>ﾋﾞﾗﾋﾟﾑ</t>
  </si>
  <si>
    <t>キャラクター・コンテンツ</t>
  </si>
  <si>
    <t>こどものためのレトルトカレー</t>
  </si>
  <si>
    <t>広島戦国哩毛利元就の陣</t>
  </si>
  <si>
    <t>赤川本家</t>
  </si>
  <si>
    <t>YOASOBI監修ピリリとマロロの白の閻魔さまカレー</t>
  </si>
  <si>
    <t>カレーの王子さまレトルト</t>
  </si>
  <si>
    <t>カレーのお姫さまレトルト</t>
  </si>
  <si>
    <t>こどものためのボンカレー</t>
  </si>
  <si>
    <t>ハローキティビーフカレー</t>
  </si>
  <si>
    <t>ハローキティハンバーグカレー</t>
  </si>
  <si>
    <t>キティーカレーコーン＆ビーフ</t>
  </si>
  <si>
    <t>Ｈキティケチャッピーハヤシ</t>
  </si>
  <si>
    <t>イナズマイレブン野菜カレー</t>
  </si>
  <si>
    <t>ルパンレンジャーVSパトレンジャーカレー甘口</t>
  </si>
  <si>
    <t>快盗戦隊ルパンレンジャーＶＳ警察戦隊パトレンジャーミニパックカレ</t>
  </si>
  <si>
    <t>騎士竜戦隊リュウソウジャーカレーポークあまくち</t>
  </si>
  <si>
    <t>騎士竜戦隊リュウソウジャーミニＰカレー　１００ｇ</t>
  </si>
  <si>
    <t>宇宙戦隊キュウレンジャーカレー　ポークあまくち</t>
  </si>
  <si>
    <t>宇宙戦隊キュウレンジャーカレーミニポークあまくち</t>
  </si>
  <si>
    <t>２食分</t>
  </si>
  <si>
    <t>ポケモンオベントカレーアマクチ</t>
  </si>
  <si>
    <t>マジレンジャーカレー　ポーク</t>
  </si>
  <si>
    <t>マジレンジャーカレー　野菜</t>
  </si>
  <si>
    <t>マジレンジャーお弁当カレー</t>
  </si>
  <si>
    <t>ボウケンジャーカレーポーク</t>
  </si>
  <si>
    <t>ボウケンジャーカレー野菜</t>
  </si>
  <si>
    <t>ボウケンジャーお弁当カレー</t>
  </si>
  <si>
    <t>ゲキレンジャーカレー_ポーク</t>
  </si>
  <si>
    <t>ゲキレンジャーカレー_野菜コーン</t>
  </si>
  <si>
    <t>ゲキレンジャーお弁当カレー</t>
  </si>
  <si>
    <t>ゴーオンジャーカレーポーク</t>
  </si>
  <si>
    <t>ゴーオンジャーカレー野菜コーン</t>
  </si>
  <si>
    <t>ゴーオンジャーお弁当カレー</t>
  </si>
  <si>
    <t>シンケンジャーカレーポーク</t>
  </si>
  <si>
    <t>シンケンジャー野菜コーン</t>
  </si>
  <si>
    <t>シンケンジャーお弁当カレーポ</t>
  </si>
  <si>
    <t>デカレンジャカレーポーク甘口</t>
  </si>
  <si>
    <t>デカレンジャ弁当カレーＰ甘口</t>
  </si>
  <si>
    <t>ドラエモンカレー　ポーク</t>
  </si>
  <si>
    <t>アンパンマンミニパックカレーポーク</t>
  </si>
  <si>
    <t>ポケモンカレー　ポーク</t>
  </si>
  <si>
    <t>ポケモンカレーチキン</t>
  </si>
  <si>
    <t>ゴセイジャーカレーポーク</t>
  </si>
  <si>
    <t>ゴセイジャ―カレー野菜コーン</t>
  </si>
  <si>
    <t>ゴセイジャ―ミニパック</t>
  </si>
  <si>
    <t>ポケモンカレーソーセージ</t>
  </si>
  <si>
    <t>ポケモンカレービーフコーン</t>
  </si>
  <si>
    <t>ゴーカイジャーカレー　ポークあまくち</t>
  </si>
  <si>
    <t>ゴーカイジャーカレー　野菜・コーンあまくち</t>
  </si>
  <si>
    <t>ゴーカイジャーカレー　ミニパックカレー</t>
  </si>
  <si>
    <t>アバレンジャーカレーポーク</t>
  </si>
  <si>
    <t>アバレンジャーカレーチキン</t>
  </si>
  <si>
    <t>アバレンジャーお弁当カレーポーク</t>
  </si>
  <si>
    <t>特命戦隊ゴーバスターズポーク甘口</t>
  </si>
  <si>
    <t>特命戦隊ゴーバスターズ野菜・コーン</t>
  </si>
  <si>
    <t>特命戦隊ゴーバスターズミニパックポーク甘口</t>
  </si>
  <si>
    <t>ｷｮｳﾘｭｳｼﾞｬｰｶﾚｰ　ﾎﾟｰｸあまくち</t>
  </si>
  <si>
    <t>ｷｮｳﾘｭｳｼﾞｬｰﾊﾔｼ　ﾎﾟｰｸ</t>
  </si>
  <si>
    <t>ｷｮｳﾘｭｳｼﾞｬｰﾐﾆﾊﾟｯｸｶﾚｰあまくち</t>
  </si>
  <si>
    <t>烈車戦隊トッキュウジャーカレーポーク甘口</t>
  </si>
  <si>
    <t>烈車戦隊トッキュウジャーハヤシ　ポーク</t>
  </si>
  <si>
    <t>烈車戦隊トッキュウジャーミニパックカレー　ポークあまくち</t>
  </si>
  <si>
    <t>手裏剣戦隊ニンニンジャーカレー　ポークあまくち</t>
  </si>
  <si>
    <t>手裏剣戦隊ニンニンジャーミニパックカレー_ポークあまくち</t>
  </si>
  <si>
    <t>妖怪ウォッチカレー　ポークあまくち</t>
  </si>
  <si>
    <t>永谷園　ジュウオウジャーカレーポーク　甘口</t>
  </si>
  <si>
    <t>動物戦隊ジュウオウジャーミニパックカレーポークあまくち</t>
  </si>
  <si>
    <t>チコちゃんカレー</t>
  </si>
  <si>
    <t>魔進戦隊キラメイジャーカレーポークあまくち</t>
  </si>
  <si>
    <t>アンパンマンミニパックカレーポークあまくち</t>
  </si>
  <si>
    <t>くまのプーさんカレー</t>
  </si>
  <si>
    <t>くまのプーさんハヤシ</t>
  </si>
  <si>
    <t>ミッキーマウスシチュー</t>
  </si>
  <si>
    <t>1歳からのやさしい野菜カレー</t>
  </si>
  <si>
    <t>クレヨンしんちゃんカレービーフ甘口</t>
  </si>
  <si>
    <t>星のカービィーカレー野菜</t>
  </si>
  <si>
    <t>星のカービィーカレーきのこ</t>
  </si>
  <si>
    <t>ハム太郎カレーコーン</t>
  </si>
  <si>
    <t>ハム太郎カレーＢ＆マッシュ</t>
  </si>
  <si>
    <t>ワンピースカレーポーク甘口</t>
  </si>
  <si>
    <t>ワンピースカレーチーズ甘口</t>
  </si>
  <si>
    <t>ポケモンカレーポーク＆野菜甘口</t>
  </si>
  <si>
    <t>仮面ライダーカレーポークコーン</t>
  </si>
  <si>
    <t>仮面ライダーカレーポーク野菜</t>
  </si>
  <si>
    <t>仮面Ｒカレー_ＰＣ甘口_Ｄ</t>
  </si>
  <si>
    <t>仮面Ｒ　プチカレーＰＹ　Ｄ</t>
  </si>
  <si>
    <t>仮面ライダーカレ－ポーク＆コーン</t>
  </si>
  <si>
    <t>仮面ライダープチＰカレーポークヤサイ</t>
  </si>
  <si>
    <t>Ｋライダーオーズ　Ｐ＆コーン甘口</t>
  </si>
  <si>
    <t>Ｋライダーオーズ　Ｐ＆野菜甘口</t>
  </si>
  <si>
    <t>仮面ライダープチカレーポーク野菜</t>
  </si>
  <si>
    <t>仮面ライダーＷＺカレーＰＣ甘口</t>
  </si>
  <si>
    <t>仮面ＲウィザドプチカレＰ野菜</t>
  </si>
  <si>
    <t>仮面ライダーガイムカレー　ポーク＆野菜</t>
  </si>
  <si>
    <t>仮面ライダーガイムプチパックカレー　ポーク＆野菜</t>
  </si>
  <si>
    <t>仮面ライダードライブカレーポーク＆コーン</t>
  </si>
  <si>
    <t>仮面ライダードライブプチパックカレー</t>
  </si>
  <si>
    <t>仮面ライダーＧＨカレーポーク＆コーン甘口</t>
  </si>
  <si>
    <t>仮面ライダーゴースト　プチパックカレポーク＆野菜</t>
  </si>
  <si>
    <t>仮面ライダーエグゼイドカレー甘口</t>
  </si>
  <si>
    <t>仮面ＲエグゼイドプチＰカレー</t>
  </si>
  <si>
    <t>仮面ライダービルドカレー</t>
  </si>
  <si>
    <t>仮面ライダービルドプチパックカレー</t>
  </si>
  <si>
    <t>仮面ライダージオウカレー　ポーク＆コーン</t>
  </si>
  <si>
    <t>仮面ライダーカレーポーク＆野菜</t>
  </si>
  <si>
    <t>丸美屋仮面ライダーゼロワンカレー</t>
  </si>
  <si>
    <t>仮面ライダーZEプチカレーPY</t>
  </si>
  <si>
    <t>仮面ライダーゼロワンプチパックカレー</t>
  </si>
  <si>
    <t>仮面ライダーセイバーカレー</t>
  </si>
  <si>
    <t>仮面ライダーセイバープチパックカレー</t>
  </si>
  <si>
    <t>23年新ライダーカレーPC甘口160g</t>
  </si>
  <si>
    <t>ドラえもんカレーポーク＆野菜甘口</t>
  </si>
  <si>
    <t>ドラえもんプチパックカレーポーク＆野菜</t>
  </si>
  <si>
    <t>アイカツカレーチキン＆コーン甘口</t>
  </si>
  <si>
    <t>ちいかわカレーPC甘口</t>
  </si>
  <si>
    <t>パウパトロールプチパックカレー甘口</t>
  </si>
  <si>
    <t>おぱんちゅうさぎカレーポーク</t>
  </si>
  <si>
    <t>マインクラフトカレーPC甘口</t>
  </si>
  <si>
    <t>鬼滅の刃カレービーフ中辛</t>
  </si>
  <si>
    <t>呪術廻戦カレービーフ中辛</t>
  </si>
  <si>
    <t>SPY×FAMILYカレー中辛</t>
  </si>
  <si>
    <t>ちいかわカレービーフ中辛</t>
  </si>
  <si>
    <t>すみっコぐらしカレービーフ中辛</t>
  </si>
  <si>
    <t>ポケモンカレービーフ中辛</t>
  </si>
  <si>
    <t>SPY×FAMILYカレーポーク中辛</t>
  </si>
  <si>
    <t>ジュエルペットカレーポーク</t>
  </si>
  <si>
    <t>ミニオンズカレーポーク＆コーン甘口</t>
  </si>
  <si>
    <t>すみっコぐらしカレーPC甘口</t>
  </si>
  <si>
    <t>鬼滅の刃カレーポーク＆コーン甘口</t>
  </si>
  <si>
    <t>クレヨンしんちゃんカレーポーク＆コーン</t>
  </si>
  <si>
    <t>僕のヒーローアカデミアカレーポーク中辛</t>
  </si>
  <si>
    <t>プリキュアカレーポーク野菜甘</t>
  </si>
  <si>
    <t>プリキュアプチカレーポーク甘</t>
  </si>
  <si>
    <t>プリキュアカレーポーク野菜</t>
  </si>
  <si>
    <t>プリキュアプチパックカレー</t>
  </si>
  <si>
    <t>スイートプリキュアカレーポーク＆野菜</t>
  </si>
  <si>
    <t>スイートプリキュアプチパックカレーポーク＆野菜</t>
  </si>
  <si>
    <t>スマイルプリキュアカレーポーク野菜甘口</t>
  </si>
  <si>
    <t>ｽﾏｲﾙﾌﾟﾘｷｭｱプチPカレーポーク野菜</t>
  </si>
  <si>
    <t>ドキドキプリキュアカレー甘口</t>
  </si>
  <si>
    <t>ドキドキプリキュアプチカレーパック甘口</t>
  </si>
  <si>
    <t>ハピネスチャージプリキュアカレーポーク野菜甘口</t>
  </si>
  <si>
    <t>ハピネスプリキュアプチカレー</t>
  </si>
  <si>
    <t>GOプリンセスプリキュア　カレー</t>
  </si>
  <si>
    <t>GOプリンセスプリキュア　プチパックカレー</t>
  </si>
  <si>
    <t>Ｍプリキュアカレー甘口</t>
  </si>
  <si>
    <t>Ｍプリキュアカレープチパック</t>
  </si>
  <si>
    <t>Kプリキュアカレーポーク＆野菜甘口</t>
  </si>
  <si>
    <t>Kプリキュアプチパックカレーポーク＆野菜甘口</t>
  </si>
  <si>
    <t>HUGっとプリキュア_カレー_ポーク＆野菜_甘口</t>
  </si>
  <si>
    <t>ＨＵＧっとプリキュアプチパックカレー</t>
  </si>
  <si>
    <t>プリキュアカレー</t>
  </si>
  <si>
    <t>プリキュアプチパックカレー　120ｇ</t>
  </si>
  <si>
    <t>ヒーリングっどプリキュアカレー</t>
  </si>
  <si>
    <t>トロピカルージュプリキュアカレー</t>
  </si>
  <si>
    <t>デリシャスパーティープリキュアカレーポーク＆野菜甘口</t>
  </si>
  <si>
    <t>ひろがるスカイプリキュアカレー甘口</t>
  </si>
  <si>
    <t>ワンダフルプリキュアカレーポーク＆野菜</t>
  </si>
  <si>
    <t>わんだふるプリキュア野菜カレー</t>
  </si>
  <si>
    <t>キミとアイドルプリキュアカレーポーク＆野菜甘口</t>
  </si>
  <si>
    <t>キミとアイドルプリキュアプチパックカレー</t>
  </si>
  <si>
    <t>仮面ライダーカレー</t>
  </si>
  <si>
    <t>ポケモンカレーポーク＆コーン</t>
  </si>
  <si>
    <t>ポケモンカレー野菜甘口</t>
  </si>
  <si>
    <t>プリキュアポーク＆野菜カレー</t>
  </si>
  <si>
    <t>プリキュアカレーポーク甘口</t>
  </si>
  <si>
    <t>ガッシュベルカレーポーク甘口</t>
  </si>
  <si>
    <t>ガッシュベルカレー野菜甘口</t>
  </si>
  <si>
    <t>アトムカレーポーク</t>
  </si>
  <si>
    <t>アトムカレー野菜甘口</t>
  </si>
  <si>
    <t>YOASOBI監修ピリリとマロロの天使のチキンカレー</t>
  </si>
  <si>
    <t>カレーの王子様お姫様</t>
  </si>
  <si>
    <t>幼児カレー_レトルト</t>
  </si>
  <si>
    <t>ママの思いやりプラス　ドリアカレ</t>
  </si>
  <si>
    <t>ママの思いやりプラスカレー＆</t>
  </si>
  <si>
    <t>ママの思いやりカレービーフ甘</t>
  </si>
  <si>
    <t>ママの思いやりカレーポーク甘</t>
  </si>
  <si>
    <t>リンゴとハチミツカレー</t>
  </si>
  <si>
    <t>ミルクたっぷりのＣシチュー</t>
  </si>
  <si>
    <t>リンゴとハチミツカレーチキン</t>
  </si>
  <si>
    <t>一歳ごろからの野菜カレー</t>
  </si>
  <si>
    <t>三歳ごろからの野菜カレー</t>
  </si>
  <si>
    <t>ハバネロカレー</t>
  </si>
  <si>
    <t>ﾏﾘﾝｼｬｰﾌﾟﾈｽ</t>
  </si>
  <si>
    <t>熟成黒にんにくカレー</t>
  </si>
  <si>
    <t>ｼｼﾞﾝｷｮｳｾｲ</t>
  </si>
  <si>
    <t>ＳＢサンバードカレーチュウカラ</t>
  </si>
  <si>
    <t>特製ビーフカレー</t>
  </si>
  <si>
    <t>目玉焼きカレー甘口</t>
  </si>
  <si>
    <t>目玉焼きカレー中辛</t>
  </si>
  <si>
    <t>目玉焼きカレー辛口</t>
  </si>
  <si>
    <t>特製ポークカレー</t>
  </si>
  <si>
    <t>いつでもちょこっとカレーな気分</t>
  </si>
  <si>
    <t>ぶっかけおかずラー油カレー</t>
  </si>
  <si>
    <t>220.9g</t>
  </si>
  <si>
    <t>具リッチ　ぷりタマビーフカレー</t>
  </si>
  <si>
    <t>具リッチ　とろチーハンバーグカレー</t>
  </si>
  <si>
    <t>具リッチ　ゴロ唐チキンカレー</t>
  </si>
  <si>
    <t>ドライカリー辛口</t>
  </si>
  <si>
    <t>ディナービーフカレー缶</t>
  </si>
  <si>
    <t>ディナービーフカレー缶_辛口</t>
  </si>
  <si>
    <t>オムカレー</t>
  </si>
  <si>
    <t>オムチーズカレー</t>
  </si>
  <si>
    <t>太陽のトマトカレー</t>
  </si>
  <si>
    <t>RUビーフカレー辛口</t>
  </si>
  <si>
    <t>RUビーフカレー中辛</t>
  </si>
  <si>
    <t>印度風牛ひき肉のキーマカレー</t>
  </si>
  <si>
    <t>南印度風トマトのスパイシービーフカレー</t>
  </si>
  <si>
    <t>ビーフとシャンピニオンの欧風カレー中辛</t>
  </si>
  <si>
    <t>ビーフとオニオンの欧風カレー辛口</t>
  </si>
  <si>
    <t>加利屋カレーうどん</t>
  </si>
  <si>
    <t>カツカレー用カレーソース</t>
  </si>
  <si>
    <t>インド風ほうれん草グリーンカレー</t>
  </si>
  <si>
    <t>カシミール風ポークのスパイシーブラックカレー</t>
  </si>
  <si>
    <t>ビーフカレーシェフブレンド中辛</t>
  </si>
  <si>
    <t>海のカレー中辛</t>
  </si>
  <si>
    <t>お子さまカレー</t>
  </si>
  <si>
    <t>新カレー宣言イエローカレー</t>
  </si>
  <si>
    <t>新カレー宣言レッドカレー</t>
  </si>
  <si>
    <t>新カレー宣言ビーフＣ＆Ｒ</t>
  </si>
  <si>
    <t>新カレー宣言欧風ビーフＣ＆Ｒ</t>
  </si>
  <si>
    <t>新カレー宣言印度チキンＣ＆Ｒ</t>
  </si>
  <si>
    <t>北海道ホワイトカレーレトルト</t>
  </si>
  <si>
    <t>カリー厨房炒め玉ねぎ中辛</t>
  </si>
  <si>
    <t>カリー厨房ビーフカレー甘口</t>
  </si>
  <si>
    <t>カリー厨房ビーフカレー辛口</t>
  </si>
  <si>
    <t>北印度風バターチキンカレー</t>
  </si>
  <si>
    <t>じっくりビーフカレー</t>
  </si>
  <si>
    <t>欧風カレー3種のブイヨン＆フルーツチャツネ中辛</t>
  </si>
  <si>
    <t>らくチンデリ　マンゴービーフカレー</t>
  </si>
  <si>
    <t>こってり濃厚みそカレー</t>
  </si>
  <si>
    <t>こってり濃厚とんこつカレー</t>
  </si>
  <si>
    <t>たっぷりビーフカレー大辛</t>
  </si>
  <si>
    <t>オリジナルカレー辛口</t>
  </si>
  <si>
    <t>オリジナルビーフカレー甘口</t>
  </si>
  <si>
    <t>有紀　グリーンベジタブルカレー</t>
  </si>
  <si>
    <t>ヤマモリ　和風カレーうどんの素</t>
  </si>
  <si>
    <t>レストランカレー</t>
  </si>
  <si>
    <t>NO.1シェフビーフカレー</t>
  </si>
  <si>
    <t>アサヒテングビーフジャーキーカレーホットペッパー</t>
  </si>
  <si>
    <t>香るチキンカレー</t>
  </si>
  <si>
    <t>香る野菜カレー</t>
  </si>
  <si>
    <t>ちょこっとカレー</t>
  </si>
  <si>
    <t>ホテル・レストラン用ビーフカレー中辛</t>
  </si>
  <si>
    <t>ジーエスフード</t>
  </si>
  <si>
    <t>ｼﾞｰｴｽﾌｰﾄﾞ</t>
  </si>
  <si>
    <t>ホテル・レストラン用ビーフカレー辛口</t>
  </si>
  <si>
    <t>ホテル・レストラン用野菜カレー中辛</t>
  </si>
  <si>
    <t>ホテル・レストラン用ハヤシビーフ</t>
  </si>
  <si>
    <t>レストラン用ビーフカレー中辛</t>
  </si>
  <si>
    <t>玉ねぎカレー激辛</t>
  </si>
  <si>
    <t>ﾅﾙﾄﾁﾄﾞﾘ</t>
  </si>
  <si>
    <t>紀州老舗　信濃路　出汁カレー</t>
  </si>
  <si>
    <t>ペヤングやきそば風カレーレトルト</t>
  </si>
  <si>
    <t>ちょい食べカレー中辛</t>
  </si>
  <si>
    <t>ボンカレーカレーうどんの素和風</t>
  </si>
  <si>
    <t>ボンカレーカレーうどんの素キーマ</t>
  </si>
  <si>
    <t>温めずにオイシイカレーキーマカレー</t>
  </si>
  <si>
    <t>カレーうどん　カレーの味わい仕立て</t>
  </si>
  <si>
    <t>COCO壱番屋監修もってこカレー中辛</t>
  </si>
  <si>
    <t>JMA濃厚カレーうどん</t>
  </si>
  <si>
    <t>ぎゅっと濃厚玉ねぎカレー生クリーム風味仕立て</t>
  </si>
  <si>
    <t>ぎゅっと濃厚玉ねぎカレーブイヨン風味仕立て</t>
  </si>
  <si>
    <t>銀座中辛+キーマ</t>
  </si>
  <si>
    <t>銀座ハヤシ+バターチキン</t>
  </si>
  <si>
    <t>北海道ホワイトクリームシチュー</t>
  </si>
  <si>
    <t>牛乳屋おいしいクリームシチュー</t>
  </si>
  <si>
    <t>納得のクリームシチュー</t>
  </si>
  <si>
    <t>なっとくのクリームシチュー</t>
  </si>
  <si>
    <t>レトルト北海道シチュー</t>
  </si>
  <si>
    <t>欧風チキンのクリームシチュー</t>
  </si>
  <si>
    <t>レトルトクリームシチュー</t>
  </si>
  <si>
    <t>シチュー屋シチュークリーム</t>
  </si>
  <si>
    <t>シチユー屋シチュークリーム</t>
  </si>
  <si>
    <t>シチューオンライスクリームレトルト</t>
  </si>
  <si>
    <t>北海道シチュークリームレトルト</t>
  </si>
  <si>
    <t>ほっとシチュークリーム</t>
  </si>
  <si>
    <t>北海道野菜クリームシチュー</t>
  </si>
  <si>
    <t>濃厚クリームシチューごろごろ野菜</t>
  </si>
  <si>
    <t>濃厚クリームシチュー贅沢生クリーム仕立て</t>
  </si>
  <si>
    <t>濃厚クリームシチュー</t>
  </si>
  <si>
    <t>ごろごろ野菜のこだわり仕立て_濃厚クリームシチュー</t>
  </si>
  <si>
    <t>松阪牛ビーフシチュー</t>
  </si>
  <si>
    <t>ゴロッと国産野菜のビーフシチュー</t>
  </si>
  <si>
    <t>監修_黒毛和牛ｼﾁｭｰ</t>
  </si>
  <si>
    <t>納得のビーフシチュー</t>
  </si>
  <si>
    <t>なっとくのビーフシチュー</t>
  </si>
  <si>
    <t>軽井沢隠れ家ビーフシチュー</t>
  </si>
  <si>
    <t>ほどけるビーフシチュー濃厚赤ワイン仕立て</t>
  </si>
  <si>
    <t>ＭＣＣ　新１００時間かけたシチュー　２００ｇ</t>
  </si>
  <si>
    <t>欧風ビーフシチュー</t>
  </si>
  <si>
    <t>コウベシチュービーフ</t>
  </si>
  <si>
    <t>シチュー屋シチュービーフ</t>
  </si>
  <si>
    <t>麻布十番ビーフシチュー</t>
  </si>
  <si>
    <t>ほっとシチューコーン</t>
  </si>
  <si>
    <t>たっぷりビーフシチュー</t>
  </si>
  <si>
    <t>新たっぷりビーフシチュー</t>
  </si>
  <si>
    <t>コーンツーブ焦がしバター風味</t>
  </si>
  <si>
    <t>ＭＣＣ　渋谷ロゴスキーいなか風ボルシチ　２５０ｇ</t>
  </si>
  <si>
    <t>ごちそうチャウダー</t>
  </si>
  <si>
    <t>シチユオンライスブラウンレトルト</t>
  </si>
  <si>
    <t>レトルトシチューオンライス濃厚海老クリーム</t>
  </si>
  <si>
    <t>レトルトハヤシビーフ</t>
  </si>
  <si>
    <t>ハヤシライス</t>
  </si>
  <si>
    <t>MtoM湘南トマトハヤシ</t>
  </si>
  <si>
    <t>開花亭</t>
  </si>
  <si>
    <t>ｶｲｶﾃｲ</t>
  </si>
  <si>
    <t>ずのくに南あわじ　淡路牛オニオンハヤシ　２００ｇ</t>
  </si>
  <si>
    <t>ユウキヴィーガンハヤシ</t>
  </si>
  <si>
    <t>純喫茶メシ辛口ナポリタンライス</t>
  </si>
  <si>
    <t>ディナーハヤシライス</t>
  </si>
  <si>
    <t>ハヤシの王子さまレトルト</t>
  </si>
  <si>
    <t>ナットクノハヤシビーフ</t>
  </si>
  <si>
    <t>地中海ハヤシライスレトルト</t>
  </si>
  <si>
    <t>ハッシュドビーフレトルト</t>
  </si>
  <si>
    <t>デミブラスチーズハッシュドビーフ</t>
  </si>
  <si>
    <t>ホテルシェフ特製ビーフハヤシ</t>
  </si>
  <si>
    <t>本日の贅沢黒ハヤシ</t>
  </si>
  <si>
    <t>噂の名店浅草ハヤシビーフ</t>
  </si>
  <si>
    <t>おいしいハヤシ</t>
  </si>
  <si>
    <t>ホテルシェフビーフハヤシ</t>
  </si>
  <si>
    <t>あじわいハヤシ</t>
  </si>
  <si>
    <t>ＭＣＣ　１００時間かけたハヤシ　２００ｇ</t>
  </si>
  <si>
    <t>100時間かけたハヤシ</t>
  </si>
  <si>
    <t>オムハヤシ</t>
  </si>
  <si>
    <t>銀座ろくさん亭料亭のまかないハヤシビーフ</t>
  </si>
  <si>
    <t>100kcalハヤシ</t>
  </si>
  <si>
    <t>マイサイズ大豆ミートハッシュドビーフタイプ</t>
  </si>
  <si>
    <t>マースハヤシレトルト</t>
  </si>
  <si>
    <t>アンパンマンミニパックハヤシポーク</t>
  </si>
  <si>
    <t>ククレハヤシ</t>
  </si>
  <si>
    <t>ハヤシライスソース</t>
  </si>
  <si>
    <t>デミグラスハッシュドビーフ</t>
  </si>
  <si>
    <t>カリー屋ハヤシ</t>
  </si>
  <si>
    <t>カロリー美食亭80_ハヤシライスソース</t>
  </si>
  <si>
    <t>ザ・ホテル・ハヤシ</t>
  </si>
  <si>
    <t>プロクオリテイハヤシソース</t>
  </si>
  <si>
    <t>レトルト完熟トマトのハヤシライスソース</t>
  </si>
  <si>
    <t>レトルト完熟トマトのトマ辛ハヤシ</t>
  </si>
  <si>
    <t>プロクオリティハヤシソース4袋</t>
  </si>
  <si>
    <t>プロクオリティハヤシ</t>
  </si>
  <si>
    <t>メガ盛りハヤシ</t>
  </si>
  <si>
    <t>デリシャスハヤシ</t>
  </si>
  <si>
    <t>たっぷり・ハッシュドビーフ</t>
  </si>
  <si>
    <t>西洋料理店のこだわりのハヤシ</t>
  </si>
  <si>
    <t>ハッシュドビ-フレトルト</t>
  </si>
  <si>
    <t>明治　銀座ハヤシ２袋入　チョコレート付き</t>
  </si>
  <si>
    <t>銀座ハヤシ</t>
  </si>
  <si>
    <t>銀座カリーハヤシ</t>
  </si>
  <si>
    <t>銀座ハヤシ　5個パック</t>
  </si>
  <si>
    <t>180gx5P</t>
  </si>
  <si>
    <t>銀座ハヤシ上・ビーフ</t>
  </si>
  <si>
    <t>ちいかわハヤシビーフ145g</t>
  </si>
  <si>
    <t>ビーフハヤシ</t>
  </si>
  <si>
    <t>ビーフハヤシ濃厚デミグラス仕立て</t>
  </si>
  <si>
    <t>牛肉とデミのビーフハヤシ</t>
  </si>
  <si>
    <t>ビーフハヤシ牛肉と濃厚デミグラス</t>
  </si>
  <si>
    <t>中村屋ﾐﾆﾊﾔｼ</t>
  </si>
  <si>
    <t>技あり仕込みビーフハヤシ</t>
  </si>
  <si>
    <t>黒毛和牛のハヤシ</t>
  </si>
  <si>
    <t>ごちレピライス魯肉飯</t>
  </si>
  <si>
    <t>ごちレピライスタコライス</t>
  </si>
  <si>
    <t>ごちレピガパオライスレトルト</t>
  </si>
  <si>
    <t>ごちレピラユッケジャンクッパ</t>
  </si>
  <si>
    <t>その他ライス料理</t>
  </si>
  <si>
    <t>町中華ニュータンタンメシ</t>
  </si>
  <si>
    <t>カレー（複数）</t>
  </si>
  <si>
    <t>複数パック</t>
  </si>
  <si>
    <t>欧風カレー甘口5食</t>
  </si>
  <si>
    <t>170g×5</t>
  </si>
  <si>
    <t>ボンカレーゴールド甘口4個セット</t>
  </si>
  <si>
    <t>ホテルシェフ仕様特製ビーフカレー4個甘口</t>
  </si>
  <si>
    <t>ホテルシェフ欧風カレー4P甘口</t>
  </si>
  <si>
    <t>カレー職人常温常備用　甘口３Ｐ</t>
  </si>
  <si>
    <t>常備用カレー職人甘口</t>
  </si>
  <si>
    <t>170g×3P</t>
  </si>
  <si>
    <t>常備用カレー職人甘口３食</t>
  </si>
  <si>
    <t>170g*3</t>
  </si>
  <si>
    <t>ちょい食べカレー甘口４本入</t>
  </si>
  <si>
    <t>ボンカレークック甘口</t>
  </si>
  <si>
    <t>プロクオリティビーフカレーまろやかブレンド</t>
  </si>
  <si>
    <t>カリー屋カレー小盛サイズ甘口4袋入り</t>
  </si>
  <si>
    <t>プロクオリティビーフカレーまろやかブレン4袋</t>
  </si>
  <si>
    <t>カリー屋カレー小盛甘口</t>
  </si>
  <si>
    <t>150gx3</t>
  </si>
  <si>
    <t>プロクオリティカレーまろやかブレンド</t>
  </si>
  <si>
    <t>ビストロ倶楽部カレー甘口</t>
  </si>
  <si>
    <t>170ｇ*4</t>
  </si>
  <si>
    <t>ビストロ倶楽部濃厚カレー甘口</t>
  </si>
  <si>
    <t>欧風カレー中辛5食</t>
  </si>
  <si>
    <t>プロクオリティビーフカレー中辛4袋3個セット</t>
  </si>
  <si>
    <t>ゴーゴーカレーレトルト</t>
  </si>
  <si>
    <t>ホテルシェフ特製ビーフカレー中辛</t>
  </si>
  <si>
    <t>170g×4P</t>
  </si>
  <si>
    <t>専門店仕様　キーマカレー３個パック　中辛</t>
  </si>
  <si>
    <t>1日分の緑黄色野菜のカレー3個パック中辛</t>
  </si>
  <si>
    <t>ホテルシェフ欧風カレー中辛</t>
  </si>
  <si>
    <t>カレー職人常温常備用　中辛３Ｐ</t>
  </si>
  <si>
    <t>常備用カレー職人中辛３食</t>
  </si>
  <si>
    <t>深煮込みカレー中辛</t>
  </si>
  <si>
    <t>165*3</t>
  </si>
  <si>
    <t>赤ワインカレー中辛</t>
  </si>
  <si>
    <t>ボンカレークック中辛</t>
  </si>
  <si>
    <t>おいしいカレー３Ｐ</t>
  </si>
  <si>
    <t>お茶碗カレー８パック入り</t>
  </si>
  <si>
    <t>600g×8</t>
  </si>
  <si>
    <t>プロクオリティビーフカレー中辛</t>
  </si>
  <si>
    <t>ｼﾞｬﾜｶﾚｰ4品詰め合わせｾｯﾄ</t>
  </si>
  <si>
    <t>カリー屋カレー小盛サイズ中辛4袋入り</t>
  </si>
  <si>
    <t>プロクオリティビーフカレー中辛4袋</t>
  </si>
  <si>
    <t>プロクオリティビーフカレー贅沢な濃厚4袋</t>
  </si>
  <si>
    <t>カリー屋カレー小盛中辛</t>
  </si>
  <si>
    <t>プロクオリティビーフカレーブラック</t>
  </si>
  <si>
    <t>プロクオリティカレー中辛</t>
  </si>
  <si>
    <t>プロクオリティカレー贅沢な濃厚</t>
  </si>
  <si>
    <t>プロクオリティカレーブラック</t>
  </si>
  <si>
    <t>デリシャスカレー中辛4P</t>
  </si>
  <si>
    <t>170g×4</t>
  </si>
  <si>
    <t>スパイシーカレーお徳用中辛</t>
  </si>
  <si>
    <t>カレー専門店　ビーフカレー</t>
  </si>
  <si>
    <t>ｽﾊﾟｲｼｰｶﾚｰﾚﾄﾙﾄ</t>
  </si>
  <si>
    <t>ビストロ倶楽部濃厚カレー中辛</t>
  </si>
  <si>
    <t>銀座カリー２袋入　チョコレート付き</t>
  </si>
  <si>
    <t>銀座カリー中辛　５個パック</t>
  </si>
  <si>
    <t>神田カレーグランプリマジカレーお店の中辛</t>
  </si>
  <si>
    <t>170g×3袋</t>
  </si>
  <si>
    <t>ゴーゴーカレー</t>
  </si>
  <si>
    <t>155g×2P</t>
  </si>
  <si>
    <t>欧風カレー辛口5食</t>
  </si>
  <si>
    <t>ホテルシェフ特製ビーフカレー辛口</t>
  </si>
  <si>
    <t>ホテルシェフ欧風カレー辛口</t>
  </si>
  <si>
    <t>ちょい食べカレー辛口</t>
  </si>
  <si>
    <t>レストラン用ビーフカレー辛口</t>
  </si>
  <si>
    <t>プロクオリティビーフカレー辛口</t>
  </si>
  <si>
    <t>カリー屋カレー小盛サイズ辛口4袋入り</t>
  </si>
  <si>
    <t>プロクオリティビーフカレー辛口4袋</t>
  </si>
  <si>
    <t>カリー屋カレー小盛辛口</t>
  </si>
  <si>
    <t>プロクオリティカレー辛口</t>
  </si>
  <si>
    <t>銀座カリー辛口　５個パック</t>
  </si>
  <si>
    <t>プロクオリティビーフカレー大辛4袋</t>
  </si>
  <si>
    <t>香辛料</t>
  </si>
  <si>
    <t>シーズニング</t>
  </si>
  <si>
    <t>メニュー専用</t>
  </si>
  <si>
    <t>精肉用</t>
  </si>
  <si>
    <t>スパゲテッティバジリコ</t>
  </si>
  <si>
    <t>ガーリックライス</t>
  </si>
  <si>
    <t>ＳＣ和彩菜　豆腐のそぼろあんしょうが風味</t>
  </si>
  <si>
    <t>神酒造</t>
  </si>
  <si>
    <t>スパイスクッキング　ペッパーチーズ</t>
  </si>
  <si>
    <t>ハンバーグミックス</t>
  </si>
  <si>
    <t>ラム肉用ミックス</t>
  </si>
  <si>
    <t>激辛クッキング　爆辛カレーの素</t>
  </si>
  <si>
    <t>激辛クッキング　極辛麻婆豆腐の素</t>
  </si>
  <si>
    <t>唐がらし族　赤辛チキンの素</t>
  </si>
  <si>
    <t>スパイスクッキングジャークチキン</t>
  </si>
  <si>
    <t>スパイスクッキングバルメニュースモーク風チキン</t>
  </si>
  <si>
    <t>スパイスクッキングアジアン屋台街ナシゴレン</t>
  </si>
  <si>
    <t>GABANシーズニング牛肉のブラックペパー炒め</t>
  </si>
  <si>
    <t>井崎商店</t>
  </si>
  <si>
    <t>GABANシーズニングインド風チキンカレー</t>
  </si>
  <si>
    <t>にんにく族　アホスープの素</t>
  </si>
  <si>
    <t>14.8g</t>
  </si>
  <si>
    <t>激辛クッキング　烈辛ラーメンスープの素</t>
  </si>
  <si>
    <t>ＧＡＢＡシーズニング　バレンシア風パエリア</t>
  </si>
  <si>
    <t>チキンハーブ</t>
  </si>
  <si>
    <t>GABANシーズニングハンバーグ</t>
  </si>
  <si>
    <t>GABANシーズニングステーキ</t>
  </si>
  <si>
    <t>GABANシーズニングハーブチキン</t>
  </si>
  <si>
    <t>5.7g</t>
  </si>
  <si>
    <t>GABANシーズニングムニエル</t>
  </si>
  <si>
    <t>GABANシーズニング海老ソテー</t>
  </si>
  <si>
    <t>GABANシーズニングボロネーゼ</t>
  </si>
  <si>
    <t>GABANシーズニングミートローフ</t>
  </si>
  <si>
    <t>スパイスクッキングサバ缶アヒージョ</t>
  </si>
  <si>
    <t>スパイスクッキングアジアン屋台街ガパオ</t>
  </si>
  <si>
    <t>FAUCHON　ｼｰｽﾞﾆﾝｸﾞﾌﾞﾙｽｹｯﾀ</t>
  </si>
  <si>
    <t>4.6g</t>
  </si>
  <si>
    <t>FAUCHON　ｼｰｽﾞﾆﾝｸﾞｶﾙﾊﾟｯﾁｮ</t>
  </si>
  <si>
    <t>5.2g</t>
  </si>
  <si>
    <t>FAUCHONほたてのﾊｰﾌﾞ＆ｶﾞｰﾘｯｸ焼き</t>
  </si>
  <si>
    <t>3.4g</t>
  </si>
  <si>
    <t>スパイス・コリアンダー</t>
  </si>
  <si>
    <t>スパイスクッキングバルメニューチョリソー風ソーセージ</t>
  </si>
  <si>
    <t>GABANシーズニング四川風回鍋肉</t>
  </si>
  <si>
    <t>GABANシーズニング豚肉のハーブ焼き</t>
  </si>
  <si>
    <t>シェフにおまかせ　ステーキ</t>
  </si>
  <si>
    <t>スパイスクッキング豚ニラピリ辛旨炒め</t>
  </si>
  <si>
    <t>シェフにおまかせ　ハンバーグ</t>
  </si>
  <si>
    <t>にんにく族ガーリックチキンの素</t>
  </si>
  <si>
    <t>7.40g</t>
  </si>
  <si>
    <t>スパイスクッキング和彩菜　しょうが焼き焙煎ごま仕立て</t>
  </si>
  <si>
    <t>スマートスパイスレモンペッパ</t>
  </si>
  <si>
    <t>ミル付きステーキスパイス</t>
  </si>
  <si>
    <t>フライドチキンの素ハーブ味</t>
  </si>
  <si>
    <t>ビストロビネガーサラダフライ</t>
  </si>
  <si>
    <t>スパイスクッキング和彩菜豚のねぎ塩炒め山椒風味</t>
  </si>
  <si>
    <t>スパイスクッキング和彩菜　和風ハンバーグ大葉にんにく風味</t>
  </si>
  <si>
    <t>GABANシーズニングタッカルビ</t>
  </si>
  <si>
    <t>16.7g</t>
  </si>
  <si>
    <t>スパイスクッキング塩レモンチキン</t>
  </si>
  <si>
    <t>スパイスクッキングローズマリーチキン</t>
  </si>
  <si>
    <t>7.6g</t>
  </si>
  <si>
    <t>及兵</t>
  </si>
  <si>
    <t>スパイスクッキングアジアン屋台街　ガパオ</t>
  </si>
  <si>
    <t>スパイスクッキングハンバーグ</t>
  </si>
  <si>
    <t>大一商店</t>
  </si>
  <si>
    <t>スパイスクッキングステーキ</t>
  </si>
  <si>
    <t>かねきち</t>
  </si>
  <si>
    <t>スパイスクッキングチキンのハーブ焼き</t>
  </si>
  <si>
    <t>SCアジアン屋台街トムヤムチキ</t>
  </si>
  <si>
    <t>スパイスＣクッキングチキンカレー</t>
  </si>
  <si>
    <t>13.2g_LT5</t>
  </si>
  <si>
    <t>スパイスクッキングタコライス</t>
  </si>
  <si>
    <t>スパイスクッキング和彩菜　牛のしぐれ煮甘辛しょうが仕立て</t>
  </si>
  <si>
    <t>スパイスクッキングタンドリーチキン</t>
  </si>
  <si>
    <t>スパイスＣ鶏肉のトマト煮</t>
  </si>
  <si>
    <t>13.6g_LT5</t>
  </si>
  <si>
    <t>スパイスクッキングフライドチキン</t>
  </si>
  <si>
    <t>スパイスクッキング　怪味チキン</t>
  </si>
  <si>
    <t>スパイスクッキング和彩菜鶏のうま焼きにんにく生姜仕立て</t>
  </si>
  <si>
    <t>スパイスＣシーフードマリネ</t>
  </si>
  <si>
    <t>にんにく族ガーリックバターハンバーグの素</t>
  </si>
  <si>
    <t>11.8g</t>
  </si>
  <si>
    <t>8.40g</t>
  </si>
  <si>
    <t>菊正宗酒造</t>
  </si>
  <si>
    <t>GABANシーズニングキーマカレー</t>
  </si>
  <si>
    <t>GABANシーズニングタンドリーチキン</t>
  </si>
  <si>
    <t>14.3g</t>
  </si>
  <si>
    <t>スパイスクッキングバルメニューガーリックシュリンプ</t>
  </si>
  <si>
    <t>にんにく族　ペペロンチーノパスタの素</t>
  </si>
  <si>
    <t>スパイスクッキングアジアン屋台街ルーロー飯</t>
  </si>
  <si>
    <t>スパイスクッキングバルメニュー塩レモンアヒージョ</t>
  </si>
  <si>
    <t>北日本食品販売</t>
  </si>
  <si>
    <t>こうちゃんのわさびソース</t>
  </si>
  <si>
    <t>肉好き派ブレンドスパイス</t>
  </si>
  <si>
    <t>炭火香る砂肝焼ガーリックペッパー</t>
  </si>
  <si>
    <t>ﾋﾅﾀﾔ</t>
  </si>
  <si>
    <t>太陽スパイス</t>
  </si>
  <si>
    <t>ビーフスパイス</t>
  </si>
  <si>
    <t>かわさき屋</t>
  </si>
  <si>
    <t>ｶﾜｻｷﾔ</t>
  </si>
  <si>
    <t>俺のフレンチ監修俺の肉専スパイス</t>
  </si>
  <si>
    <t>楽天地もつ鍋用スパイス</t>
  </si>
  <si>
    <t>スパイスミックスステーキ</t>
  </si>
  <si>
    <t>スパイスミックスハンバーグ</t>
  </si>
  <si>
    <t>スパイスミックス鶏の香草焼</t>
  </si>
  <si>
    <t>スパイスミックスタンドリーチキン</t>
  </si>
  <si>
    <t>シーズニングステーキ（ボトル）</t>
  </si>
  <si>
    <t>ペペロンチーノボトル</t>
  </si>
  <si>
    <t>シーズニング魚の香草焼き</t>
  </si>
  <si>
    <t>シーズニングジャンバラヤ</t>
  </si>
  <si>
    <t>シーズニングステーキ</t>
  </si>
  <si>
    <t>シーズニングタコス</t>
  </si>
  <si>
    <t>タンドリーチキン</t>
  </si>
  <si>
    <t>鶏の香草焼き</t>
  </si>
  <si>
    <t>シーズニングハンバーグ</t>
  </si>
  <si>
    <t>シーズニングフライドチキン</t>
  </si>
  <si>
    <t>シーズ二ング魚のカレーソテー</t>
  </si>
  <si>
    <t>シーズ二ング鶏肉のトマト煮</t>
  </si>
  <si>
    <t>シーズニングレモンペッパーチキン</t>
  </si>
  <si>
    <t>韓ｼｰｽﾞﾆﾝｸﾞ　ﾊｰﾌﾞｻﾑｷﾞｮﾌﾟｻﾙ</t>
  </si>
  <si>
    <t>シーズニングローズマリーチキン</t>
  </si>
  <si>
    <t>菜館シーズニング　鶏手羽のピリ旨照り焼き</t>
  </si>
  <si>
    <t>菜館シーズニング　鶏肉の香味揚げ</t>
  </si>
  <si>
    <t>菜館シーズニング　鶏肉と野菜の黒酢炒め</t>
  </si>
  <si>
    <t>シーズニング　ポークジンジャー</t>
  </si>
  <si>
    <t>８ｇ</t>
  </si>
  <si>
    <t>シーズニング　ハーブサムギョプサル</t>
  </si>
  <si>
    <t>Ｓ＆Ｂシーズニング　プルコギ用</t>
  </si>
  <si>
    <t>菜館シーズニング豚バラともやしのにんにく醤油炒め</t>
  </si>
  <si>
    <t>Ｓ＆Ｂシーズニング鶏肉の柚子こしょう焼き</t>
  </si>
  <si>
    <t>シーズニングガパオ</t>
  </si>
  <si>
    <t>シーズニングガーリックシュリンプ</t>
  </si>
  <si>
    <t>豚肉ときゅうりのしょうが炒め</t>
  </si>
  <si>
    <t>シーズニング　メキシカンサルサ</t>
  </si>
  <si>
    <t>マイレパートリーシーズニング青じそ鶏つくね</t>
  </si>
  <si>
    <t>マイレパートリーやわらか鶏チャーシュー</t>
  </si>
  <si>
    <t>マイレパートリー鶏肉の柚子こしょう焼き</t>
  </si>
  <si>
    <t>マイレパートリーシーズニング豚の角煮</t>
  </si>
  <si>
    <t>マイレパートリーシーズニング牛肉山椒しぐれ煮</t>
  </si>
  <si>
    <t>シーズニングローストビーフ</t>
  </si>
  <si>
    <t>S＆BシーズニングBBQマスタードチキン</t>
  </si>
  <si>
    <t>マイレパシーズニング味しみ鶏そぼろ</t>
  </si>
  <si>
    <t>匠のおしながきシーズニング豚しゃぶの香味わさびだれ</t>
  </si>
  <si>
    <t>匠鶏の柚子こしょう焼き</t>
  </si>
  <si>
    <t>匠鶏つくねカレー仕立て</t>
  </si>
  <si>
    <t>舶来亭ステーキソース和風</t>
  </si>
  <si>
    <t>舶来亭ステーキソース洋風</t>
  </si>
  <si>
    <t>スパイスイットタンドリーチキン</t>
  </si>
  <si>
    <t>35g×5P</t>
  </si>
  <si>
    <t>スパイスクッキングガーリックライス</t>
  </si>
  <si>
    <t>スパイスクッキングケイジャンチキン</t>
  </si>
  <si>
    <t>スパイスクッキングジャンバラヤ</t>
  </si>
  <si>
    <t>らくチンDELIタコスミート</t>
  </si>
  <si>
    <t>おかづまみの逸品鶏の炭火焼き風</t>
  </si>
  <si>
    <t>4.3g</t>
  </si>
  <si>
    <t>おかづまみの逸品豚のネギ塩焼き</t>
  </si>
  <si>
    <t>おかづまみの逸品柚子香るそぼろあんかけ豆腐</t>
  </si>
  <si>
    <t>おかづまみの逸品魚の西京焼き</t>
  </si>
  <si>
    <t>アーリョ　粉末ニンニク　肉料理用</t>
  </si>
  <si>
    <t>フランゴ鶏肉料理用</t>
  </si>
  <si>
    <t>サゾン　テンペロ　カルネ（牛肉用総合調味料）</t>
  </si>
  <si>
    <t>サゴルコムタン</t>
  </si>
  <si>
    <t>タンドリーチキンマサラ</t>
  </si>
  <si>
    <t>青果用</t>
  </si>
  <si>
    <t>スパイスクッキング中華風青菜炒め</t>
  </si>
  <si>
    <t>スパイスクッキングたたききゅうり</t>
  </si>
  <si>
    <t>5.8g×2P</t>
  </si>
  <si>
    <t>スパイスクッキングバルメニューブロッコリー</t>
  </si>
  <si>
    <t>スパイスクッキングおつまみ枝豆</t>
  </si>
  <si>
    <t>4g×2P</t>
  </si>
  <si>
    <t>ＧＡＢＡＮシーズニング　サブジ　</t>
  </si>
  <si>
    <t>８．５Ｇ</t>
  </si>
  <si>
    <t>スパイスクッキングスタミナもやし</t>
  </si>
  <si>
    <t>スパイスクッキングバルメニュースパイシーポテトケイジャン風味</t>
  </si>
  <si>
    <t>スパイスクッキング和彩菜オクラの和風あえ梅しそ仕立て</t>
  </si>
  <si>
    <t>美山名水</t>
  </si>
  <si>
    <t>ﾐﾔﾏﾒｲｽｲ</t>
  </si>
  <si>
    <t>にんにく族ガーリックポテトの素</t>
  </si>
  <si>
    <t>内山産業</t>
  </si>
  <si>
    <t>スパイスクッキングバルメニュージャーマンポテト</t>
  </si>
  <si>
    <t>スパイスクッキング赤辛もやし</t>
  </si>
  <si>
    <t>スパイスクッキングバルメニューアボカドディップ</t>
  </si>
  <si>
    <t>スパイスクッキングバルメニューザワークラウト</t>
  </si>
  <si>
    <t>FAUCHON　ｼｰｽﾞﾆﾝｸﾞｱﾎﾞｶﾄﾞｻﾗﾀﾞ</t>
  </si>
  <si>
    <t>FAUCHON　ｼｰｽﾞﾆﾝｸﾞじゃがいものｶﾞﾚｯﾄ</t>
  </si>
  <si>
    <t>スパイスクッキングバルメニュージャーマンポテトマスタード風味</t>
  </si>
  <si>
    <t>スパイスクッキングバルメニューバーニャカウダ</t>
  </si>
  <si>
    <t>スパイスクッキングバルメニューアンチョビ</t>
  </si>
  <si>
    <t>スパイスクッキングバルメニュー　ブロッコリーのアーリオオーリオ</t>
  </si>
  <si>
    <t>スパイスクッキング和彩菜ほうれん草のおひたし柚子仕立て</t>
  </si>
  <si>
    <t>スパイスクッキング和彩菜　きんぴらごぼうピリ辛七味仕立て</t>
  </si>
  <si>
    <t>スパイスクッキング和彩菜ピリ辛こんにゃくあらびき唐辛子仕立て</t>
  </si>
  <si>
    <t>スマートスパイスサラダハーブ</t>
  </si>
  <si>
    <t>スパイスクッキングアボカドと豆腐のサラダ</t>
  </si>
  <si>
    <t>6.2g</t>
  </si>
  <si>
    <t>スパイスクッキングアジアン屋台街青菜のタイ風炒め</t>
  </si>
  <si>
    <t>スパイスクッキングアジアン屋台街タイ風春雨サラダ</t>
  </si>
  <si>
    <t>スパイスクッキングバルメニュータラモサラダ</t>
  </si>
  <si>
    <t>スパイスクッキングおつまみきゅうり</t>
  </si>
  <si>
    <t>スパイスクッキングチョレギサラダ</t>
  </si>
  <si>
    <t>スパイスクッキングねぎ塩だれキャベツ</t>
  </si>
  <si>
    <t>スパイスクッキングナムル</t>
  </si>
  <si>
    <t>スパイスクッキング塩レモントマト</t>
  </si>
  <si>
    <t>スパイスクッキーミネストローネ</t>
  </si>
  <si>
    <t>11.8g_LT5</t>
  </si>
  <si>
    <t>スパイスＣ　ラタトゥイユ</t>
  </si>
  <si>
    <t>スパイスC　インド式野菜炒め</t>
  </si>
  <si>
    <t>スパイスクッキングバルメニューきのこのソテーベーコン＆ガーリック</t>
  </si>
  <si>
    <t>紙屋商店</t>
  </si>
  <si>
    <t>スパイスクッキングピクルス</t>
  </si>
  <si>
    <t>スパイスクッキングバルメニューなすの香ばしソテークミン風味</t>
  </si>
  <si>
    <t>スパイスクッキング豆苗炒め</t>
  </si>
  <si>
    <t>スパイスクッキングトマトのマリネ</t>
  </si>
  <si>
    <t>スパイスクッキングかぼちゃサラダ</t>
  </si>
  <si>
    <t>スパイスクッキングおつまみポテトサラダ</t>
  </si>
  <si>
    <t>スパイスクッキングバルメニューアンチョビポテト</t>
  </si>
  <si>
    <t>スパイスクッキングバルメニュー燻製風ポテトサラダ</t>
  </si>
  <si>
    <t>スパイスクッキングアジアン屋台街　エスニック風ナムル</t>
  </si>
  <si>
    <t>スパイスクッキングアジアン屋台街　トムヤム風サラダ</t>
  </si>
  <si>
    <t>スパイスクッキングアボカドとトマトのサラダレモンハーブ風味</t>
  </si>
  <si>
    <t>3.7g×2P</t>
  </si>
  <si>
    <t>きのこのマリネ</t>
  </si>
  <si>
    <t>和彩菜なすの和風あえ山椒味噌仕立て</t>
  </si>
  <si>
    <t>カサフィエスタ　チリ　シーズニングミックス</t>
  </si>
  <si>
    <t>カサフィエスタ　タコサラダ　シーズニングミックス</t>
  </si>
  <si>
    <t>菜館_サムジャン</t>
  </si>
  <si>
    <t>シーズニングジャーマンポテト</t>
  </si>
  <si>
    <t>菜館　レバニラ炒めの素</t>
  </si>
  <si>
    <t>菜館　野菜あんかけ炒めの素</t>
  </si>
  <si>
    <t>シーズ二ング　豚肉と野菜の香草蒸し</t>
  </si>
  <si>
    <t>シーズ二ング　豆とひき肉の煮込み</t>
  </si>
  <si>
    <t>Ｓ＆Ｂ　ジャーマンポテトチーズカレー味　１３．６ｇ</t>
  </si>
  <si>
    <t>13.6G</t>
  </si>
  <si>
    <t>韓シーズニングチョレギサラダ</t>
  </si>
  <si>
    <t>韓シーズニング　ナムル</t>
  </si>
  <si>
    <t>韓ｼｰｽﾞﾆﾝｸﾞ　ﾁｬﾌﾟﾁｪ</t>
  </si>
  <si>
    <t>ｼｰｽﾞﾆﾝｸﾞ　ﾋﾟｸﾙｽ</t>
  </si>
  <si>
    <t>ｼｰｽﾞﾆﾝｸﾞ　ﾎﾟﾄﾌ</t>
  </si>
  <si>
    <t>ｼｰｽﾞﾆﾝｸﾞ　野菜のｶﾞｰﾘｯｸｿﾃｰ</t>
  </si>
  <si>
    <t>シーズニング_ラタトゥイユ</t>
  </si>
  <si>
    <t>アボカドとトマトのサラダ</t>
  </si>
  <si>
    <t>きのこのｱﾋｰｼﾞｮ</t>
  </si>
  <si>
    <t>韓シーズニング　たたききゅうり</t>
  </si>
  <si>
    <t>菜館シーズニングトマトと玉子のとろふわ炒め</t>
  </si>
  <si>
    <t>菜館シーズニング塩だれちぎりキャベツ</t>
  </si>
  <si>
    <t>菜館シーズニング青菜の翡翠炒め</t>
  </si>
  <si>
    <t>菜館シーズニングじゃがいもとピーマンの塩炒め</t>
  </si>
  <si>
    <t>菜館シーズニング　ブロッコリーの海鮮とろ旨炒め</t>
  </si>
  <si>
    <t>シーズニングチョレギサラダ</t>
  </si>
  <si>
    <t>シーズニングナムル</t>
  </si>
  <si>
    <t>ＳＢ　シーズニング　チャプチェ</t>
  </si>
  <si>
    <t>シーズニング韓国風たたききゅうり</t>
  </si>
  <si>
    <t>シーズニング　じゃがいものナムル</t>
  </si>
  <si>
    <t>シーズニングトマトのカプレーゼ風</t>
  </si>
  <si>
    <t>シーズニングアンチョビポテト</t>
  </si>
  <si>
    <t>菜館シーズニングやみつき大根サラダ</t>
  </si>
  <si>
    <t>菜館シーズニングごま香るトマトの冷菜</t>
  </si>
  <si>
    <t>Ｓ＆Ｂシーズニング山菜きゅうり</t>
  </si>
  <si>
    <t>Ｓ＆Ｂシーズニング蒸し茄子の香味だれ</t>
  </si>
  <si>
    <t>シーズニングきゅうりのソムタム</t>
  </si>
  <si>
    <t>シーズニングもやしのナンプラー炒め</t>
  </si>
  <si>
    <t>Ｓ＆Ｂシーズニング_鶏肉のグリーンカレー炒め</t>
  </si>
  <si>
    <t>シーズニングパクチーサラダ</t>
  </si>
  <si>
    <t>菜館シーズニングキャベツと玉子の香味醤油炒め</t>
  </si>
  <si>
    <t>菜館シーズニングえび塩キュウリ</t>
  </si>
  <si>
    <t>シーズニングアンチョビキャベツ</t>
  </si>
  <si>
    <t>Ｓ＆Ｂ　シーズニング　コールスローサラダ　１３ｇ</t>
  </si>
  <si>
    <t>Ｓ＆Ｂ　シーズニング　ワカモレ　１２ｇ</t>
  </si>
  <si>
    <t>ブロッコリーのアーリオオーリオ</t>
  </si>
  <si>
    <t>マイレパートリーシーズニング山椒きゅうり</t>
  </si>
  <si>
    <t>マイレパートリーシーズニング蒸し茄子香味だれ１０ｇ</t>
  </si>
  <si>
    <t>SPICE＆HERBシーズニングカクテキ</t>
  </si>
  <si>
    <t>マイレパシーズニングだし香るきんぴら</t>
  </si>
  <si>
    <t>シーズニング韓国風辛口たたききゅうり</t>
  </si>
  <si>
    <t>匠のおしながきシーズニングもやしの梅和えディル仕立て</t>
  </si>
  <si>
    <t>匠のおしながきシーズニングきのこの薫りバジル和え</t>
  </si>
  <si>
    <t>匠のおしながきシーズニングなすの香ばしクミン味噌</t>
  </si>
  <si>
    <t>匠のおしながきシーズニングキャベツの特製マスタード和え</t>
  </si>
  <si>
    <t>匠のおしながきシーズニングきゅうりの花椒味噌和え</t>
  </si>
  <si>
    <t>匠のおしながきシーズニングほうれん草の生姜ごま和え</t>
  </si>
  <si>
    <t>町中華シーズニングピリ辛無限えのき</t>
  </si>
  <si>
    <t>町中華シーズニングガリバタなす</t>
  </si>
  <si>
    <t>ｽﾊﾟｲｽC赤辛もやしｶﾚﾝﾀﾞｰ</t>
  </si>
  <si>
    <t>スパイスＣおつまみきゅうり</t>
  </si>
  <si>
    <t>らくチンDELIやみつきブロッコリー</t>
  </si>
  <si>
    <t>らくチンDELIてりやき風ポテト</t>
  </si>
  <si>
    <t>らくチンDELIガーリックもやし</t>
  </si>
  <si>
    <t>らくチンDELI豆苗の温サラダ</t>
  </si>
  <si>
    <t>らくチンDELIきのこのホットマリネ</t>
  </si>
  <si>
    <t>らくチンDELIおつまみオクラ</t>
  </si>
  <si>
    <t>らくチンDELI麻辣ピーマン</t>
  </si>
  <si>
    <t>らくチンDELIおつまみポテトサラダ</t>
  </si>
  <si>
    <t>おかづまみの逸品海苔塩バターポテト</t>
  </si>
  <si>
    <t>ポテトシーズニングバター醤油</t>
  </si>
  <si>
    <t>ポテトシーズニング明太子バター</t>
  </si>
  <si>
    <t>ポテトシーズニングのり塩</t>
  </si>
  <si>
    <t>ポテトシーズニング激辛デビル</t>
  </si>
  <si>
    <t>ポテトシーズニングサワークリーム</t>
  </si>
  <si>
    <t>ワカモレディップミックス</t>
  </si>
  <si>
    <t>フェイジョン豆料理用</t>
  </si>
  <si>
    <t>オールドエルパソグワカモーレシーズニング</t>
  </si>
  <si>
    <t>スパイスクッキング　キャラメルバナナ</t>
  </si>
  <si>
    <t>スパイスクッキング　アップルジンジャー</t>
  </si>
  <si>
    <t>スパイスクッキング　メープルシナモン</t>
  </si>
  <si>
    <t>ＧＡＢＡＮシーズニング　ビリヤニ</t>
  </si>
  <si>
    <t>１０．８Ｇ</t>
  </si>
  <si>
    <t>GABANシーズニング四川風麻婆豆腐</t>
  </si>
  <si>
    <t>にんにく族アヒージョの素</t>
  </si>
  <si>
    <t>激辛クッキング　辣辛汁なし担担麺の素</t>
  </si>
  <si>
    <t>激辛クッキング　猛辛スープカレーの素</t>
  </si>
  <si>
    <t>ﾊﾞﾘｭｰｽﾊﾟｲｽ_ガーリックシーズニング</t>
  </si>
  <si>
    <t>ﾊﾞﾘｭｰｽﾊﾟｲｽ_ハーブシーズニング</t>
  </si>
  <si>
    <t>FAUCHON　ｼｰｽﾞﾆﾝｸﾞﾊｰﾌﾞﾏﾘﾈ</t>
  </si>
  <si>
    <t>Ｐスパイス　ガラムマサラ</t>
  </si>
  <si>
    <t>スパイスクッキングバルメニューパエリア</t>
  </si>
  <si>
    <t>スパイスクッキングバルメニュー　イカ墨パエリア</t>
  </si>
  <si>
    <t>スパイスクッキングバルメニュースパニッシュオムレツ</t>
  </si>
  <si>
    <t>スパイスクッキングバルメニューアヒージョ</t>
  </si>
  <si>
    <t>スパイスクッキング和彩菜　あさりの酒蒸し香ばしにんにく醤油風味</t>
  </si>
  <si>
    <t>スパイスクッキング和彩菜たまご焼き和風ねぎ仕立て</t>
  </si>
  <si>
    <t>スマートスパイスガーリックト</t>
  </si>
  <si>
    <t>ビストロビネガー中華炒め</t>
  </si>
  <si>
    <t>スパイスクッキングバルメニュー　アクアパッツァ</t>
  </si>
  <si>
    <t>スパイスクッキングバルメニューカルパッチョ</t>
  </si>
  <si>
    <t>ｷﾞｬﾊﾞﾝチャイ用Ｂシュガー</t>
  </si>
  <si>
    <t>スパイスクッキングアジアン屋台街トムヤムクン</t>
  </si>
  <si>
    <t>スパイスクッキングアジアン屋台街　カオマンガイ</t>
  </si>
  <si>
    <t>スパイスクッキングアジアン屋台街　タイ風炒飯</t>
  </si>
  <si>
    <t>スパイスクッキングバルメニューツナのリエット</t>
  </si>
  <si>
    <t>スパイスクッキング魚のハーブ焼き</t>
  </si>
  <si>
    <t>にんにく族　ガーリック炒飯の素</t>
  </si>
  <si>
    <t>カサフィエスタ　タコ　シェル</t>
  </si>
  <si>
    <t>おいしさパックエビピラフ</t>
  </si>
  <si>
    <t>Ｓ＆Ｂバジリコ（ボトル）</t>
  </si>
  <si>
    <t>シーズニングカレーピラフ</t>
  </si>
  <si>
    <t>シーズニングガーリックライス</t>
  </si>
  <si>
    <t>シーズニングパエリア</t>
  </si>
  <si>
    <t>シーズニングバジリコ</t>
  </si>
  <si>
    <t>シーズニングぺペロンチーノ</t>
  </si>
  <si>
    <t>シーズ二ングインドネシア風炒飯</t>
  </si>
  <si>
    <t>韓ｼｰｽﾞﾆﾝｸﾞ　韓国風ｶﾙﾊﾟｯﾁｮ</t>
  </si>
  <si>
    <t>ｼｰｽﾞﾆﾝｸﾞ　魚介のﾎｲﾙ焼き　9ｇ</t>
  </si>
  <si>
    <t>ｼｰｽﾞﾆﾝｸﾞ　ｻｰﾓﾝのﾊｰﾌﾞｽﾃｰｷ</t>
  </si>
  <si>
    <t>シーズニング　韓国風カルパッチョ</t>
  </si>
  <si>
    <t>Ｓ＆Ｂシーズニングこんにゃくの炒り煮</t>
  </si>
  <si>
    <t>シーズニングアヒージョ</t>
  </si>
  <si>
    <t>Ｓ＆Ｂ　シーズニング　チリコンカン　１５ｇ</t>
  </si>
  <si>
    <t>マイレパシーズニングちぎりこんにゃくの炒り煮１８ｇ</t>
  </si>
  <si>
    <t>麺処井の庄監修辛辛魚辛魚粉</t>
  </si>
  <si>
    <t>4.8gX4</t>
  </si>
  <si>
    <t>ｽﾊﾟｲｽCｻﾊﾞ缶ｱﾋｰｼﾞｮｶﾚﾝﾀﾞｰ</t>
  </si>
  <si>
    <t>おかづまみの逸品ふんわり卵焼き</t>
  </si>
  <si>
    <t>くじらアヒージョ</t>
  </si>
  <si>
    <t>ﾎｯｶｲﾄﾞｳﾎﾞｳ</t>
  </si>
  <si>
    <t>香りソルトイタリアンハーブミックストライアルパック</t>
  </si>
  <si>
    <t>喜びスパイス詰替え</t>
  </si>
  <si>
    <t>福島精肉店</t>
  </si>
  <si>
    <t>ﾌｸｼﾏｾｲﾆｸﾃﾝ</t>
  </si>
  <si>
    <t>スパイスふりかけイタリアンハーブMIX</t>
  </si>
  <si>
    <t>Leiｸｯｷﾝｸﾞ</t>
  </si>
  <si>
    <t>マギーマジックサラップ</t>
  </si>
  <si>
    <t>ママシタスカルデレタ</t>
  </si>
  <si>
    <t>ｺｳｼﾝﾘｮｳｾｯﾄ</t>
  </si>
  <si>
    <t>袋入マジックソルト</t>
  </si>
  <si>
    <t>朝しょうがしましょ♪しょうが</t>
  </si>
  <si>
    <t>袋入りﾏｼﾞｯｸｶﾞｰﾘｯｸｿﾙﾄ</t>
  </si>
  <si>
    <t>袋入りﾏｼﾞｯｸﾍﾟｯﾊﾟｰｿﾙﾄ</t>
  </si>
  <si>
    <t>マジックソルトオリジナル</t>
  </si>
  <si>
    <t>マジックソルトガーリック</t>
  </si>
  <si>
    <t>マジックソルトペッパー</t>
  </si>
  <si>
    <t>マジックソルトシトラス</t>
  </si>
  <si>
    <t>わさビーフスパイス</t>
  </si>
  <si>
    <t>袋入りマジックソルト柚子</t>
  </si>
  <si>
    <t>袋入りマジックソルトバーベキュー</t>
  </si>
  <si>
    <t>なんでもガーリックミックス</t>
  </si>
  <si>
    <t>なんでもハーブミックス</t>
  </si>
  <si>
    <t>香りソルトイタリアンハーブミックス袋</t>
  </si>
  <si>
    <t>香りソルト4種のペパーミックス袋</t>
  </si>
  <si>
    <t>香りソルトガーリック＆オニオン詰め替え用</t>
  </si>
  <si>
    <t>香りソルトレモンペパーミックス袋入り</t>
  </si>
  <si>
    <t>ローストシーズニング</t>
  </si>
  <si>
    <t>うまみスパイス</t>
  </si>
  <si>
    <t>29スパイス</t>
  </si>
  <si>
    <t>ケイジャンシーズニング</t>
  </si>
  <si>
    <t>鳴門千鳥本舗淡路島オニオンスパイス</t>
  </si>
  <si>
    <t>オールドエルパソ　ファヒタシーズニング　４０ｇ</t>
  </si>
  <si>
    <t>クミン塩</t>
  </si>
  <si>
    <t>カレー塩</t>
  </si>
  <si>
    <t>しそ塩</t>
  </si>
  <si>
    <t>セロリ塩</t>
  </si>
  <si>
    <t>香りソルトレモンペパーミックス</t>
  </si>
  <si>
    <t>肉の匠の秘伝ブレンドマイスターズスパイス</t>
  </si>
  <si>
    <t>ギャバングリルマスターブレンド</t>
  </si>
  <si>
    <t>カレ-リツチ</t>
  </si>
  <si>
    <t>香りソルトガーリック＆オニオン</t>
  </si>
  <si>
    <t>香りソルトアジアンミックス</t>
  </si>
  <si>
    <t>香りソルト4種のペパーミクス</t>
  </si>
  <si>
    <t>ホッピービバレッジ</t>
  </si>
  <si>
    <t>香りソルトイタリアンハーブミックス</t>
  </si>
  <si>
    <t>スパイス響王ボトル</t>
  </si>
  <si>
    <t>味の明太粉</t>
  </si>
  <si>
    <t>黄金比率の万能すぱいすまっくす</t>
  </si>
  <si>
    <t>アグルス</t>
  </si>
  <si>
    <t>ｱｸﾞﾙｽ</t>
  </si>
  <si>
    <t>アウトサイドハーブスパイス</t>
  </si>
  <si>
    <t>スパイスアップイタリアンハーブ</t>
  </si>
  <si>
    <t>スパイスアップ麻辣ペッパー瓶</t>
  </si>
  <si>
    <t>ミラクルすぱいすふ塩旨ミックス</t>
  </si>
  <si>
    <t>KIYORAｷｸﾁ</t>
  </si>
  <si>
    <t>牛角ガーリックソルト</t>
  </si>
  <si>
    <t>牛角魔法のスパイス</t>
  </si>
  <si>
    <t>喜スパイス</t>
  </si>
  <si>
    <t>黒瀬のスパイス</t>
  </si>
  <si>
    <t>黒瀬食鳥</t>
  </si>
  <si>
    <t>ｸﾛｾｼｮｸﾁｮｳ</t>
  </si>
  <si>
    <t>バカまぶし辛くないの</t>
  </si>
  <si>
    <t>バカまぶし辛いの</t>
  </si>
  <si>
    <t>バカまぶし旨辛いの</t>
  </si>
  <si>
    <t>ウルトラスパイス</t>
  </si>
  <si>
    <t>サーカス</t>
  </si>
  <si>
    <t>ｻｰｶｽ</t>
  </si>
  <si>
    <t>魔法のスパイス</t>
  </si>
  <si>
    <t>ファインフーズジャパン</t>
  </si>
  <si>
    <t>ﾌｧｲﾝﾌｰｽﾞJP</t>
  </si>
  <si>
    <t>魔法のシビ辛</t>
  </si>
  <si>
    <t>モイオットチャン</t>
  </si>
  <si>
    <t>ＪＶＣ</t>
  </si>
  <si>
    <t>JVC</t>
  </si>
  <si>
    <t>マジカルスパイス瓶</t>
  </si>
  <si>
    <t>ライフテック</t>
  </si>
  <si>
    <t>ﾗｲﾌﾃｯｸ</t>
  </si>
  <si>
    <t>金のほりにし</t>
  </si>
  <si>
    <t>アウトドアスパイスほりにし</t>
  </si>
  <si>
    <t>ﾎﾘﾆｼ</t>
  </si>
  <si>
    <t>アウトドアスパイスほりにし赤辛口</t>
  </si>
  <si>
    <t>燻製アウトドアスパイスほりにしブラック黒</t>
  </si>
  <si>
    <t>ほりにしワンピースパッケージ</t>
  </si>
  <si>
    <t>motteco甘いスパイス</t>
  </si>
  <si>
    <t>エス・エス・ピー</t>
  </si>
  <si>
    <t>ｴｽｴｽﾋﾟｰ</t>
  </si>
  <si>
    <t>motteco鉄板スパイス</t>
  </si>
  <si>
    <t>お肉専用スパイス七代目こばやし</t>
  </si>
  <si>
    <t>スパイスザパンチ</t>
  </si>
  <si>
    <t>にとん屋焼肉ザパンチ</t>
  </si>
  <si>
    <t>風来坊万能スパイス</t>
  </si>
  <si>
    <t>大健企画</t>
  </si>
  <si>
    <t>ﾀﾞｲｹﾝｷｶｸ</t>
  </si>
  <si>
    <t>無限スパイス</t>
  </si>
  <si>
    <t>ｱﾙｶﾌｰｽﾞ</t>
  </si>
  <si>
    <t>マジックペッパーソルト</t>
  </si>
  <si>
    <t>マジックソルトバーベキュー</t>
  </si>
  <si>
    <t>しょうが塩</t>
  </si>
  <si>
    <t>ギャバンプロブレンドスパイス</t>
  </si>
  <si>
    <t>馨かおるMasterBlendedSpaice</t>
  </si>
  <si>
    <t>ギャバンオリジナルハーブソルト</t>
  </si>
  <si>
    <t>香りソルトメキシカンミックス</t>
  </si>
  <si>
    <t>ハーブソルト</t>
  </si>
  <si>
    <t>ガーリックソルト</t>
  </si>
  <si>
    <t>焙香スパイス</t>
  </si>
  <si>
    <t>ミックススパイス</t>
  </si>
  <si>
    <t>マキシマム</t>
  </si>
  <si>
    <t>マキシマムスパイスわさび</t>
  </si>
  <si>
    <t>マキシマムナチュラルスパイス</t>
  </si>
  <si>
    <t>スパイスシーズニングBBQマスタード</t>
  </si>
  <si>
    <t>アウトドアスパイス</t>
  </si>
  <si>
    <t>クレイジーソルト</t>
  </si>
  <si>
    <t>クレージーソルト</t>
  </si>
  <si>
    <t>クレイジーレモン</t>
  </si>
  <si>
    <t>クレイジーソルトホテルレストランサイズ</t>
  </si>
  <si>
    <t>鳴門千鳥オニオンスパイス</t>
  </si>
  <si>
    <t>日本一スパイス</t>
  </si>
  <si>
    <t>ｵｶﾅｵｻﾌﾞﾛｳｼ</t>
  </si>
  <si>
    <t>サラダエレガンス</t>
  </si>
  <si>
    <t>IRODORI</t>
  </si>
  <si>
    <t>ﾏｽｺｯﾄ</t>
  </si>
  <si>
    <t>万能調味料唐辛子なし</t>
  </si>
  <si>
    <t>万能調味料（唐辛子入り）</t>
  </si>
  <si>
    <t>ペースト</t>
  </si>
  <si>
    <t>からし</t>
  </si>
  <si>
    <t>ねりからし</t>
  </si>
  <si>
    <t>60入</t>
  </si>
  <si>
    <t>練りからし</t>
  </si>
  <si>
    <t>中価格</t>
  </si>
  <si>
    <t>本生本からし特荷セット</t>
  </si>
  <si>
    <t>43*60</t>
  </si>
  <si>
    <t>本生本からし</t>
  </si>
  <si>
    <t>特選本香りからし</t>
  </si>
  <si>
    <t>料亭からし</t>
  </si>
  <si>
    <t>大容量ねりからし</t>
  </si>
  <si>
    <t>ねりからし業務用</t>
  </si>
  <si>
    <t>お徳用ねりからし</t>
  </si>
  <si>
    <t>ねりからし無着色</t>
  </si>
  <si>
    <t>ねりからしお徳用</t>
  </si>
  <si>
    <t>和からし</t>
  </si>
  <si>
    <t>からしチューブ</t>
  </si>
  <si>
    <t>和風ねりからし</t>
  </si>
  <si>
    <t>ねり和からし</t>
  </si>
  <si>
    <t>本生和からし60本特荷</t>
  </si>
  <si>
    <t>43g×60</t>
  </si>
  <si>
    <t>本生和からし</t>
  </si>
  <si>
    <t>特選本香り和からし</t>
  </si>
  <si>
    <t>わさび</t>
  </si>
  <si>
    <t>わさびチューブ</t>
  </si>
  <si>
    <t>おろし生わさび</t>
  </si>
  <si>
    <t>おろしわさび</t>
  </si>
  <si>
    <t>生おろしわさび</t>
  </si>
  <si>
    <t>本わさび</t>
  </si>
  <si>
    <t>本生本わさび特荷セット</t>
  </si>
  <si>
    <t>本生本わさび60本特荷</t>
  </si>
  <si>
    <t>本生きざみわさび</t>
  </si>
  <si>
    <t>Ｓ＆Ｂ本生ﾃﾞｨｽﾌﾟﾚｲ</t>
  </si>
  <si>
    <t>本生きざみわさび６０本特荷</t>
  </si>
  <si>
    <t>43g*60</t>
  </si>
  <si>
    <t>Ｓ＆Ｂ　本生　きざみわさび　ディスプレイ　８０本</t>
  </si>
  <si>
    <t>80ﾎﾝ</t>
  </si>
  <si>
    <t>きざみ山わさび</t>
  </si>
  <si>
    <t>本生生わさび</t>
  </si>
  <si>
    <t>特選本香り生わさび</t>
  </si>
  <si>
    <t>山わさび北海道産山わさび使用</t>
  </si>
  <si>
    <t>大容量おろし生わさび</t>
  </si>
  <si>
    <t>岩城商店</t>
  </si>
  <si>
    <t>おろしわさび業務用</t>
  </si>
  <si>
    <t>お徳用おろし生わさび</t>
  </si>
  <si>
    <t>おろし生わさび無着色</t>
  </si>
  <si>
    <t>おろし生わさびお徳用</t>
  </si>
  <si>
    <t>高価格</t>
  </si>
  <si>
    <t>名匠本わさび（国産本わさび使用）</t>
  </si>
  <si>
    <t>名匠にっぽんの本わさび</t>
  </si>
  <si>
    <t>わさび粗おろしチューブ</t>
  </si>
  <si>
    <t>おろし本わさび</t>
  </si>
  <si>
    <t>料亭生わさび</t>
  </si>
  <si>
    <t>本きざみわさび</t>
  </si>
  <si>
    <t>沢わさび</t>
  </si>
  <si>
    <t>5gx5</t>
  </si>
  <si>
    <t>静岡県産本わさび瑞葵</t>
  </si>
  <si>
    <t>本わさび瑞葵</t>
  </si>
  <si>
    <t>本きざみ粗切りわさび</t>
  </si>
  <si>
    <t>ノースＦＳ　北海道山わさびソース　瓶　１８０ｇ</t>
  </si>
  <si>
    <t>しょうがチューブ</t>
  </si>
  <si>
    <t>おろし生しょうが</t>
  </si>
  <si>
    <t>おろししょうが</t>
  </si>
  <si>
    <t>生おろししょうが</t>
  </si>
  <si>
    <t>生しょうが</t>
  </si>
  <si>
    <t>本生本しょうが特荷セット</t>
  </si>
  <si>
    <t>40*60</t>
  </si>
  <si>
    <t>本生生しょうが</t>
  </si>
  <si>
    <t>特選本香り生しょうが</t>
  </si>
  <si>
    <t>大容量おろし生しょうが</t>
  </si>
  <si>
    <t>みじん切り生しょうが</t>
  </si>
  <si>
    <t>熊川食料工業</t>
  </si>
  <si>
    <t>おろし生しょうが3個セット</t>
  </si>
  <si>
    <t>ｹﾞﾝｾｲﾀﾞ</t>
  </si>
  <si>
    <t>おろし生しょうが2個セット</t>
  </si>
  <si>
    <t>260g×2P</t>
  </si>
  <si>
    <t>源清田商事</t>
  </si>
  <si>
    <t>おろし生しょうが業務用</t>
  </si>
  <si>
    <t>お徳用おろし生しょうが</t>
  </si>
  <si>
    <t>味付けきざみしょうが</t>
  </si>
  <si>
    <t>お徳用みじん切り生しょうが</t>
  </si>
  <si>
    <t>おろし生しょうがお徳用</t>
  </si>
  <si>
    <t>生おろししょうがチューブ</t>
  </si>
  <si>
    <t>名匠しょうが（国産しょうが使用）</t>
  </si>
  <si>
    <t>名匠にっぽんのしょうが</t>
  </si>
  <si>
    <t>料亭生しょうが</t>
  </si>
  <si>
    <t>本きざみ粗切り生しょうが</t>
  </si>
  <si>
    <t>特選本香り生しょうが70G</t>
  </si>
  <si>
    <t>みじん切りしょうが</t>
  </si>
  <si>
    <t>きざみしょうが瓶入り</t>
  </si>
  <si>
    <t>辛くて生姜ねぇ</t>
  </si>
  <si>
    <t>にんにくチューブ</t>
  </si>
  <si>
    <t>オロシナマニンニク</t>
  </si>
  <si>
    <t>おろしにんにく</t>
  </si>
  <si>
    <t>生にんにく</t>
  </si>
  <si>
    <t>特選本香り生にんにく</t>
  </si>
  <si>
    <t>本生にんにく</t>
  </si>
  <si>
    <t>大容量おろし生にんにく</t>
  </si>
  <si>
    <t>みじん切り生にんにく</t>
  </si>
  <si>
    <t>きざみニンニク</t>
  </si>
  <si>
    <t>おろし生にんにく3個セット</t>
  </si>
  <si>
    <t>おろし生にんにく2個セット</t>
  </si>
  <si>
    <t>280g×2P</t>
  </si>
  <si>
    <t>ＢＢＱおろしにんにくチューブ</t>
  </si>
  <si>
    <t>九州ファーム</t>
  </si>
  <si>
    <t>ｷｭｳｼｭｳﾌｧｰﾑ</t>
  </si>
  <si>
    <t>おろし生ニンニク業務用</t>
  </si>
  <si>
    <t>お徳用おろし生にんにく</t>
  </si>
  <si>
    <t>お徳用みじん切り生にんにく</t>
  </si>
  <si>
    <t>味付きざみにんにく</t>
  </si>
  <si>
    <t>うま塩だれにんにく</t>
  </si>
  <si>
    <t>おろし生にんにくお徳用</t>
  </si>
  <si>
    <t>生にんにくおろしチューブ</t>
  </si>
  <si>
    <t>にんにく調味料</t>
  </si>
  <si>
    <t>料亭生にんにく</t>
  </si>
  <si>
    <t>ビン入りみじん切りにんにく</t>
  </si>
  <si>
    <t>おろしにんにく瓶</t>
  </si>
  <si>
    <t>翌日ニオイが気にならないにんにくペースト</t>
  </si>
  <si>
    <t>つぶ入りマスタード</t>
  </si>
  <si>
    <t>味粒マスタード</t>
  </si>
  <si>
    <t>マスタードスクイズパック</t>
  </si>
  <si>
    <t>大容量つぶ入りマスタード</t>
  </si>
  <si>
    <t>イエローマスタード逆さボトル</t>
  </si>
  <si>
    <t>お徳用つぶ入マスタード</t>
  </si>
  <si>
    <t>マスタードソース</t>
  </si>
  <si>
    <t>マスタード業務用</t>
  </si>
  <si>
    <t>交易食品</t>
  </si>
  <si>
    <t>ｺｰｴｷ</t>
  </si>
  <si>
    <t>種入りマスタード</t>
  </si>
  <si>
    <t>マイユディジョンマスタード</t>
  </si>
  <si>
    <t>フレンチマスタード</t>
  </si>
  <si>
    <t>マスタードマイルド</t>
  </si>
  <si>
    <t>粗挽マスタード</t>
  </si>
  <si>
    <t>スペシャルセレクト　イエローマスタード</t>
  </si>
  <si>
    <t>MAILLE種入りマスタード</t>
  </si>
  <si>
    <t>その他（ﾁｭｰﾌﾞ他）</t>
  </si>
  <si>
    <t>ファロ　ディジョンマスタード</t>
  </si>
  <si>
    <t>ファロ　グレインマスタード　</t>
  </si>
  <si>
    <t>ファロ　カシスマスタード</t>
  </si>
  <si>
    <t>ファロ　バジルマスタード</t>
  </si>
  <si>
    <t>レモンマスタード</t>
  </si>
  <si>
    <t>ハニーマスタード</t>
  </si>
  <si>
    <t>マスタードホットドック用</t>
  </si>
  <si>
    <t>瓶入り生もみじおろし</t>
  </si>
  <si>
    <t>禁断の黒胡椒</t>
  </si>
  <si>
    <t>もみじおろし</t>
  </si>
  <si>
    <t>がりり</t>
  </si>
  <si>
    <t>レモンスパイス</t>
  </si>
  <si>
    <t>Ｔｏｍｏｔａｓｕ</t>
  </si>
  <si>
    <t>Tomotasu</t>
  </si>
  <si>
    <t>檸檬胡椒赤辛</t>
  </si>
  <si>
    <t>紀州ねり梅</t>
  </si>
  <si>
    <t>しそ梅</t>
  </si>
  <si>
    <t>からし明太子</t>
  </si>
  <si>
    <t>無着色しそ梅</t>
  </si>
  <si>
    <t>無着色梅肉</t>
  </si>
  <si>
    <t>ホースラディッシュ</t>
  </si>
  <si>
    <t>柚子わさび</t>
  </si>
  <si>
    <t>ねり梅無着色</t>
  </si>
  <si>
    <t>お徳用もみじおろし</t>
  </si>
  <si>
    <t>きざみ青じそ</t>
  </si>
  <si>
    <t>きざみ青じそ　特荷　６０個</t>
  </si>
  <si>
    <t>60ｺ</t>
  </si>
  <si>
    <t>きざみゆず</t>
  </si>
  <si>
    <t>きざみねぎ塩</t>
  </si>
  <si>
    <t>Ｓ＆Ｂ　きざみ青じそ　特荷　８０本</t>
  </si>
  <si>
    <t>3040G</t>
  </si>
  <si>
    <t>Ｓ＆Ｂ　きざみねぎ塩　８０本　特荷</t>
  </si>
  <si>
    <t>みじん切りねぎ・しょうが・にんにく</t>
  </si>
  <si>
    <t>お徳用きざみ青じそ</t>
  </si>
  <si>
    <t>粗切りトウガラシ</t>
  </si>
  <si>
    <t>きざみねぎ塩60個入り特荷</t>
  </si>
  <si>
    <t>粗切りトウガラシ60個入り特荷</t>
  </si>
  <si>
    <t>きざみレモン</t>
  </si>
  <si>
    <t>きざみバジル</t>
  </si>
  <si>
    <t>きざみみょうが</t>
  </si>
  <si>
    <t>粗切りハラペーニョ</t>
  </si>
  <si>
    <t>大根おろし</t>
  </si>
  <si>
    <t>梅肉40g</t>
  </si>
  <si>
    <t>IPPIN屋からし明太子</t>
  </si>
  <si>
    <t>IPPIN屋からし高菜</t>
  </si>
  <si>
    <t>IPPIN屋梅かつお</t>
  </si>
  <si>
    <t>万能菜北海道産炒め玉ねぎ</t>
  </si>
  <si>
    <t>万能菜国産炒め香味野菜</t>
  </si>
  <si>
    <t>つぶつぶ食感たらこ</t>
  </si>
  <si>
    <t>焙煎仕立て唐辛子にんにく</t>
  </si>
  <si>
    <t>IPPIN屋だしわさび</t>
  </si>
  <si>
    <t>IPPIN屋大葉みそ</t>
  </si>
  <si>
    <t>甘辛だれしょうが</t>
  </si>
  <si>
    <t>かつお梅</t>
  </si>
  <si>
    <t>梅肉チューブ</t>
  </si>
  <si>
    <t>もみじおろし　瓶</t>
  </si>
  <si>
    <t>わささんしょう</t>
  </si>
  <si>
    <t>麻辣醤</t>
  </si>
  <si>
    <t>焦がしにんにく</t>
  </si>
  <si>
    <t>レモンペースト</t>
  </si>
  <si>
    <t>国産きざみ青じそ</t>
  </si>
  <si>
    <t>かぼす＆すだちペースト</t>
  </si>
  <si>
    <t>きざみ紅しょうが風ペースト</t>
  </si>
  <si>
    <t>魅惑のハリッサ</t>
  </si>
  <si>
    <t>のっけてラー油ペースト</t>
  </si>
  <si>
    <t>楽園のサテトム</t>
  </si>
  <si>
    <t>きざみガリ風ペースト</t>
  </si>
  <si>
    <t>ゆずペースト</t>
  </si>
  <si>
    <t>薫香のチポトレサルサ</t>
  </si>
  <si>
    <t>辛子明太子ペースト</t>
  </si>
  <si>
    <t>たらこペースト</t>
  </si>
  <si>
    <t>きざみ辛ねぎ</t>
  </si>
  <si>
    <t>赤唐辛子にんにく</t>
  </si>
  <si>
    <t>青唐辛子にんにく</t>
  </si>
  <si>
    <t>カレーパートナー辛旨ペースト</t>
  </si>
  <si>
    <t>カレーパートナー甘旨ペースト</t>
  </si>
  <si>
    <t>粗挽き唐辛子チューブカレンダー</t>
  </si>
  <si>
    <t>味ねり梅</t>
  </si>
  <si>
    <t>味ねり胡麻白</t>
  </si>
  <si>
    <t>味豆板醤</t>
  </si>
  <si>
    <t>生ホースラディッシュ</t>
  </si>
  <si>
    <t>ゆずこしょう</t>
  </si>
  <si>
    <t>ＹＵＺＵ－ＫＯＳＨＯ　ＳＡＵ</t>
  </si>
  <si>
    <t>香りの逸品ゆず</t>
  </si>
  <si>
    <t>ビン入り柚子こしょう</t>
  </si>
  <si>
    <t>料亭　柚子こしょう　瓶</t>
  </si>
  <si>
    <t>柚子ごしょう（粉末）</t>
  </si>
  <si>
    <t>柚子ごしょう</t>
  </si>
  <si>
    <t>ガーリックゆずこしょう</t>
  </si>
  <si>
    <t>ゆず唐辛子</t>
  </si>
  <si>
    <t>ニビシ柚子こしょう</t>
  </si>
  <si>
    <t>料亭柚子こしょう　瓶</t>
  </si>
  <si>
    <t>赤柚子こしょう</t>
  </si>
  <si>
    <t>柚こしょう</t>
  </si>
  <si>
    <t>ゆずごしょう</t>
  </si>
  <si>
    <t>柚子ごしょうチューブ</t>
  </si>
  <si>
    <t>青ゆずこしょう</t>
  </si>
  <si>
    <t>柚子こしょう赤</t>
  </si>
  <si>
    <t>フンドーダイ粒柚子こしょう</t>
  </si>
  <si>
    <t>青柚子こしょう</t>
  </si>
  <si>
    <t>かぐらの里辛くない青ゆずこしょう</t>
  </si>
  <si>
    <t>かぐらの里青ゆずこしょう</t>
  </si>
  <si>
    <t>ｶｸﾞﾗﾉｻﾄ</t>
  </si>
  <si>
    <t>かぐらの里赤ゆずこしょう</t>
  </si>
  <si>
    <t>大分県産ゆずごしょう極上</t>
  </si>
  <si>
    <t>櫛野農園</t>
  </si>
  <si>
    <t>ｸｼﾉﾉｳｴﾝ</t>
  </si>
  <si>
    <t>ゆずごしょう赤</t>
  </si>
  <si>
    <t>ゆずごしょう大分県産</t>
  </si>
  <si>
    <t>かぼすごしょう大分県産</t>
  </si>
  <si>
    <t>柚子こしょう</t>
  </si>
  <si>
    <t>川原食品</t>
  </si>
  <si>
    <t>ｶﾜﾊﾗ</t>
  </si>
  <si>
    <t>いぶし銀青柚子こしょうパウチ</t>
  </si>
  <si>
    <t>柚こしょう本舗</t>
  </si>
  <si>
    <t>ﾕｽﾞｺｼｮｳ</t>
  </si>
  <si>
    <t>いぶし銀赤柚子こしょうパウチ</t>
  </si>
  <si>
    <t>きざみ柚子</t>
  </si>
  <si>
    <t>本生　柚子こしょう</t>
  </si>
  <si>
    <t>お徳用柚子こしょう</t>
  </si>
  <si>
    <t>料亭　柚子こしょう　４０ｇ</t>
  </si>
  <si>
    <t>本きざみ柚子こしょう</t>
  </si>
  <si>
    <t>粗柚子こしょう</t>
  </si>
  <si>
    <t>チューブ柚こしょう</t>
  </si>
  <si>
    <t>青柚子こしょうチューブ</t>
  </si>
  <si>
    <t>味柚子こしょう</t>
  </si>
  <si>
    <t>ゆずすこ</t>
  </si>
  <si>
    <t>たらすと</t>
  </si>
  <si>
    <t>ﾔﾏｸﾞﾁｼﾖｸﾋﾝ</t>
  </si>
  <si>
    <t>わさびゆず胡椒</t>
  </si>
  <si>
    <t>わさび柚子胡椒</t>
  </si>
  <si>
    <t>コショー・ガーリック・辣油</t>
  </si>
  <si>
    <t>コショー</t>
  </si>
  <si>
    <t>ツミタテノカオリフレンチタダゴンＦＤ</t>
  </si>
  <si>
    <t>ブラックペッパークラッシュ１５Ｇ</t>
  </si>
  <si>
    <t>コショー袋</t>
  </si>
  <si>
    <t>クリタエイムデリカ</t>
  </si>
  <si>
    <t>あらびきコショー袋</t>
  </si>
  <si>
    <t>こしょう</t>
  </si>
  <si>
    <t>洋こしょう</t>
  </si>
  <si>
    <t>荒挽黒こしょう</t>
  </si>
  <si>
    <t>荒挽き黒コショウ</t>
  </si>
  <si>
    <t>ロコト</t>
  </si>
  <si>
    <t>ﾛｺﾄ</t>
  </si>
  <si>
    <t>ﾛｺﾄ_白ｺｼｮｰ_30g</t>
  </si>
  <si>
    <t>黒胡椒</t>
  </si>
  <si>
    <t>クリエイトカンパニー</t>
  </si>
  <si>
    <t>あらびきコショー</t>
  </si>
  <si>
    <t>ORGANICSPICE有機コショー</t>
  </si>
  <si>
    <t>コショウ</t>
  </si>
  <si>
    <t>コショー袋入り</t>
  </si>
  <si>
    <t>あらびきコショー袋入り</t>
  </si>
  <si>
    <t>あらびきブラックペパー袋入り</t>
  </si>
  <si>
    <t>小袋　コショウ</t>
  </si>
  <si>
    <t>ＰＵＲＥ　こしょう</t>
  </si>
  <si>
    <t>荒挽きコショウ袋</t>
  </si>
  <si>
    <t>ＰＵＲＥ　あらびきこしょう</t>
  </si>
  <si>
    <t>荒挽き黒コショー</t>
  </si>
  <si>
    <t>こしょう袋</t>
  </si>
  <si>
    <t>あらびきこしょう袋</t>
  </si>
  <si>
    <t>胡椒</t>
  </si>
  <si>
    <t>粗挽き胡椒</t>
  </si>
  <si>
    <t>テーブルコショウ</t>
  </si>
  <si>
    <t>テーブルコショー</t>
  </si>
  <si>
    <t>キッチンこしょう</t>
  </si>
  <si>
    <t>キツチン　アラビキコシヨ－</t>
  </si>
  <si>
    <t>アラビキコショー</t>
  </si>
  <si>
    <t>クッキングあらびきコショー</t>
  </si>
  <si>
    <t>クッキングコショー</t>
  </si>
  <si>
    <t>共親製菓</t>
  </si>
  <si>
    <t>ラーメンコショー</t>
  </si>
  <si>
    <t>純粗挽きコショー</t>
  </si>
  <si>
    <t>純白コショー</t>
  </si>
  <si>
    <t>純黒コショー</t>
  </si>
  <si>
    <t>純コショー</t>
  </si>
  <si>
    <t>ミル付き黒こしょう</t>
  </si>
  <si>
    <t>黒こしょうあらびき</t>
  </si>
  <si>
    <t>白こしょう</t>
  </si>
  <si>
    <t>黒コショウあらびき</t>
  </si>
  <si>
    <t>白コショウ</t>
  </si>
  <si>
    <t>黒コショウパウダー</t>
  </si>
  <si>
    <t>檸檬胡椒青辛</t>
  </si>
  <si>
    <t>ミル付き　黒胡椒</t>
  </si>
  <si>
    <t>黒コショウホール</t>
  </si>
  <si>
    <t>こしょうボトル</t>
  </si>
  <si>
    <t>ギャバンコショー缶</t>
  </si>
  <si>
    <t>コーモランプロダクト</t>
  </si>
  <si>
    <t>ラーメンコショウ</t>
  </si>
  <si>
    <t>ガーリック</t>
  </si>
  <si>
    <t>キッチンローストガーリック</t>
  </si>
  <si>
    <t>ガーリック顆粒</t>
  </si>
  <si>
    <t>テーブルガーリック</t>
  </si>
  <si>
    <t>キッチンガーリック</t>
  </si>
  <si>
    <t>クッキングガーリック</t>
  </si>
  <si>
    <t>あらびきガーリック</t>
  </si>
  <si>
    <t>純ガーリック</t>
  </si>
  <si>
    <t>シーウィングス　ガーリックパウダー</t>
  </si>
  <si>
    <t>ガーリック袋入</t>
  </si>
  <si>
    <t>３６Ｇ</t>
  </si>
  <si>
    <t>ガーリック顆粒袋</t>
  </si>
  <si>
    <t>粒々ガーリック</t>
  </si>
  <si>
    <t>ｽﾗｲｽにんにく</t>
  </si>
  <si>
    <t>厚切りにんにく</t>
  </si>
  <si>
    <t>旬の香り有機スライスにんにく</t>
  </si>
  <si>
    <t>そのまま食べるニンニク</t>
  </si>
  <si>
    <t>揚げにんにく</t>
  </si>
  <si>
    <t>辣油</t>
  </si>
  <si>
    <t>黒ごまらー油</t>
  </si>
  <si>
    <t>33ml</t>
  </si>
  <si>
    <t>元重製陶所</t>
  </si>
  <si>
    <t>餃子辣油</t>
  </si>
  <si>
    <t>にんにくラー油</t>
  </si>
  <si>
    <t>早池峰自然科学興業</t>
  </si>
  <si>
    <t>ﾊﾔﾁﾈ</t>
  </si>
  <si>
    <t>黒ごまラー油</t>
  </si>
  <si>
    <t>糸島ねぎラー油</t>
  </si>
  <si>
    <t>ｶﾙﾅ</t>
  </si>
  <si>
    <t>グーさんのラー油</t>
  </si>
  <si>
    <t>ぜいたくラー油</t>
  </si>
  <si>
    <t>純正ごまラー油</t>
  </si>
  <si>
    <t>ごま油屋のラー油</t>
  </si>
  <si>
    <t>岩井の胡麻辣油</t>
  </si>
  <si>
    <t>ごまらあ油</t>
  </si>
  <si>
    <t>辣油（唐辛子入り）</t>
  </si>
  <si>
    <t>四川風ラー油</t>
  </si>
  <si>
    <t>ラー油唐辛子入り</t>
  </si>
  <si>
    <t>辣油唐辛子入り</t>
  </si>
  <si>
    <t>激辛四川ラー油</t>
  </si>
  <si>
    <t>黒マー油</t>
  </si>
  <si>
    <t>岡田農産物</t>
  </si>
  <si>
    <t>ｵｶﾀﾞﾉｳｻﾝ</t>
  </si>
  <si>
    <t>赤マー油</t>
  </si>
  <si>
    <t>ホットチリ</t>
  </si>
  <si>
    <t>しびれと辛さががっつり麻辣香油</t>
  </si>
  <si>
    <t>マー油</t>
  </si>
  <si>
    <t>香りとしびれほとばしる食べる麻辣油</t>
  </si>
  <si>
    <t>ぐんまちゃん下仁田ねぎラー油</t>
  </si>
  <si>
    <t>ﾊﾞﾊﾞ</t>
  </si>
  <si>
    <t>あらびき</t>
  </si>
  <si>
    <t>ミル付き岩塩とＢペッパー</t>
  </si>
  <si>
    <t>荒引きこしょう</t>
  </si>
  <si>
    <t>ミル付き　塩胡椒</t>
  </si>
  <si>
    <t>味付け荒挽き塩こしょう</t>
  </si>
  <si>
    <t>味付あらびき塩コショー</t>
  </si>
  <si>
    <t>袋入り岩塩とブラックペッパーツメカエ</t>
  </si>
  <si>
    <t>ギャバン岩塩＆ペパー</t>
  </si>
  <si>
    <t>詰替え用_あらびき味付塩こしょう</t>
  </si>
  <si>
    <t>あらびき味付塩こしょう</t>
  </si>
  <si>
    <t>あらびき味付け塩コショー</t>
  </si>
  <si>
    <t>味付荒挽き黒コショウ</t>
  </si>
  <si>
    <t>味塩こしょう荒挽き黒こしょう粒入り</t>
  </si>
  <si>
    <t>味塩こしょう荒挽き黒こしょう</t>
  </si>
  <si>
    <t>味塩こしょう荒挽き黒こしょう詰替用</t>
  </si>
  <si>
    <t>味塩こしょうあらびき黒</t>
  </si>
  <si>
    <t>スマートスパイス塩コショー</t>
  </si>
  <si>
    <t>国産味付け塩コショウ</t>
  </si>
  <si>
    <t>味塩こしょう　詰替用　３個セット</t>
  </si>
  <si>
    <t>味付塩こしょう</t>
  </si>
  <si>
    <t>ソルトクイーンスモーク</t>
  </si>
  <si>
    <t>味付け塩こしょうボトル</t>
  </si>
  <si>
    <t>つめかえパック味付塩こしょう</t>
  </si>
  <si>
    <t>味付にんにく塩こしょう</t>
  </si>
  <si>
    <t>味付塩こしょう赤穂の天塩使用</t>
  </si>
  <si>
    <t>味付塩こしょう化学調味料無添加</t>
  </si>
  <si>
    <t>味付け塩こしょう</t>
  </si>
  <si>
    <t>袋入り塩コショー</t>
  </si>
  <si>
    <t>味付け塩こしょう伯方の塩使用</t>
  </si>
  <si>
    <t>味付け塩こしょう（伯方の塩）</t>
  </si>
  <si>
    <t>味付け塩こしょう伯方の塩袋</t>
  </si>
  <si>
    <t>味付塩こしょう詰め替え</t>
  </si>
  <si>
    <t>ギャバン味付塩コショー</t>
  </si>
  <si>
    <t>味付塩コシヨー袋入り</t>
  </si>
  <si>
    <t>九州限定味付け塩コショー</t>
  </si>
  <si>
    <t>味付塩こしょう詰替用</t>
  </si>
  <si>
    <t>チョウミシオコショウ</t>
  </si>
  <si>
    <t>味付け塩コショウ</t>
  </si>
  <si>
    <t>ハチ食品　味付・塩コショー１５０ｇ</t>
  </si>
  <si>
    <t>詰替え用_味付塩こしょう</t>
  </si>
  <si>
    <t>味塩コショウ詰替え</t>
  </si>
  <si>
    <t>味塩こしょう</t>
  </si>
  <si>
    <t>味塩こしょう詰替</t>
  </si>
  <si>
    <t>味塩こしょう減塩</t>
  </si>
  <si>
    <t>味塩こしょうwithハーブ</t>
  </si>
  <si>
    <t>味塩こしょう麹入り</t>
  </si>
  <si>
    <t>味塩コショー</t>
  </si>
  <si>
    <t>味塩こしょう徳用サイズ</t>
  </si>
  <si>
    <t>マルコポーロ　コショー</t>
  </si>
  <si>
    <t>Ｓ缶味付あらびき塩コショー</t>
  </si>
  <si>
    <t>Ｓ缶塩コショー</t>
  </si>
  <si>
    <t>Ｓ缶味付け塩コショー</t>
  </si>
  <si>
    <t>風車コショー</t>
  </si>
  <si>
    <t>ガーリック塩こしょう</t>
  </si>
  <si>
    <t>シーウィングス　黒豆入りあらびき塩コショー</t>
  </si>
  <si>
    <t>シーウィングス　黒豆入りガーリック塩コショー</t>
  </si>
  <si>
    <t>味付塩コショースモーク風味</t>
  </si>
  <si>
    <t>味付塩こしょう鰹節と昆布の旨み</t>
  </si>
  <si>
    <t>ギャバン塩コショー</t>
  </si>
  <si>
    <t>ギャバン塩コショー袋入り</t>
  </si>
  <si>
    <t>PattoDELI燻製塩こしょう</t>
  </si>
  <si>
    <t>PattoDELIガーリックバター塩こしょう</t>
  </si>
  <si>
    <t>PattoDELIエスニック塩こしょう</t>
  </si>
  <si>
    <t>塩こしょう黒豆入り</t>
  </si>
  <si>
    <t>塩こしょうあらびき黒豆入り</t>
  </si>
  <si>
    <t>黒豆入り塩こしょうあらびき</t>
  </si>
  <si>
    <t>黒豆入り塩こしょう</t>
  </si>
  <si>
    <t>和風</t>
  </si>
  <si>
    <t>山椒</t>
  </si>
  <si>
    <t>旬の香り山椒</t>
  </si>
  <si>
    <t>1.2g</t>
  </si>
  <si>
    <t>香り山椒詰め替用袋</t>
  </si>
  <si>
    <t>山椒袋</t>
  </si>
  <si>
    <t>三椒の粉袋入り</t>
  </si>
  <si>
    <t>三椒の粉袋入</t>
  </si>
  <si>
    <t>山椒の実</t>
  </si>
  <si>
    <t>三椒の粉</t>
  </si>
  <si>
    <t>花椒ブレンド</t>
  </si>
  <si>
    <t>さんしょうの粉</t>
  </si>
  <si>
    <t>香り山椒</t>
  </si>
  <si>
    <t>山椒瓶</t>
  </si>
  <si>
    <t>純山椒</t>
  </si>
  <si>
    <t>香り山椒国産</t>
  </si>
  <si>
    <t>国産山椒</t>
  </si>
  <si>
    <t>一味袋</t>
  </si>
  <si>
    <t>一味唐がらし袋</t>
  </si>
  <si>
    <t>キングジム</t>
  </si>
  <si>
    <t>黒岩食品</t>
  </si>
  <si>
    <t>ｸﾛｲﾜｼｮｸﾋﾝ</t>
  </si>
  <si>
    <t>ﾛｺﾄ_一味唐辛子_50g</t>
  </si>
  <si>
    <t>舞妓はんひぃーひぃー一味</t>
  </si>
  <si>
    <t>京の赤一味</t>
  </si>
  <si>
    <t>九州とうがらし一味</t>
  </si>
  <si>
    <t>エヴァウェイ</t>
  </si>
  <si>
    <t>ｴｳﾞｧｳｪｲ</t>
  </si>
  <si>
    <t>マルコポーロ一味唐辛子</t>
  </si>
  <si>
    <t>一味</t>
  </si>
  <si>
    <t>特製一味</t>
  </si>
  <si>
    <t>風車一味</t>
  </si>
  <si>
    <t>唐辛子　中荒</t>
  </si>
  <si>
    <t>超激辛スパイス一味</t>
  </si>
  <si>
    <t>山清鬼びっくり一味唐辛子</t>
  </si>
  <si>
    <t>山清鬼びっくり荒びき唐辛子</t>
  </si>
  <si>
    <t>一味とうがらし袋</t>
  </si>
  <si>
    <t>T一味唐辛子</t>
  </si>
  <si>
    <t>一味とうがらし</t>
  </si>
  <si>
    <t>七味袋</t>
  </si>
  <si>
    <t>七味唐がらし袋</t>
  </si>
  <si>
    <t>嘉平屋</t>
  </si>
  <si>
    <t>ゆず踊七味</t>
  </si>
  <si>
    <t>和七味</t>
  </si>
  <si>
    <t>なべ好七味</t>
  </si>
  <si>
    <t>ﾛｺﾄ_七味唐辛子_50g</t>
  </si>
  <si>
    <t>舞妓はんひぃーひぃー七味</t>
  </si>
  <si>
    <t>京の赤七味</t>
  </si>
  <si>
    <t>マルコポーロ　七味唐辛子</t>
  </si>
  <si>
    <t>七味</t>
  </si>
  <si>
    <t>香り七味詰め替用袋</t>
  </si>
  <si>
    <t>特製七味</t>
  </si>
  <si>
    <t>風車七味</t>
  </si>
  <si>
    <t>小袋_七味</t>
  </si>
  <si>
    <t>ＰＵＲＥ　七味　袋</t>
  </si>
  <si>
    <t>T七味唐辛子</t>
  </si>
  <si>
    <t>七味とうがらし</t>
  </si>
  <si>
    <t>一味瓶</t>
  </si>
  <si>
    <t>国産一味唐がらし</t>
  </si>
  <si>
    <t>ゆず一味</t>
  </si>
  <si>
    <t>スマートスパイス韓国唐辛子</t>
  </si>
  <si>
    <t>一味唐からし</t>
  </si>
  <si>
    <t>純一味</t>
  </si>
  <si>
    <t>ﾔｹﾞﾝﾎﾞﾘ</t>
  </si>
  <si>
    <t>日本一辛い黄金一味</t>
  </si>
  <si>
    <t>柚子爽一味</t>
  </si>
  <si>
    <t>紅一味</t>
  </si>
  <si>
    <t>日賀志屋国産一味唐からし</t>
  </si>
  <si>
    <t>激辛一味</t>
  </si>
  <si>
    <t>焙煎一味唐からし缶</t>
  </si>
  <si>
    <t>八幡屋礒五郎</t>
  </si>
  <si>
    <t>ﾔﾜﾀﾔｲｿｺﾞﾛｳ</t>
  </si>
  <si>
    <t>七味瓶</t>
  </si>
  <si>
    <t>国産七味唐がらし</t>
  </si>
  <si>
    <t>ゆず七味</t>
  </si>
  <si>
    <t>香り七味</t>
  </si>
  <si>
    <t>ゆず入り七味</t>
  </si>
  <si>
    <t>七味唐からし</t>
  </si>
  <si>
    <t>柚子入り七味唐辛子</t>
  </si>
  <si>
    <t>純七味</t>
  </si>
  <si>
    <t>七味唐辛子瓶</t>
  </si>
  <si>
    <t>日本ケミファ</t>
  </si>
  <si>
    <t>ﾆﾎﾝｹﾐﾌｧ</t>
  </si>
  <si>
    <t>吉野家</t>
  </si>
  <si>
    <t>ﾖｼﾉﾔ</t>
  </si>
  <si>
    <t>祇園味幸祇園七味瓶22g</t>
  </si>
  <si>
    <t>黄金柚子七味</t>
  </si>
  <si>
    <t>七味にんにく</t>
  </si>
  <si>
    <t>ﾊﾔﾁﾈｼｾﾞﾝ</t>
  </si>
  <si>
    <t>日賀志屋国産七味唐からし</t>
  </si>
  <si>
    <t>激辛七味</t>
  </si>
  <si>
    <t>かぐらの里ゆずちゃんゆず入り七味</t>
  </si>
  <si>
    <t>七味唐がらし</t>
  </si>
  <si>
    <t>七味唐辛子缶</t>
  </si>
  <si>
    <t>かぼす本家</t>
  </si>
  <si>
    <t>ｶﾎﾞｽﾎﾝｹ</t>
  </si>
  <si>
    <t>たかのつめ</t>
  </si>
  <si>
    <t>唐辛子鷹の爪</t>
  </si>
  <si>
    <t>唐辛子（サヤ）</t>
  </si>
  <si>
    <t>さや唐辛子</t>
  </si>
  <si>
    <t>鷹の爪カレンダー</t>
  </si>
  <si>
    <t>サヤ唐辛子</t>
  </si>
  <si>
    <t>袋鷹の爪ホール</t>
  </si>
  <si>
    <t>唐辛子（さや）</t>
  </si>
  <si>
    <t>台紙さや唐からし</t>
  </si>
  <si>
    <t>鷹の爪じく付</t>
  </si>
  <si>
    <t>唐がらしタカノ爪</t>
  </si>
  <si>
    <t>唐辛子サヤ</t>
  </si>
  <si>
    <t>ｻﾝｺｳﾌﾞｯｻﾝ</t>
  </si>
  <si>
    <t>鷹の爪とうがらし</t>
  </si>
  <si>
    <t>大辛唐がらし</t>
  </si>
  <si>
    <t>韓国産唐辛子パウダー</t>
  </si>
  <si>
    <t>唐辛子族大辛</t>
  </si>
  <si>
    <t>燻製唐辛子</t>
  </si>
  <si>
    <t>唐がらし族麻辣唐辛子</t>
  </si>
  <si>
    <t>唐がらし族バリ粗唐辛子</t>
  </si>
  <si>
    <t>大辛唐辛子</t>
  </si>
  <si>
    <t>金扇ドロップス工業</t>
  </si>
  <si>
    <t>十味唐　分とく山　十味とうがらし</t>
  </si>
  <si>
    <t>デジタル・ラボラトリー</t>
  </si>
  <si>
    <t>ﾃﾞｼﾞﾀﾙ･ﾗﾎﾞ</t>
  </si>
  <si>
    <t>十味唐　分とく山　十味とうがらし　辛口</t>
  </si>
  <si>
    <t>唐辛子輪切</t>
  </si>
  <si>
    <t>中荒唐辛子</t>
  </si>
  <si>
    <t>輪切唐辛子</t>
  </si>
  <si>
    <t>マルデラン</t>
  </si>
  <si>
    <t>ﾏﾙﾃﾞﾗﾝ</t>
  </si>
  <si>
    <t>練り唐辛子中辛ごま風味瓶入</t>
  </si>
  <si>
    <t>練り唐辛子大辛一味瓶入</t>
  </si>
  <si>
    <t>糸唐辛子</t>
  </si>
  <si>
    <t>一蘭特製赤い秘伝の粉缶</t>
  </si>
  <si>
    <t>唐辛子あらびき</t>
  </si>
  <si>
    <t>唐辛子粉末</t>
  </si>
  <si>
    <t>輪切りとうがらし</t>
  </si>
  <si>
    <t>唐辛子輪切り</t>
  </si>
  <si>
    <t>唐辛子粉末ハバネロ</t>
  </si>
  <si>
    <t>ﾄｳｶﾞﾗｼｺｳｼﾝ</t>
  </si>
  <si>
    <t>唐辛子粉末キャロライナリーパー</t>
  </si>
  <si>
    <t>ﾖｼｵｶｺｳﾘｮｳｹ</t>
  </si>
  <si>
    <t>旬の香り輪切り唐辛子</t>
  </si>
  <si>
    <t>赤唐辛子　ホール</t>
  </si>
  <si>
    <t>赤唐辛子　パウダー</t>
  </si>
  <si>
    <t>菜館　韓国産唐辛子糸切り</t>
  </si>
  <si>
    <t>燃辛唐辛子</t>
  </si>
  <si>
    <t>ザク旨唐辛子</t>
  </si>
  <si>
    <t>RICHHOTガーリック＆チリソース</t>
  </si>
  <si>
    <t>Ｓ缶一味</t>
  </si>
  <si>
    <t>Ｓ缶七味</t>
  </si>
  <si>
    <t>ウマからとうがらし</t>
  </si>
  <si>
    <t>熟成一味とうがらし</t>
  </si>
  <si>
    <t>うま辛とうがらし</t>
  </si>
  <si>
    <t>旭食品　うま辛とうがらし</t>
  </si>
  <si>
    <t>旭食品　柚子とうがらし</t>
  </si>
  <si>
    <t>雲南唐辛子輪切り袋</t>
  </si>
  <si>
    <t>糸切り唐辛子</t>
  </si>
  <si>
    <t>昆布入り唐辛子</t>
  </si>
  <si>
    <t>粗挽きとうがらし瓶</t>
  </si>
  <si>
    <t>ミタカ　トウガラシ</t>
  </si>
  <si>
    <t>ミタカトウガラシ</t>
  </si>
  <si>
    <t>糸とうがらし</t>
  </si>
  <si>
    <t>小袋_一味</t>
  </si>
  <si>
    <t>漬物用唐辛子</t>
  </si>
  <si>
    <t>極細輪切とうがらし</t>
  </si>
  <si>
    <t>桃屋のおいしい唐がらしソース</t>
  </si>
  <si>
    <t>鬼びっくり粗挽とうがらし卓上</t>
  </si>
  <si>
    <t>ゆず唐がらし</t>
  </si>
  <si>
    <t>粉唐辛子チャック付き</t>
  </si>
  <si>
    <t>ねりとうがらしにんにく入り</t>
  </si>
  <si>
    <t>特選輪切とうがらし</t>
  </si>
  <si>
    <t>粗挽唐辛子</t>
  </si>
  <si>
    <t>房唐辛子</t>
  </si>
  <si>
    <t>馬路村ぱっと馬路村瓶25g</t>
  </si>
  <si>
    <t>唐辛子荒切</t>
  </si>
  <si>
    <t>かんずり小瓶</t>
  </si>
  <si>
    <t>かんずり</t>
  </si>
  <si>
    <t>ｶﾝｽﾞﾘ</t>
  </si>
  <si>
    <t>韓国唐辛子細</t>
  </si>
  <si>
    <t>韓国唐辛子中粗</t>
  </si>
  <si>
    <t>韓国料理用とうがらし細挽</t>
  </si>
  <si>
    <t>韓国料理用とうがらし中荒</t>
  </si>
  <si>
    <t>荒切唐辛子</t>
  </si>
  <si>
    <t>荒切りとうがらし</t>
  </si>
  <si>
    <t>粉わさび・粉からし・粉生姜</t>
  </si>
  <si>
    <t>粉わさび</t>
  </si>
  <si>
    <t>粉わさび缶</t>
  </si>
  <si>
    <t>粉わさび袋</t>
  </si>
  <si>
    <t>マルコポーロ粉わさび</t>
  </si>
  <si>
    <t>風車粉わさび</t>
  </si>
  <si>
    <t>小袋　粉わさび</t>
  </si>
  <si>
    <t>粉わさび浜</t>
  </si>
  <si>
    <t>かねく粉わさび</t>
  </si>
  <si>
    <t>カネク</t>
  </si>
  <si>
    <t>ｶﾈｸ</t>
  </si>
  <si>
    <t>粉からし</t>
  </si>
  <si>
    <t>辛子缶</t>
  </si>
  <si>
    <t>からし缶</t>
  </si>
  <si>
    <t>マルコポーロ洋からし</t>
  </si>
  <si>
    <t>マルコポーロからし</t>
  </si>
  <si>
    <t>漬物やおでんに合う辛さひきたつ和からし</t>
  </si>
  <si>
    <t>練からし</t>
  </si>
  <si>
    <t>からし袋入り</t>
  </si>
  <si>
    <t>風車洋からし</t>
  </si>
  <si>
    <t>からし袋</t>
  </si>
  <si>
    <t>小袋洋からし</t>
  </si>
  <si>
    <t>鬼からし</t>
  </si>
  <si>
    <t>からし粉</t>
  </si>
  <si>
    <t>豊田物産</t>
  </si>
  <si>
    <t>ﾄﾖﾀﾌﾞｯｻﾝ</t>
  </si>
  <si>
    <t>ｶﾐﾑﾗﾔ</t>
  </si>
  <si>
    <t>新与からし</t>
  </si>
  <si>
    <t>ｼﾝﾖｶﾗｼ</t>
  </si>
  <si>
    <t>くちなしの実</t>
  </si>
  <si>
    <t>くちなしの実カレンダ-</t>
  </si>
  <si>
    <t>くちなしの実カレンダー</t>
  </si>
  <si>
    <t>クチナシノミ</t>
  </si>
  <si>
    <t>黒ごま塩</t>
  </si>
  <si>
    <t>梅ごま塩　</t>
  </si>
  <si>
    <t>ミル付き岩塩瓶</t>
  </si>
  <si>
    <t>燻製岩塩</t>
  </si>
  <si>
    <t>ハーブピンク岩塩ビーフ専用</t>
  </si>
  <si>
    <t>ハーブピンク岩塩チキン専用</t>
  </si>
  <si>
    <t>ハーブピンク岩塩シーフード用</t>
  </si>
  <si>
    <t>ソルトカンパニー　ピンク岩塩ミル付１００ｇ</t>
  </si>
  <si>
    <t>岩塩ミル詰替用</t>
  </si>
  <si>
    <t>スマートスパイス卵用スパイス</t>
  </si>
  <si>
    <t>Dipittホットペッパーソース</t>
  </si>
  <si>
    <t>老騾子朝天辣椒豆板醤</t>
  </si>
  <si>
    <t>ﾄﾓﾏｽﾎﾞｳｴｷ</t>
  </si>
  <si>
    <t>ドバドバイ</t>
  </si>
  <si>
    <t>老騾子豆鼓朝天辣椒トウシ入り辛味調味料</t>
  </si>
  <si>
    <t>老騾子豆板朝天辣椒大豆入り辛味調味料</t>
  </si>
  <si>
    <t>ﾄﾓﾏｽ</t>
  </si>
  <si>
    <t>旬の香り　有機きざみねぎ</t>
  </si>
  <si>
    <t>旬の香り有機あさつき</t>
  </si>
  <si>
    <t>1g</t>
  </si>
  <si>
    <t>ミツバ</t>
  </si>
  <si>
    <t>0.8g</t>
  </si>
  <si>
    <t>香辛料セット</t>
  </si>
  <si>
    <t>まろやかからし</t>
  </si>
  <si>
    <t>菜館_松の実</t>
  </si>
  <si>
    <t>菜館ふかひれ</t>
  </si>
  <si>
    <t>RICHHOTトマト＆オニオンソース</t>
  </si>
  <si>
    <t>粗きざみやくみミックス</t>
  </si>
  <si>
    <t>赤から監修赤からファイヤー</t>
  </si>
  <si>
    <t>こーれーぐーす</t>
  </si>
  <si>
    <t>ｵｷﾅﾜｹﾝﾌﾞｯｻ</t>
  </si>
  <si>
    <t>洋風</t>
  </si>
  <si>
    <t>洋風瓶低価格</t>
  </si>
  <si>
    <t>ブラックペパー</t>
  </si>
  <si>
    <t>スマートスパイスブラックペッパー</t>
  </si>
  <si>
    <t>スマートスパイスブラックペッパーあらびき</t>
  </si>
  <si>
    <t>ツミタテローズマリー</t>
  </si>
  <si>
    <t>ツミタテノカオリ・セージＦＤ</t>
  </si>
  <si>
    <t>1.8g</t>
  </si>
  <si>
    <t>あらびきブラックペパー</t>
  </si>
  <si>
    <t>ブラックペパーパウダー</t>
  </si>
  <si>
    <t>ホワイトペパー</t>
  </si>
  <si>
    <t>スマートスパイスホワイトペッパー</t>
  </si>
  <si>
    <t>ﾊﾞﾘｭｰｽﾊﾟｲｽ_ホワイトペッパー</t>
  </si>
  <si>
    <t>ﾊﾞﾘｭｰｽﾊﾟｲｽ_シナモン</t>
  </si>
  <si>
    <t>スマートスパイスシナモン</t>
  </si>
  <si>
    <t>純シナモン</t>
  </si>
  <si>
    <t>ナツメグ</t>
  </si>
  <si>
    <t>ﾊﾞﾘｭｰｽﾊﾟｲｽ_ナツメッグ</t>
  </si>
  <si>
    <t>スマートスパイスナツメッグ</t>
  </si>
  <si>
    <t>ツミタテイタリアンパセリ</t>
  </si>
  <si>
    <t>純ナツメグ</t>
  </si>
  <si>
    <t>スマートスパイスバジル</t>
  </si>
  <si>
    <t>ﾊﾞﾘｭｰｽﾊﾟｲｽ_バジル</t>
  </si>
  <si>
    <t>ツミタテスィートバジル</t>
  </si>
  <si>
    <t>純バジル</t>
  </si>
  <si>
    <t>パセリ</t>
  </si>
  <si>
    <t>スマートスパイスパセリ</t>
  </si>
  <si>
    <t>2.1g</t>
  </si>
  <si>
    <t>ﾊﾞﾘｭｰｽﾊﾟｲｽ_パセリ</t>
  </si>
  <si>
    <t>ツミタテオレガノ</t>
  </si>
  <si>
    <t>1.9g</t>
  </si>
  <si>
    <t>純パセリ</t>
  </si>
  <si>
    <t>クミン</t>
  </si>
  <si>
    <t>スパイスクミン</t>
  </si>
  <si>
    <t>スマートスパイス　クミンシード</t>
  </si>
  <si>
    <t>ﾊﾞﾘｭｰｽﾊﾟｲｽ_クミン</t>
  </si>
  <si>
    <t>ターメリック</t>
  </si>
  <si>
    <t>ﾊﾞﾘｭｰｽﾊﾟｲｽ_ターメリック</t>
  </si>
  <si>
    <t>スマートスパイスターメリック</t>
  </si>
  <si>
    <t>純ウコン</t>
  </si>
  <si>
    <t>ガラムマサラ</t>
  </si>
  <si>
    <t>ﾊﾞﾘｭｰｽﾊﾟｲｽ_ガラムマサラ</t>
  </si>
  <si>
    <t>スマートスパイスガラムマサラ</t>
  </si>
  <si>
    <t>久星食品</t>
  </si>
  <si>
    <t>純ガラムマサラ</t>
  </si>
  <si>
    <t>オールスパイス</t>
  </si>
  <si>
    <t>スマートスパイスオールスパイ</t>
  </si>
  <si>
    <t>ﾊﾞﾘｭｰｽﾊﾟｲｽ_シナモンシュガー</t>
  </si>
  <si>
    <t>スマートスパイスシナモンシュガー</t>
  </si>
  <si>
    <t>コリアンダー</t>
  </si>
  <si>
    <t>スマートスパイスコリアンダー</t>
  </si>
  <si>
    <t>パプリカ</t>
  </si>
  <si>
    <t>ﾊﾞﾘｭｰｽﾊﾟｲｽ_パプリカ</t>
  </si>
  <si>
    <t>ツミタテタイム</t>
  </si>
  <si>
    <t>1.6g</t>
  </si>
  <si>
    <t>スマートパプリカ</t>
  </si>
  <si>
    <t>クリタック</t>
  </si>
  <si>
    <t>オレガノ</t>
  </si>
  <si>
    <t>スマートスパイスオレガノ</t>
  </si>
  <si>
    <t>クマガエ</t>
  </si>
  <si>
    <t>純オレガノ</t>
  </si>
  <si>
    <t>ﾊﾞﾘｭｰｽﾊﾟｲｽ_あらびきガーリック</t>
  </si>
  <si>
    <t>スマートスパイススパイスガーリックあらびき</t>
  </si>
  <si>
    <t>スマートローストガーリック</t>
  </si>
  <si>
    <t>レッドペパー</t>
  </si>
  <si>
    <t>ﾊﾞﾘｭｰｽﾊﾟｲｽ_チリーペッパー</t>
  </si>
  <si>
    <t>スマートスパイス　チリペッパー</t>
  </si>
  <si>
    <t>純チリペッパー</t>
  </si>
  <si>
    <t>スマートスパイスしょうが顆粒</t>
  </si>
  <si>
    <t>ﾊﾞﾘｭｰｽﾊﾟｲｽ_オレガノ</t>
  </si>
  <si>
    <t>ﾊﾞﾘｭｰｽﾊﾟｲｽ_しょうが_顆粒</t>
  </si>
  <si>
    <t>スマートスパイスローズマリー</t>
  </si>
  <si>
    <t>4.2g</t>
  </si>
  <si>
    <t>スマートスパイス_タイム</t>
  </si>
  <si>
    <t>ジンジャードライミックス</t>
  </si>
  <si>
    <t>洋風瓶中高価格</t>
  </si>
  <si>
    <t>ブラックペッパーパウダー</t>
  </si>
  <si>
    <t>ブラックペッパーあらびき</t>
  </si>
  <si>
    <t>ブラックペッパーホール</t>
  </si>
  <si>
    <t>ギャバンあらびきブラックペパーパウダー</t>
  </si>
  <si>
    <t>ギャバン大粗ブラックペパー</t>
  </si>
  <si>
    <t>ギャバンブラックペパー</t>
  </si>
  <si>
    <t>ギャバンブラックペパーホール</t>
  </si>
  <si>
    <t>ミル付きブラックペッパー</t>
  </si>
  <si>
    <t>燻製あらびきブラックペッパー</t>
  </si>
  <si>
    <t>ブラックペッパー</t>
  </si>
  <si>
    <t>ﾊﾞﾘｭｰｽﾊﾟｲｽ_ブラックペッパーあらびき</t>
  </si>
  <si>
    <t>ﾊﾞﾘｭｰｽﾊﾟｲｽ_ブラックペッパー</t>
  </si>
  <si>
    <t>ミルツキブラックペパー</t>
  </si>
  <si>
    <t>挽きたてあらびきブラックペッ</t>
  </si>
  <si>
    <t>ブラックペッパーホールミル付</t>
  </si>
  <si>
    <t>ソルトカンパニー　ブラックペッパー45ｇ</t>
  </si>
  <si>
    <t>スティックスパイスブラックペッパーあらびき</t>
  </si>
  <si>
    <t>ミル付ブラックペッパー</t>
  </si>
  <si>
    <t>ＭＣ　　ブラックペパー</t>
  </si>
  <si>
    <t>ホワイトペッパーパウダー</t>
  </si>
  <si>
    <t>ホワイトペッパーホール</t>
  </si>
  <si>
    <t>ギャバンホワイトペパー</t>
  </si>
  <si>
    <t>ギャバンホワイトペパーホール</t>
  </si>
  <si>
    <t>ホワイトペッパー</t>
  </si>
  <si>
    <t>ミル付きホワイトペッパー</t>
  </si>
  <si>
    <t>シナモンパウダー</t>
  </si>
  <si>
    <t>シナモンスティック</t>
  </si>
  <si>
    <t>ギャバンシナモンパウダー</t>
  </si>
  <si>
    <t>シナモン（２１）瓶</t>
  </si>
  <si>
    <t>ギャバンシナモンスティックカシアホール</t>
  </si>
  <si>
    <t>ナツメッグ</t>
  </si>
  <si>
    <t>ギャバンナツメグパウダー</t>
  </si>
  <si>
    <t>ナツメグ（２１）</t>
  </si>
  <si>
    <t>ギャバンスイートバジルフリーズドライ</t>
  </si>
  <si>
    <t>ギャバンバジルホール</t>
  </si>
  <si>
    <t>パウダーＳバジル</t>
  </si>
  <si>
    <t>ハーブ　スィートバジル</t>
  </si>
  <si>
    <t>ギャバンパセリホール</t>
  </si>
  <si>
    <t>ギャバンパセリフリーズドライ</t>
  </si>
  <si>
    <t>ハーブ　イタリアンパセリ</t>
  </si>
  <si>
    <t>クミンパウダー</t>
  </si>
  <si>
    <t>クミンシード</t>
  </si>
  <si>
    <t>ギャバンクミンホール</t>
  </si>
  <si>
    <t>ギャバンクミンパウダー</t>
  </si>
  <si>
    <t>ギャバンターメリックパウダー</t>
  </si>
  <si>
    <t>鈴木商会</t>
  </si>
  <si>
    <t>カレー屋さんターメリック</t>
  </si>
  <si>
    <t>ギャバンガラムマサラパウダー</t>
  </si>
  <si>
    <t>オールスパイスパウダー</t>
  </si>
  <si>
    <t>ギャバンオールスパイスホール</t>
  </si>
  <si>
    <t>ギャバンオールスパイスパウダー</t>
  </si>
  <si>
    <t>エイコー</t>
  </si>
  <si>
    <t>セレクテツドＰ　オ－ルスパイス</t>
  </si>
  <si>
    <t>純オールスパイス</t>
  </si>
  <si>
    <t>ギャバンシナモンシュガー</t>
  </si>
  <si>
    <t>スパイス・クミン</t>
  </si>
  <si>
    <t>コリアンダーパウダー</t>
  </si>
  <si>
    <t>ギャバンコリアンダーホール</t>
  </si>
  <si>
    <t>ギャバンコリアンダーパウダー</t>
  </si>
  <si>
    <t>ギャバンパプリカパウダー</t>
  </si>
  <si>
    <t>純パプリカ</t>
  </si>
  <si>
    <t>スモークパプリカ</t>
  </si>
  <si>
    <t>ギャバンオレガノホール</t>
  </si>
  <si>
    <t>ハーブ　オレガノ</t>
  </si>
  <si>
    <t>ガーリックあらびき</t>
  </si>
  <si>
    <t>ローストガーリックあらびき</t>
  </si>
  <si>
    <t>ギャバンあらびきガーリック</t>
  </si>
  <si>
    <t>カレー屋さんガーリック</t>
  </si>
  <si>
    <t>チリペッパーパウダー</t>
  </si>
  <si>
    <t>チリペッパー（荒挽き）</t>
  </si>
  <si>
    <t>レッドペッパーパウダー</t>
  </si>
  <si>
    <t>ギャバンあらびきチリペパー</t>
  </si>
  <si>
    <t>ギャバンレッドペパー</t>
  </si>
  <si>
    <t>ギャバンカイエンペパーNP</t>
  </si>
  <si>
    <t>Ｐスパイスチリペッパー</t>
  </si>
  <si>
    <t>ローリエ</t>
  </si>
  <si>
    <t>ギャバンローリエホール</t>
  </si>
  <si>
    <t>ローレルパウダー</t>
  </si>
  <si>
    <t>ハーブローレルホール</t>
  </si>
  <si>
    <t>ローレルビン（１８）</t>
  </si>
  <si>
    <t>ローレル</t>
  </si>
  <si>
    <t>カルダモン</t>
  </si>
  <si>
    <t>カルダモンパウダー</t>
  </si>
  <si>
    <t>ギャバンカルダモンホール</t>
  </si>
  <si>
    <t>ギャバンカルダモン瓶</t>
  </si>
  <si>
    <t>花椒</t>
  </si>
  <si>
    <t>ギャバン花椒塩</t>
  </si>
  <si>
    <t>ギャバン花椒ホール</t>
  </si>
  <si>
    <t>ギャバン花椒</t>
  </si>
  <si>
    <t>ローズマリー</t>
  </si>
  <si>
    <t>ギャバンローズマリーフリーズドライ</t>
  </si>
  <si>
    <t>ギャバンローズマリーホール</t>
  </si>
  <si>
    <t>ローズマリーホール</t>
  </si>
  <si>
    <t>ハーブ　ローズマリー</t>
  </si>
  <si>
    <t>サフラン</t>
  </si>
  <si>
    <t>ギャバンサフランホール</t>
  </si>
  <si>
    <t>0.4g</t>
  </si>
  <si>
    <t>ホールサフラン</t>
  </si>
  <si>
    <t>クローブ</t>
  </si>
  <si>
    <t>ギャバンクローブパウダー</t>
  </si>
  <si>
    <t>クローブホール</t>
  </si>
  <si>
    <t>ギャバンクローブホール</t>
  </si>
  <si>
    <t>セレクテッド、クローブ</t>
  </si>
  <si>
    <t>スマートスパイスクローブ</t>
  </si>
  <si>
    <t>タイム</t>
  </si>
  <si>
    <t>ギャバンタイムパウダー</t>
  </si>
  <si>
    <t>タイムパウダー</t>
  </si>
  <si>
    <t>タイムホール</t>
  </si>
  <si>
    <t>ギャバンタイムホール</t>
  </si>
  <si>
    <t>Ｐスパイス　タイム</t>
  </si>
  <si>
    <t>ギャバンタイム</t>
  </si>
  <si>
    <t>ハーブ　タイム</t>
  </si>
  <si>
    <t>チリパウダー</t>
  </si>
  <si>
    <t>ギャバンチリパウダー</t>
  </si>
  <si>
    <t>S＆Bチリパウダー</t>
  </si>
  <si>
    <t>スマートスパイスチリパウダー</t>
  </si>
  <si>
    <t>Ｐスパイスチリパウダー</t>
  </si>
  <si>
    <t>スターアニス</t>
  </si>
  <si>
    <t>ギャバンスターアニスホール</t>
  </si>
  <si>
    <t>ギャバンタラゴンホール</t>
  </si>
  <si>
    <t>ギャバン五香粉パウダー</t>
  </si>
  <si>
    <t>ギャバンスイートバジルシード</t>
  </si>
  <si>
    <t>ギャバンバニラビーンズホール2本</t>
  </si>
  <si>
    <t>ギャバンレモングラスホール</t>
  </si>
  <si>
    <t>ギャバングリーンペパーホールN</t>
  </si>
  <si>
    <t>キャラウェイシード</t>
  </si>
  <si>
    <t>ジンジャーパウダー</t>
  </si>
  <si>
    <t>バニラビーンズ</t>
  </si>
  <si>
    <t>ハバネロペッパー</t>
  </si>
  <si>
    <t>ハラペーニョペッパーパウダー</t>
  </si>
  <si>
    <t>香菜</t>
  </si>
  <si>
    <t>ギャバンピンクペパーホール</t>
  </si>
  <si>
    <t>ギャバンマスタードシードホール</t>
  </si>
  <si>
    <t>ギャバンイタリアンハーブミックスフリーズドライ</t>
  </si>
  <si>
    <t>ギャバンピクリングスパイスホール</t>
  </si>
  <si>
    <t>ギャバンジンジャーパウダー</t>
  </si>
  <si>
    <t>ギャバンカラフルペパーホール</t>
  </si>
  <si>
    <t>ギャバンセージホール</t>
  </si>
  <si>
    <t>セージホール</t>
  </si>
  <si>
    <t>ペパーミント</t>
  </si>
  <si>
    <t>レモングラス</t>
  </si>
  <si>
    <t>ヒハツパウダー</t>
  </si>
  <si>
    <t>ギャバンマジョラムホール</t>
  </si>
  <si>
    <t>ギャバンペパーミントホール</t>
  </si>
  <si>
    <t>ギャバンディルホール</t>
  </si>
  <si>
    <t>ギャバンキャラウェイホール</t>
  </si>
  <si>
    <t>ギャバンポピーホール</t>
  </si>
  <si>
    <t>ギャバンフエンネルNP</t>
  </si>
  <si>
    <t>スマートスパイス肉用スパイス</t>
  </si>
  <si>
    <t>Ｐスパイス　サボリー</t>
  </si>
  <si>
    <t>Ｐスパイス　セージ</t>
  </si>
  <si>
    <t>スマートスパイスローストオニ</t>
  </si>
  <si>
    <t>ローストオニオン</t>
  </si>
  <si>
    <t>スマートスパイス　香菜</t>
  </si>
  <si>
    <t>ミル付きペッパーミックス</t>
  </si>
  <si>
    <t>ギャバンハラペーニョペパー</t>
  </si>
  <si>
    <t>ギャバンフェヌグリーク</t>
  </si>
  <si>
    <t>ギャバン香菜パクチーホール</t>
  </si>
  <si>
    <t>ロングペパーヒハツ</t>
  </si>
  <si>
    <t>かめや製菓</t>
  </si>
  <si>
    <t>純オニオン</t>
  </si>
  <si>
    <t>ローステッドペッパー</t>
  </si>
  <si>
    <t>チリ＆カーリックスパイス（ミル付き）</t>
  </si>
  <si>
    <t>シーウィングス　しょうがパウダー</t>
  </si>
  <si>
    <t>ハーブ　セージ</t>
  </si>
  <si>
    <t>0.6g</t>
  </si>
  <si>
    <t>ハーブ　フレンチタラゴン</t>
  </si>
  <si>
    <t>ハーブ　マジョラム</t>
  </si>
  <si>
    <t>ハーブ　スペアミント</t>
  </si>
  <si>
    <t>菜館_くらげ</t>
  </si>
  <si>
    <t>粗切りピクルス</t>
  </si>
  <si>
    <t>洋風袋</t>
  </si>
  <si>
    <t>ギャバンブラックペパーホール袋</t>
  </si>
  <si>
    <t>ギャバン粗挽ブラックペパー袋</t>
  </si>
  <si>
    <t>袋入ブラックペッパーホール</t>
  </si>
  <si>
    <t>袋入ブラックペッパーパウダー</t>
  </si>
  <si>
    <t>袋入ブラックペッパーあらびき</t>
  </si>
  <si>
    <t>袋入りブラックペッパー</t>
  </si>
  <si>
    <t>袋入りホワイトペッパーホール</t>
  </si>
  <si>
    <t>白コショウホール</t>
  </si>
  <si>
    <t>ギャバンシナモン</t>
  </si>
  <si>
    <t>ミニパック　シナモンスティック</t>
  </si>
  <si>
    <t>スティックスパイスシナモン</t>
  </si>
  <si>
    <t>ギャバンシナモンスティックカシア袋</t>
  </si>
  <si>
    <t>ギャバンナツメグパウダー袋</t>
  </si>
  <si>
    <t>GABANナツメグ袋</t>
  </si>
  <si>
    <t>ギャバンバジル袋</t>
  </si>
  <si>
    <t>ギャバンバジルホール袋</t>
  </si>
  <si>
    <t>袋入りバジル</t>
  </si>
  <si>
    <t>袋入りスイートバジル</t>
  </si>
  <si>
    <t>スティックスパイスバジル</t>
  </si>
  <si>
    <t>ギャバンパセリホール袋</t>
  </si>
  <si>
    <t>ギャバンパセリ袋</t>
  </si>
  <si>
    <t>袋入りパセリ</t>
  </si>
  <si>
    <t>袋入りイタリアンパセリ</t>
  </si>
  <si>
    <t>スティックスパイスパセリ</t>
  </si>
  <si>
    <t>ミニパック　クミン</t>
  </si>
  <si>
    <t>1.4g</t>
  </si>
  <si>
    <t>ミニパック　クミン　ホール</t>
  </si>
  <si>
    <t>スティックスパイスクミン</t>
  </si>
  <si>
    <t>5.1g</t>
  </si>
  <si>
    <t>GABANクミンホール袋</t>
  </si>
  <si>
    <t>GABANクミン</t>
  </si>
  <si>
    <t>袋入りターメリック</t>
  </si>
  <si>
    <t>スティックスパイスターメリック</t>
  </si>
  <si>
    <t>GABANターメリック袋</t>
  </si>
  <si>
    <t>ギャバンガラムマサラ袋</t>
  </si>
  <si>
    <t>スティックスパイスガラムマサラ</t>
  </si>
  <si>
    <t>ミニパック　コリアンダー</t>
  </si>
  <si>
    <t>1.3g</t>
  </si>
  <si>
    <t>スティックスパイスコリアンダー</t>
  </si>
  <si>
    <t>GABANコリアンダー袋</t>
  </si>
  <si>
    <t>袋入りパプリカ</t>
  </si>
  <si>
    <t>スティックスパイスパプリカ</t>
  </si>
  <si>
    <t>スティックスパイスオレガノ</t>
  </si>
  <si>
    <t>スティックスパイスガーリックあらびき</t>
  </si>
  <si>
    <t>ギャバンガーリックスライス</t>
  </si>
  <si>
    <t>ギャバンローリエ袋</t>
  </si>
  <si>
    <t>純ローレル</t>
  </si>
  <si>
    <t>菜館　月桂樹の葉</t>
  </si>
  <si>
    <t>ローレル袋</t>
  </si>
  <si>
    <t>ローレル　フクロイリ</t>
  </si>
  <si>
    <t>ローレル_ハ</t>
  </si>
  <si>
    <t>ベイリーブスホウル袋</t>
  </si>
  <si>
    <t>ミニパック　カルダモン</t>
  </si>
  <si>
    <t>1.7g</t>
  </si>
  <si>
    <t>ミニパック　カルダモン　ホール</t>
  </si>
  <si>
    <t>GABANカルダモンホール袋</t>
  </si>
  <si>
    <t>GABANカルダモン袋</t>
  </si>
  <si>
    <t>ミニパック　花椒</t>
  </si>
  <si>
    <t>ギャバンローズマリー袋</t>
  </si>
  <si>
    <t>袋入りローズマリー</t>
  </si>
  <si>
    <t>ミニパックサフランホール</t>
  </si>
  <si>
    <t>0.1g</t>
  </si>
  <si>
    <t>GABANサフランホール</t>
  </si>
  <si>
    <t>ミニパック　クローブ　ホール</t>
  </si>
  <si>
    <t>ミニパック　タイム　ホール</t>
  </si>
  <si>
    <t>0.7g</t>
  </si>
  <si>
    <t>スティックスパイスチリパウダー</t>
  </si>
  <si>
    <t>ミニパック　スターアニス（八角茴香）　ホール</t>
  </si>
  <si>
    <t>2.4g</t>
  </si>
  <si>
    <t>ギャバンブーケガルニホール袋</t>
  </si>
  <si>
    <t>ミニパック　ジンジャー</t>
  </si>
  <si>
    <t>ミニパック　五香粉</t>
  </si>
  <si>
    <t>ミニパック　セージ</t>
  </si>
  <si>
    <t>1.1g</t>
  </si>
  <si>
    <t>ミニパックピンクペパーホール</t>
  </si>
  <si>
    <t>ミニパック　ピクリングスパイス　ホール</t>
  </si>
  <si>
    <t>ブーケガルニ</t>
  </si>
  <si>
    <t>ペッパーミックス</t>
  </si>
  <si>
    <t>GABANマーガオホール</t>
  </si>
  <si>
    <t>GABANピンクペパーホール袋</t>
  </si>
  <si>
    <t>GABANロングペパーヒハツ袋</t>
  </si>
  <si>
    <t>GABANセイロンシナモン袋</t>
  </si>
  <si>
    <t>洋風缶</t>
  </si>
  <si>
    <t>ブラックペッパー粗挽</t>
  </si>
  <si>
    <t>ギャバンブラックペッパー缶</t>
  </si>
  <si>
    <t>Ｓ缶ブラックペッパー</t>
  </si>
  <si>
    <t>ブラックペッパーあらびきＭ</t>
  </si>
  <si>
    <t>S缶ブラックペッパーあらびき</t>
  </si>
  <si>
    <t>ﾌﾞﾗｯｸﾍﾟｯﾊﾟｰあらびき缶</t>
  </si>
  <si>
    <t>ギャバンホワイトペッパー缶</t>
  </si>
  <si>
    <t>ホワイトペッパーパウダーＭ</t>
  </si>
  <si>
    <t>シナモン缶</t>
  </si>
  <si>
    <t>シナモンシュガー缶</t>
  </si>
  <si>
    <t>ギャバンパセリホール缶</t>
  </si>
  <si>
    <t>Ｓ缶ガーリック</t>
  </si>
  <si>
    <t>Ｓ缶パセリ</t>
  </si>
  <si>
    <t>ガラムマサラ缶入</t>
  </si>
  <si>
    <t>洋風オーガニック</t>
  </si>
  <si>
    <t>ORGANICSPICE有機ガーリックあらびき</t>
  </si>
  <si>
    <t>ORGANICSPICE有機シナモンパウダー</t>
  </si>
  <si>
    <t>ORGANICSPICE有機ターメリック&lt;うこん&gt;パウダー</t>
  </si>
  <si>
    <t>ORGANICSPICE有機ナツメッグパウダー</t>
  </si>
  <si>
    <t>ORGANICSPICE有機バジル</t>
  </si>
  <si>
    <t>ORGANICSPICE有機パセリ</t>
  </si>
  <si>
    <t>ORGANICSPICE有機ブラックペッパーホール</t>
  </si>
  <si>
    <t>ORGANICSPICE有機ブラックパウダー</t>
  </si>
  <si>
    <t>ORGANICSPICE有機ローレル</t>
  </si>
  <si>
    <t>簡単調理</t>
  </si>
  <si>
    <t>惣菜の素その他</t>
  </si>
  <si>
    <t>ふんわりおじや和風</t>
  </si>
  <si>
    <t>李錦記やわらかチャーシューの素</t>
  </si>
  <si>
    <t>香味野菜のゴマ味噌ぞうすい</t>
  </si>
  <si>
    <t>旬菜まんま亭　とろろ</t>
  </si>
  <si>
    <t>旬菜まんま亭揚げ茄子おろし和え</t>
  </si>
  <si>
    <t>旬菜まんま亭　ねばねば和え</t>
  </si>
  <si>
    <t>ちゃんちゃん焼きの素</t>
  </si>
  <si>
    <t>2人前2袋入</t>
  </si>
  <si>
    <t>北海道アイ</t>
  </si>
  <si>
    <t>ﾎｯｶｲﾄﾞｳｱｲ</t>
  </si>
  <si>
    <t>お肉ごろごろ炭火やきとり丼の具</t>
  </si>
  <si>
    <t>宮崎牛おにぎり1個入</t>
  </si>
  <si>
    <t>ウチノ　国産鶏サラダチキン　プレーン　１００ｇ</t>
  </si>
  <si>
    <t>ウチノ　国産鶏サラダチキン　カレー　１００ｇ</t>
  </si>
  <si>
    <t>鶏サラダチキンブラックペッパー＆ガーリック</t>
  </si>
  <si>
    <t>ウチノ　国産鶏サラダチキン長ねぎ生姜　１００ｇ</t>
  </si>
  <si>
    <t>素材牛すじこん煮</t>
  </si>
  <si>
    <t>豚の角煮</t>
  </si>
  <si>
    <t>照り焼きチキン</t>
  </si>
  <si>
    <t>1切れ</t>
  </si>
  <si>
    <t>煮込みハンバーグ豆腐入り</t>
  </si>
  <si>
    <t>ウチノ</t>
  </si>
  <si>
    <t>ｳﾁﾉ</t>
  </si>
  <si>
    <t>鮭の塩焼き</t>
  </si>
  <si>
    <t>さばの煮つけ</t>
  </si>
  <si>
    <t>内野家牛丼の具</t>
  </si>
  <si>
    <t>国産素材ごぼうと牛肉のしぐれ煮</t>
  </si>
  <si>
    <t>国産素材竹の子と野菜の炊き合わせ</t>
  </si>
  <si>
    <t>国産素材筑前煮</t>
  </si>
  <si>
    <t>国産素材肉じゃが</t>
  </si>
  <si>
    <t>国産素材ひじき五目煮</t>
  </si>
  <si>
    <t>国産素材鶏と大豆の旨煮</t>
  </si>
  <si>
    <t>国産素材具たくさん卯の花</t>
  </si>
  <si>
    <t>国産素材千切り大根煮</t>
  </si>
  <si>
    <t>今日の大皿豚バラ大根用</t>
  </si>
  <si>
    <t>今日の大皿　塩鶏じゃが用</t>
  </si>
  <si>
    <t>今日の大皿　牛エリンギ用</t>
  </si>
  <si>
    <t>今日の大皿　カリバタ鶏用</t>
  </si>
  <si>
    <t>今日の大皿　牛皿</t>
  </si>
  <si>
    <t>今日の大皿　豚テキ</t>
  </si>
  <si>
    <t>今日の大皿　タンドリー鶏</t>
  </si>
  <si>
    <t>今日の大皿　はちみつ生姜焼</t>
  </si>
  <si>
    <t>今日の大皿肉みそキャベツ用</t>
  </si>
  <si>
    <t>今日の大皿豚バラなす用</t>
  </si>
  <si>
    <t>今日の大皿ガリバタ鶏用</t>
  </si>
  <si>
    <t>今日の大皿豚バラ白菜用</t>
  </si>
  <si>
    <t>今日の大皿味しみ肉豆腐用</t>
  </si>
  <si>
    <t>きょうの大皿鮭バター醤油用</t>
  </si>
  <si>
    <t>85Ｇ</t>
  </si>
  <si>
    <t>クックドウ大皿肉みそキャベツ用2人前</t>
  </si>
  <si>
    <t>クックドウ大皿1豚バラなす2人前</t>
  </si>
  <si>
    <t>クックドゥおかずごはん豚おこわ飯</t>
  </si>
  <si>
    <t>クックドウ大皿豚バラ大根2人前</t>
  </si>
  <si>
    <t>ＣｏｏｋＤｏ　きょうの大皿　豚ひきもやし用　９０ｇ</t>
  </si>
  <si>
    <t>今日の大皿甘酢あん用</t>
  </si>
  <si>
    <t>今日の大皿肉みそ大根用</t>
  </si>
  <si>
    <t>クックドウ大皿鶏肉となすの甘酢炒め用</t>
  </si>
  <si>
    <t>今日の大皿豚キャベツ用</t>
  </si>
  <si>
    <t>今日の大皿豚バラピーマン用</t>
  </si>
  <si>
    <t>CookDoきょうの大皿鶏手羽じゃが用</t>
  </si>
  <si>
    <t>CookDoきょうの大皿肉そぼろ豆腐</t>
  </si>
  <si>
    <t>CookDoきょうの大皿白菜ひき肉用</t>
  </si>
  <si>
    <t>CookDoきょうの大皿52海老ブロッコリー</t>
  </si>
  <si>
    <t>今日の大皿豚もやし用</t>
  </si>
  <si>
    <t>CookDoきょうの大皿62鶏ももなす用</t>
  </si>
  <si>
    <t>CookDoきょうの大皿豚ほうれん草用</t>
  </si>
  <si>
    <t>CookDoきょうの大皿厚揚げそぼろ煮用</t>
  </si>
  <si>
    <t>カレーウドンノモト</t>
  </si>
  <si>
    <t>こばらキムチ雑炊の素</t>
  </si>
  <si>
    <t>10.4g×2</t>
  </si>
  <si>
    <t>ビビンバゴハン</t>
  </si>
  <si>
    <t>パエリアゴハン</t>
  </si>
  <si>
    <t>こばらさけ雑炊の素</t>
  </si>
  <si>
    <t>こばらかに雑炊の素</t>
  </si>
  <si>
    <t>穀物充実_十八穀ごはんの素</t>
  </si>
  <si>
    <t>穀物充実国産十八穀ごはんの素</t>
  </si>
  <si>
    <t>穀物充実五穀赤飯の素</t>
  </si>
  <si>
    <t>1605g</t>
  </si>
  <si>
    <t>朝の速ごはんほぐし鶏と生姜ごはん</t>
  </si>
  <si>
    <t>かにぞうすいの素</t>
  </si>
  <si>
    <t>さけぞうすいの素</t>
  </si>
  <si>
    <t>しじみぞうすいの素</t>
  </si>
  <si>
    <t>ほうれん草のごま和え</t>
  </si>
  <si>
    <t>玉子すき煮の素</t>
  </si>
  <si>
    <t>ごちたま　五目かに玉</t>
  </si>
  <si>
    <t>ごちたま　玉子のすき煮</t>
  </si>
  <si>
    <t>ごはんよくあうま塩だれ炒め</t>
  </si>
  <si>
    <t>ごちうまねぎ味噌炒め</t>
  </si>
  <si>
    <t>ごちうま　鶏ねぎの塩だれ炒め</t>
  </si>
  <si>
    <t>ごちうま　豚もやしのねぎ味噌炒め</t>
  </si>
  <si>
    <t>ごちうま　豚キャベツコチュジャン</t>
  </si>
  <si>
    <t>ごちうま　もやしのとんこつ醤油炒めの素</t>
  </si>
  <si>
    <t>ごちうま　豚の生姜焼きサラダの素</t>
  </si>
  <si>
    <t>ごちうまごはんによくあうなすとピーマンの肉味噌炒め</t>
  </si>
  <si>
    <t>ごちうま　豚ﾎﾟﾃﾄのｶﾞｰﾘｯｸ炒め</t>
  </si>
  <si>
    <t>ごちうま　鶏なすのみぞれ炒め</t>
  </si>
  <si>
    <t>ごちうま　豚と白菜の重ね煮の素</t>
  </si>
  <si>
    <t>ごちうま　鶏照り大根の素</t>
  </si>
  <si>
    <t>ごちうま　鶏のガーリックバター炒めの素</t>
  </si>
  <si>
    <t>ごちうま　揚げだし豆腐の素</t>
  </si>
  <si>
    <t>ごちうま　鶏の塩だれ炒めの素</t>
  </si>
  <si>
    <t>ごちうま　もやしのねぎ味噌炒めの素</t>
  </si>
  <si>
    <t>ごちうま　とんこつ醤油炒めの素</t>
  </si>
  <si>
    <t>ごちうま　玉子のすき煮の素</t>
  </si>
  <si>
    <t>ごちうま　肉豆腐の素</t>
  </si>
  <si>
    <t>ごちうま　五目かに玉の素</t>
  </si>
  <si>
    <t>ごちうま　あんかけ豆腐の素</t>
  </si>
  <si>
    <t>ごちうま　豚の玉ねぎ生姜炒めの素</t>
  </si>
  <si>
    <t>ごちうま　白菜の胡麻だれ炒めの素</t>
  </si>
  <si>
    <t>豚と白菜のゆず胡椒蒸しの素</t>
  </si>
  <si>
    <t>菜彩亭そぼろ丼</t>
  </si>
  <si>
    <t>菜彩亭麻婆なす丼</t>
  </si>
  <si>
    <t>菜彩亭中華丼</t>
  </si>
  <si>
    <t>梅しそちりめん炒飯</t>
  </si>
  <si>
    <t>39.4g</t>
  </si>
  <si>
    <t>鍋物屋さんのかに味ぞうすいの素</t>
  </si>
  <si>
    <t>鍋物屋さんのさけぞうすいの素</t>
  </si>
  <si>
    <t>鍋物屋さんのとりぞうすいの素</t>
  </si>
  <si>
    <t>鍋物用ふぐ味ぞうすいの素</t>
  </si>
  <si>
    <t>鍋物屋さんのかに味</t>
  </si>
  <si>
    <t>とり五目ぞうすいの素</t>
  </si>
  <si>
    <t>鍋物屋さんのさけ雑炊の素</t>
  </si>
  <si>
    <t>１０種野菜の鶏ぞうすいの素</t>
  </si>
  <si>
    <t>韓国風カルビぞうすいの素</t>
  </si>
  <si>
    <t>韓国風キムチぞうすいの素</t>
  </si>
  <si>
    <t>玄米と鶏雑炊の素</t>
  </si>
  <si>
    <t>ほっとstock具だくさんぞうすい梅かつお味</t>
  </si>
  <si>
    <t>鍋物屋さんのうま塩鶏雑炊</t>
  </si>
  <si>
    <t>鍋物屋さんごま担々味ぞうすい</t>
  </si>
  <si>
    <t>鍋物屋さんの麻婆味ぞうすいの素</t>
  </si>
  <si>
    <t>具だくさんぞうすい鶏だし塩</t>
  </si>
  <si>
    <t>ごちうま_鶏レタスの塩ぽんず炒めの素</t>
  </si>
  <si>
    <t>ごちうま豚大根炒めの素</t>
  </si>
  <si>
    <t>ごちうま鶏ｷｬﾍﾞﾂの黒照り炒め</t>
  </si>
  <si>
    <t>62ｇ</t>
  </si>
  <si>
    <t>ごちうま豚もやしの怪味ｿｰｽ炒め</t>
  </si>
  <si>
    <t>ごちうまごはんによくあう鶏白菜中華風みそ</t>
  </si>
  <si>
    <t>ごちうまポテトのガーリック炒めの素</t>
  </si>
  <si>
    <t>ごちうま鶏キャベツのみそバター炒めの素</t>
  </si>
  <si>
    <t>ごちうま豚ｷｬﾍﾞﾂの塩だれ和え</t>
  </si>
  <si>
    <t>ごちうま　豚もやしの甘口醤油和えの素</t>
  </si>
  <si>
    <t>ごちうま豚たまねぎの旨辛ｼﾞｬﾝ炒め</t>
  </si>
  <si>
    <t>ごちうまﾎﾟﾃﾄのｶﾞｰﾘﾂｸ炒め</t>
  </si>
  <si>
    <t>できたて革命豚もやしのうま味噌炒めの素</t>
  </si>
  <si>
    <t>できたて革命鶏大根の中華風黒こしょう炒めの素</t>
  </si>
  <si>
    <t>できたて革命なす鶏そぼろのあんかけ炒めの素</t>
  </si>
  <si>
    <t>バランス食堂五目かに玉の素</t>
  </si>
  <si>
    <t>バランス食堂なすの肉味噌炒めの素</t>
  </si>
  <si>
    <t>バランス食堂もやしのねぎ味噌炒めの素</t>
  </si>
  <si>
    <t>バランス食堂豚の玉ねぎ生姜炒めの素</t>
  </si>
  <si>
    <t>バランス食堂肉豆腐の素</t>
  </si>
  <si>
    <t>ｸﾞﾘｺﾊﾞﾗﾝｽ食堂ｾｯﾄ品B</t>
  </si>
  <si>
    <t>バランス食堂豚肉とキャベツの回鍋肉の素</t>
  </si>
  <si>
    <t>バランス食堂豚肉とピーマンの青椒肉糸</t>
  </si>
  <si>
    <t>バランス食堂豚と白菜のうま煮の素</t>
  </si>
  <si>
    <t>バランス食堂鶏と大根の照り煮の素</t>
  </si>
  <si>
    <t>グリコバランス食堂豚もやしのうま辛炒めの素</t>
  </si>
  <si>
    <t>グリコバランス食堂鶏の照り焼き風の素</t>
  </si>
  <si>
    <t>34.6g</t>
  </si>
  <si>
    <t>バランス食堂鮭のちゃんちゃん焼の素</t>
  </si>
  <si>
    <t>ポントクック和風あまから煮込みの</t>
  </si>
  <si>
    <t>おにぎりの具　肉みそ味</t>
  </si>
  <si>
    <t>おにぎりの具　カレー味</t>
  </si>
  <si>
    <t>献立らくらくお豆とひじきの白和え</t>
  </si>
  <si>
    <t>献立らくらくちくわのチリソース</t>
  </si>
  <si>
    <t>献立らくらくなすのみぞれあえ</t>
  </si>
  <si>
    <t>献立らくらく厚揚げの肉味噌炒めの素</t>
  </si>
  <si>
    <t>献立らくらく豆腐のかにあんかけの素</t>
  </si>
  <si>
    <t>献立らくらく厚揚げのきのこあんかけの素</t>
  </si>
  <si>
    <t>献立らくらくしらたきのチャプチェ風の素</t>
  </si>
  <si>
    <t>厚揚げのきのこあんかけの素</t>
  </si>
  <si>
    <t>豆腐のかにあんかけの素</t>
  </si>
  <si>
    <t>名古屋の味味噌煮込みうどんの素</t>
  </si>
  <si>
    <t>名古屋の味カレー煮込みうどんの素</t>
  </si>
  <si>
    <t>おふくろの味ひじき煮</t>
  </si>
  <si>
    <t>おふくろの味たけのこの土佐煮</t>
  </si>
  <si>
    <t>おふくろの味さつまいも甘煮</t>
  </si>
  <si>
    <t>おふくろの味かぼちゃ煮</t>
  </si>
  <si>
    <t>おふくろの味金平ごぼう</t>
  </si>
  <si>
    <t>おふくろの味れんこんきんぴら</t>
  </si>
  <si>
    <t>ベジゴロおかず黒酢あんかけの素</t>
  </si>
  <si>
    <t>ベジゴロおかずみぞれ炒めの素</t>
  </si>
  <si>
    <t>スープごはん_和風鶏だし</t>
  </si>
  <si>
    <t>スープごはん_うま辛キムチ味</t>
  </si>
  <si>
    <t>スープごはん_坦々ごま味</t>
  </si>
  <si>
    <t>プチッとごはんズ博多風とんこつ味</t>
  </si>
  <si>
    <t>21g×4P</t>
  </si>
  <si>
    <t>エバラ　プチっとごはんず　あさりバター風味</t>
  </si>
  <si>
    <t>ｶｯﾌﾟ味噌汁</t>
  </si>
  <si>
    <t>長ネギ</t>
  </si>
  <si>
    <t>ｶｯﾌﾟ味噌汁ほうれん草</t>
  </si>
  <si>
    <t>満点おかず　春雨と豚肉のねぎ塩炒め</t>
  </si>
  <si>
    <t>満点おかず　きざみ昆布と豚肉の炒め煮</t>
  </si>
  <si>
    <t>満点おかず　切干大根と豚肉の煮物</t>
  </si>
  <si>
    <t>満点おかず　ひじき鶏肉の煮物</t>
  </si>
  <si>
    <t>カリカリきゅうりと沢庵</t>
  </si>
  <si>
    <t>たけのことちりめん山椒瓶</t>
  </si>
  <si>
    <t>私の簡単小鍋　寄せ鍋の素</t>
  </si>
  <si>
    <t>キムチ鍋の素簡単小鍋</t>
  </si>
  <si>
    <t>ＢＢＱ豚焼き</t>
  </si>
  <si>
    <t>豚肉ともやしのうま辛トマト炒め</t>
  </si>
  <si>
    <t>鶏肉ときのこのデミトマ炒め</t>
  </si>
  <si>
    <t>豚肉とピーマンのトマト黒酢あん炒め</t>
  </si>
  <si>
    <t>なすと豚肉のトマト味噌炒め</t>
  </si>
  <si>
    <t>トマたま炒め　甘口トマトあん</t>
  </si>
  <si>
    <t>なす豚みそ</t>
  </si>
  <si>
    <t>塩だれ豚キャベツ</t>
  </si>
  <si>
    <t>きのこ豚ソテー</t>
  </si>
  <si>
    <t>トマトしょうが焼き</t>
  </si>
  <si>
    <t>ｶｺﾞﾒ_ﾋﾟｰﾏﾝと豚肉のﾄﾏﾄ黒酢あん炒め</t>
  </si>
  <si>
    <t>白菜と豚肉のトマト塩麹だれ炒め</t>
  </si>
  <si>
    <t>きのこと鶏肉のトマト醤油だれ炒め</t>
  </si>
  <si>
    <t>野菜がはいったおかず調味料鶏肉しょうが甘酢２１０ｇ</t>
  </si>
  <si>
    <t>野菜がはいったおかず　豚肉旨塩ガーリック　２３０ｇ</t>
  </si>
  <si>
    <t>野菜がはいった調味料鶏肉しょうが甘酢あん炒め１７０</t>
  </si>
  <si>
    <t>野菜がはいった具入り調味料八宝菜</t>
  </si>
  <si>
    <t>よくばりDeli茶わん蒸しの素</t>
  </si>
  <si>
    <t>よくばりデリスプーンコロッケの素</t>
  </si>
  <si>
    <t>よくばりデリスプーンメンチカツの素</t>
  </si>
  <si>
    <t>おかず焼ビーフンとり野菜みそ</t>
  </si>
  <si>
    <t>生絞りゆず湯</t>
  </si>
  <si>
    <t>336ｇ</t>
  </si>
  <si>
    <t>生絞り生姜湯</t>
  </si>
  <si>
    <t>うちのごはん　じゃがなす鶏テリヤキ92g</t>
  </si>
  <si>
    <t>うちのごはん　ゴーヤチャンプルー　94g</t>
  </si>
  <si>
    <t>うちのごはんジャーマンポテト</t>
  </si>
  <si>
    <t>うちのごはんブロッコリーの香ばしじゃこ醤油</t>
  </si>
  <si>
    <t>うちのごはん千切りキャベツのもちもち焼き</t>
  </si>
  <si>
    <t>うちのごはんかぼちゃの鶏そぼろあん</t>
  </si>
  <si>
    <t>うちのごはん豚じゃが</t>
  </si>
  <si>
    <t>うちのごはんキャベツのガリバタ醤油炒め</t>
  </si>
  <si>
    <t>うちのごはんなすのトマトみそ炒め</t>
  </si>
  <si>
    <t>うちのごはんきゅうりのコクうま肉味噌</t>
  </si>
  <si>
    <t>うちのごはんちゃんぽんの素32g×2</t>
  </si>
  <si>
    <t>32g×2P</t>
  </si>
  <si>
    <t>うちのごはんまろやか白湯鶏キャベツ</t>
  </si>
  <si>
    <t>うちのごはん豚と白菜のシャキみそ炒め</t>
  </si>
  <si>
    <t>うちのごはん牛だしクッパの素</t>
  </si>
  <si>
    <t>うちのごはん豚バラなすのスタミナ炒め</t>
  </si>
  <si>
    <t>うちのごはんぱくぱくピーマンコクあま肉みそ</t>
  </si>
  <si>
    <t>うちのごはん担々うどんの素</t>
  </si>
  <si>
    <t>うちのごはんおそうざいの素なすのみぞれ炒め</t>
  </si>
  <si>
    <t>うちのごはん豚バラ大根のバター醤油炒め</t>
  </si>
  <si>
    <t>うちのごはん鶏だし塩クッパの素</t>
  </si>
  <si>
    <t>うちのごはん白菜のうま煮</t>
  </si>
  <si>
    <t>うちのごはんふんわり卵の豚バラガーリック</t>
  </si>
  <si>
    <t>うちのごはん香ばしガーリックブロッコリー炒め</t>
  </si>
  <si>
    <t>うちのごはん鶏ももピーマンオイマヨ炒め</t>
  </si>
  <si>
    <t>うちのごはん帆立だし香る豚白菜炒め</t>
  </si>
  <si>
    <t>うちのごはん豚大根のてりうま炒め</t>
  </si>
  <si>
    <t>うちのごはんだししみ鶏大根</t>
  </si>
  <si>
    <t>うちのごはん鶏キャベツのてりマヨ炒め</t>
  </si>
  <si>
    <t>うちのごはん豚バラもやしのごま担々</t>
  </si>
  <si>
    <t>うちのごはん焼豚めしやみつき甘辛味</t>
  </si>
  <si>
    <t>うちのごはん肉みそねぎ豆腐</t>
  </si>
  <si>
    <t>うちのごはん豚と厚揚げの甘辛ガーリック</t>
  </si>
  <si>
    <t>うちのごはんとろける豆腐ごま白味噌スープ</t>
  </si>
  <si>
    <t>うちのごはんやわらか鶏とねぎの塩糀スープ</t>
  </si>
  <si>
    <t>うちのごはんトマトチキン香ばしガーリック</t>
  </si>
  <si>
    <t>うちのごはん豚バラなすの焦がしガーリック</t>
  </si>
  <si>
    <t>うちのごはん豚バラピーマン甘辛しょうゆ</t>
  </si>
  <si>
    <t>うちのごはん鶏とレタスの牛だし旨スープ</t>
  </si>
  <si>
    <t>うちのごはん豚大根の旨辛煮</t>
  </si>
  <si>
    <t>うちのごはん豚とキャベツの旨とろ白湯スープ</t>
  </si>
  <si>
    <t>うちのごはんなすとピーマンの香味しょうゆ</t>
  </si>
  <si>
    <t>うちのごはんおそうざいの素ブロッコリーとキャベツの塩ガーリック</t>
  </si>
  <si>
    <t>うちのごはん豚白菜の牡蠣だし醤油</t>
  </si>
  <si>
    <t>うちのごはん豆腐とろけるごま麻婆</t>
  </si>
  <si>
    <t>うちのごはん和風オムレツ用</t>
  </si>
  <si>
    <t>うちのごはん　肉味噌炒め</t>
  </si>
  <si>
    <t>うちのごはんすきやき肉豆腐</t>
  </si>
  <si>
    <t>うちのごはん照焼き鶏つくね</t>
  </si>
  <si>
    <t>うちのごはん定番の肉じゃが</t>
  </si>
  <si>
    <t>うちのごはん親子丼</t>
  </si>
  <si>
    <t>うちのごはん牛すき丼</t>
  </si>
  <si>
    <t>うりのごはん蕎麦屋のカレー丼</t>
  </si>
  <si>
    <t>うちのごはんキャベツごま味噌</t>
  </si>
  <si>
    <t>うちのごはん　じゃが芋ピリ辛炒め</t>
  </si>
  <si>
    <t>うちのごはん　ゴーヤ塩豚チャンプルー</t>
  </si>
  <si>
    <t>うちのご飯豚ごぼうのすき煮</t>
  </si>
  <si>
    <t>うちのごはん和風オムレツ</t>
  </si>
  <si>
    <t>ｳﾁﾉｺﾞﾊﾝﾄﾘﾉｸﾛｽﾞｲﾀﾒ</t>
  </si>
  <si>
    <t>うちのごはん茄子の肉味噌炒め</t>
  </si>
  <si>
    <t>うちのご飯きんぴらごぼう春雨</t>
  </si>
  <si>
    <t>スープごはん鶏きのこぞうすい</t>
  </si>
  <si>
    <t>スープごはんかに玉ぞうすい</t>
  </si>
  <si>
    <t>スープごはんたまごクッパ</t>
  </si>
  <si>
    <t>スープごはんピリ辛チゲ雑炊</t>
  </si>
  <si>
    <t>うちのごはん_豚の甘味噌炒め</t>
  </si>
  <si>
    <t>うちのごはんもやしねぎ味噌炒</t>
  </si>
  <si>
    <t>うちのごはんなすのみぞれ炒め</t>
  </si>
  <si>
    <t>うちのごはん豆腐そぼろ柳川風</t>
  </si>
  <si>
    <t>うちのごはん　ほうれん草のごまそぼろ炒め</t>
  </si>
  <si>
    <t>117.7g</t>
  </si>
  <si>
    <t>116.3g</t>
  </si>
  <si>
    <t>スープごはんピリ辛チゲ</t>
  </si>
  <si>
    <t>119.4g</t>
  </si>
  <si>
    <t>うちのごはんキャベツのうま塩炒め</t>
  </si>
  <si>
    <t>うちのごはんにんにく醤油炒め</t>
  </si>
  <si>
    <t>うちのごはんあんかけキャベツ</t>
  </si>
  <si>
    <t>うちのごはんあんかけ塩もやし</t>
  </si>
  <si>
    <t>102.6g</t>
  </si>
  <si>
    <t>うちのごはん　すきやき肉豆腐１人前</t>
  </si>
  <si>
    <t>うちのごはん　なすの肉みそ炒め１人前</t>
  </si>
  <si>
    <t>うちのごはん　キャベツのごま味噌炒め１人前</t>
  </si>
  <si>
    <t>うちのごはん　じゃがいもの肉味噌あえ１回分</t>
  </si>
  <si>
    <t>うちのごはん　もやしのうま塩あえ１回分</t>
  </si>
  <si>
    <t>うちのごはん　エリンギの五目きんぴら</t>
  </si>
  <si>
    <t>うちのごはん　牛すじ大根の味噌煮</t>
  </si>
  <si>
    <t>うちのごはん　ブリの香り揚げ風和風にんにくマヨソース</t>
  </si>
  <si>
    <t>うちのごはん温野菜　ブロッコリーの鶏そぼろあん　144ｇ</t>
  </si>
  <si>
    <t>うちのごはん　キャベツの旨だし塩春雨</t>
  </si>
  <si>
    <t>うちのごはん　じゃが豚の甘辛てり煮</t>
  </si>
  <si>
    <t>うちのごはん　大根のそぼろあん</t>
  </si>
  <si>
    <t>うちのごはん　白菜のみそ炒め</t>
  </si>
  <si>
    <t>うちのごはん　豚こまかつ煮風</t>
  </si>
  <si>
    <t>できたてＭｙＤｅｌｉ　あんかけ茶碗蒸し</t>
  </si>
  <si>
    <t>うちのごはん　くずし豆腐の五目あんかけ</t>
  </si>
  <si>
    <t>うちのごはん　甘辛そぼろ玉とじ</t>
  </si>
  <si>
    <t>うちのごはん　ゴーヤのにんにく味噌炒め</t>
  </si>
  <si>
    <t>うちのごはん　サーモンの竜田風にんにくおかかソース</t>
  </si>
  <si>
    <t>うちのごはん　イカの唐揚風　甘辛みぞれソース</t>
  </si>
  <si>
    <t>うちのごはん　ジャーマンポテト</t>
  </si>
  <si>
    <t>うちのごはん　きのこと豚すき</t>
  </si>
  <si>
    <t>うちのごはん_もやしのうま塩あえ</t>
  </si>
  <si>
    <t>うちのごはん　キャベツのにんにく醤油あえ</t>
  </si>
  <si>
    <t>うちのごはん　ブロッコリーのごま味噌あえ</t>
  </si>
  <si>
    <t>うちのごはん　鶏のてりやきタルタルソース</t>
  </si>
  <si>
    <t>うちのごはんきんぴらそぼろ春雨</t>
  </si>
  <si>
    <t>うちのごはん　白菜辛味噌炒め</t>
  </si>
  <si>
    <t>うちのごはん　豚の甘酢あんかけ</t>
  </si>
  <si>
    <t>うちのごはん　豚と春雨のねぎ塩炒め</t>
  </si>
  <si>
    <t>うちのごはん　じゃがいもの肉味噌あえ</t>
  </si>
  <si>
    <t>うちのごはん　鶏竜田の甘辛香味だれ</t>
  </si>
  <si>
    <t>うちのごはん　揚げだし豆腐のみぞれあん</t>
  </si>
  <si>
    <t>うちのごはん　大根西京みそ煮</t>
  </si>
  <si>
    <t>99.4g</t>
  </si>
  <si>
    <t>うちのごはんおそうざいの素厚揚げのみぞれ煮</t>
  </si>
  <si>
    <t>うちのごはんふわ玉きのこ炒め</t>
  </si>
  <si>
    <t>うちのごはん　和のごちそう煮　鶏のごまみそ煮</t>
  </si>
  <si>
    <t>うちのごはん　和のごちそう煮　鶏もも大根煮</t>
  </si>
  <si>
    <t>うちのごはん　濃くあまトマトみそ炒め</t>
  </si>
  <si>
    <t>うちのごはん　白菜豚キムチ</t>
  </si>
  <si>
    <t>うちのごはん　豆腐の和風あんかけ</t>
  </si>
  <si>
    <t>83.3G</t>
  </si>
  <si>
    <t>うちのごはん　にんじんの和風マリネ</t>
  </si>
  <si>
    <t>うちのごはん鶏大根甘辛てり煮</t>
  </si>
  <si>
    <t>うちのごはん　じゃが豚にんにくみそ味</t>
  </si>
  <si>
    <t>うちのごはん厚揚げそぼろあんごまみそ仕立て</t>
  </si>
  <si>
    <t>うちのごはん　あんかけ白菜　91g</t>
  </si>
  <si>
    <t>うちのごはん_あんかけ豆腐</t>
  </si>
  <si>
    <t>83.3ｇ</t>
  </si>
  <si>
    <t>うちのごはん　かぼちゃの和風そぼろあん</t>
  </si>
  <si>
    <t>うちのごはんふわ玉トマト炒め</t>
  </si>
  <si>
    <t>うちのごはんほうれん草のごまナッツみそ</t>
  </si>
  <si>
    <t>うちのごはん　鶏の甘辛てり煮</t>
  </si>
  <si>
    <t>１３５ｇ_</t>
  </si>
  <si>
    <t>うちのごはん　豚バラ黒酢煮</t>
  </si>
  <si>
    <t>141ｇ</t>
  </si>
  <si>
    <t>うちのごはん　豚バラにんにくみそ煮</t>
  </si>
  <si>
    <t>炊きたてご飯</t>
  </si>
  <si>
    <t>ｶﾓ井炒飯の素9.2G</t>
  </si>
  <si>
    <t>たまごや野菜の薄焼きシート</t>
  </si>
  <si>
    <t>ＱＰごま和え用カレンダー</t>
  </si>
  <si>
    <t>簡単ポテトサラダの素</t>
  </si>
  <si>
    <t>ｻﾝﾖ-堂iﾌﾙ-ﾂみつ豆</t>
  </si>
  <si>
    <t>ｲﾁｺﾞｼﾞｬﾑ</t>
  </si>
  <si>
    <t>410G</t>
  </si>
  <si>
    <t>サンヨーマーマレード</t>
  </si>
  <si>
    <t>ﾖｰｸﾞﾙﾄで食べよう　りんご</t>
  </si>
  <si>
    <t>赤から監修　赤から炒めの素</t>
  </si>
  <si>
    <t>赤から監修赤から肉豆腐の素</t>
  </si>
  <si>
    <t>岐阜タンメン監修　豚肉ともやしの旨塩炒めの素</t>
  </si>
  <si>
    <t>無添加ごまあえ</t>
  </si>
  <si>
    <t>無添加肉じゃが</t>
  </si>
  <si>
    <t>無添加雷こんにゃく</t>
  </si>
  <si>
    <t>すき煮の素粉末</t>
  </si>
  <si>
    <t>とろみ炒めの素粉末</t>
  </si>
  <si>
    <t>ごまあえの素粉末</t>
  </si>
  <si>
    <t>神豚の素</t>
  </si>
  <si>
    <t>粘り昆布</t>
  </si>
  <si>
    <t>茎わかめしょうゆ味</t>
  </si>
  <si>
    <t>茎わかめわさび味</t>
  </si>
  <si>
    <t>茎わかめ梅味</t>
  </si>
  <si>
    <t>ﾏｯｼｭﾙｰﾑｽﾗｲｽ</t>
  </si>
  <si>
    <t>寒ｻﾊﾞ水煮月花</t>
  </si>
  <si>
    <t>EO缶F2号缶</t>
  </si>
  <si>
    <t>寒ｻﾊﾞ味噌煮月花</t>
  </si>
  <si>
    <t>寒ｻﾊﾞ味付月花</t>
  </si>
  <si>
    <t>野菜カレーうどんの素</t>
  </si>
  <si>
    <t>鶏のさっぱり煮の素</t>
  </si>
  <si>
    <t>さっぱり鶏チャーシューの素</t>
  </si>
  <si>
    <t>豚肉となすのさっぱり炒め</t>
  </si>
  <si>
    <t>豚のさっぱり角煮の素</t>
  </si>
  <si>
    <t>なすとひき肉のさっぱりトマト煮の素</t>
  </si>
  <si>
    <t>豚のさっぱり焼きの素</t>
  </si>
  <si>
    <t>たっぷりキャベツと豚のさっぱり焼きの素</t>
  </si>
  <si>
    <t>豚とタマネギの黒酢あん炒めの素</t>
  </si>
  <si>
    <t>鶏とまいたけのバルサミコソテーの素</t>
  </si>
  <si>
    <t>おひとてま小悪魔チキン</t>
  </si>
  <si>
    <t>ＣＵＰＣＯＯＫ　豚しょうが焼きのたれ</t>
  </si>
  <si>
    <t>ＣＵＰＣＯＯＫ　鶏てりやきのたれ</t>
  </si>
  <si>
    <t>ＣＵＰＣＯＯＫ　豚キムチ炒めのたれ</t>
  </si>
  <si>
    <t>CUPCOOKしょうが焼</t>
  </si>
  <si>
    <t>CUPCOOK鶏トマト煮</t>
  </si>
  <si>
    <t>ミツカン　ＣＵＰＣＯＯＫ　親子丼　２１０ｇ</t>
  </si>
  <si>
    <t>CUPCOOK鶏てりやき</t>
  </si>
  <si>
    <t>ＣＵＰＣＯＯＫ豚キムチ</t>
  </si>
  <si>
    <t>CUPCOOK鶏みぞれ煮</t>
  </si>
  <si>
    <t>おひとてま｡よだれ鶏</t>
  </si>
  <si>
    <t>豚肉とキャベツのさっと</t>
  </si>
  <si>
    <t>茄子とそぼろの和風あん</t>
  </si>
  <si>
    <t>鶏肉と大根の柚子みそ煮</t>
  </si>
  <si>
    <t>お湯だけカンタンポテトサラダ</t>
  </si>
  <si>
    <t>38G</t>
  </si>
  <si>
    <t>ぞうすい　さけ</t>
  </si>
  <si>
    <t>ぞうすい　かに</t>
  </si>
  <si>
    <t>23秋日清から揚げの漬け込みたれ塩にんにく味</t>
  </si>
  <si>
    <t>鶏肉ときのこバターしょうゆ</t>
  </si>
  <si>
    <t>秋鮭水煮</t>
  </si>
  <si>
    <t>さんま時雨煮</t>
  </si>
  <si>
    <t>さんま辛みそ煮</t>
  </si>
  <si>
    <t>てりたま春雨</t>
  </si>
  <si>
    <t>デリベジたっぷりお豆となすの</t>
  </si>
  <si>
    <t>アンパンマンミニ野菜あんかけ</t>
  </si>
  <si>
    <t>すき焼き風玉子とじ</t>
  </si>
  <si>
    <t>ふわふわあんかけ玉子</t>
  </si>
  <si>
    <t>スタミナ定食ガーリックバターカルビ</t>
  </si>
  <si>
    <t>スタミナ定食にんにく生姜焼き</t>
  </si>
  <si>
    <t>スタミナ定食ねぎ塩豚炒め</t>
  </si>
  <si>
    <t>75.5g</t>
  </si>
  <si>
    <t>大人御膳かに雑炊</t>
  </si>
  <si>
    <t>大人御膳さけ雑炊</t>
  </si>
  <si>
    <t>大人御膳とり雑炊</t>
  </si>
  <si>
    <t>FD　かに雑炊</t>
  </si>
  <si>
    <t>主役はブロッコリーしお炒め</t>
  </si>
  <si>
    <t>親子丼ＦＤ</t>
  </si>
  <si>
    <t>麻婆茄子丼ＦＤ</t>
  </si>
  <si>
    <t>わが家は名酒場炭火焼風焼き鳥</t>
  </si>
  <si>
    <t>わが家は名酒場揚げずにできる揚げ出し豆腐</t>
  </si>
  <si>
    <t>わが家は名酒場燻製の素</t>
  </si>
  <si>
    <t>お魚マジック　切り身魚でタルタルフィレオ</t>
  </si>
  <si>
    <t>91.5g</t>
  </si>
  <si>
    <t>お魚マジック　揚げずにできるえびカツ</t>
  </si>
  <si>
    <t>お魚マジック　切り身魚でクリスピー竜田揚げ</t>
  </si>
  <si>
    <t>お魚マジック　ソースが決め手鮭マヨ</t>
  </si>
  <si>
    <t>わが家は名酒場後引くうまさ甘辛ソース付串カツ風</t>
  </si>
  <si>
    <t>お肉マジック　豚バラ角煮風</t>
  </si>
  <si>
    <t>78.7g</t>
  </si>
  <si>
    <t>お肉マジック　豚バラスライスかつ煮風</t>
  </si>
  <si>
    <t>お肉マジックカリカリ鶏唐風</t>
  </si>
  <si>
    <t>お肉マジック　豚バラスライスで酢豚風</t>
  </si>
  <si>
    <t>お肉マジック　揚げずにできるチキン南蛮風</t>
  </si>
  <si>
    <t>お肉マジック　混ぜるだけでビッグつくね</t>
  </si>
  <si>
    <t>お肉マジック　ひき肉・卵でチキンナゲット</t>
  </si>
  <si>
    <t>お肉マジックフライドチキン</t>
  </si>
  <si>
    <t>72.5g</t>
  </si>
  <si>
    <t>お肉マジック_ジューシーハンバーグ</t>
  </si>
  <si>
    <t>たまごにグー五目たまご焼き用</t>
  </si>
  <si>
    <t>たまごにグーかに玉風味広東風</t>
  </si>
  <si>
    <t>たまごにグーきのこのオムレツ用</t>
  </si>
  <si>
    <t>鶏つくねヘルパー</t>
  </si>
  <si>
    <t>豆腐ハンバーグの素根菜</t>
  </si>
  <si>
    <t>豆腐ハンバーグの素ひじき</t>
  </si>
  <si>
    <t>豆腐ハンバーグの素きのこ入り</t>
  </si>
  <si>
    <t>鶏肉ときのこのオイスターカレー炒め</t>
  </si>
  <si>
    <t>豚肉ともやしの濃厚カレー炒め</t>
  </si>
  <si>
    <t>三ツ星食感　照焼きチキン</t>
  </si>
  <si>
    <t>三ツ星食感　衣サクサクミルフィーユ風カツ</t>
  </si>
  <si>
    <t>三ツ星食感　やわらか豚の生姜焼き</t>
  </si>
  <si>
    <t>三ツ星食感　衣サクサク揚げないトンカツ</t>
  </si>
  <si>
    <t>三ツ星食感　揚げない唐揚げ</t>
  </si>
  <si>
    <t>こんがりデリ　１１種のスパイスがきいたフライドチキン</t>
  </si>
  <si>
    <t>こんがりデリ　胡椒香るペッパーチキン</t>
  </si>
  <si>
    <t>三ツ星食感　ふわふわ豆腐ハンバーグ</t>
  </si>
  <si>
    <t>三ツ星食感ガーリックチキン</t>
  </si>
  <si>
    <t>三ツ星食感　やわらか鶏むねデミチキン</t>
  </si>
  <si>
    <t>52.9g</t>
  </si>
  <si>
    <t>三ツ星食感　ミラノ風カツ</t>
  </si>
  <si>
    <t>36.8g</t>
  </si>
  <si>
    <t>三ツ星食感　鮭のパン粉焼き</t>
  </si>
  <si>
    <t>34.4ｇ</t>
  </si>
  <si>
    <t>三ツ星食感　きゃべつシャキシャキ豚のみそ炒め</t>
  </si>
  <si>
    <t>三ツ星食感　照焼チキン</t>
  </si>
  <si>
    <t>三ツ星食感　揚げない鶏竜田</t>
  </si>
  <si>
    <t>三ツ星食感豚もやしとろみ炒め</t>
  </si>
  <si>
    <t>三ツ星食感鶏塩キャベツ</t>
  </si>
  <si>
    <t>14.7g</t>
  </si>
  <si>
    <t>三ツ星食感タンドリーチキン</t>
  </si>
  <si>
    <t>三ツ星食感ミルフィーユ風カツ</t>
  </si>
  <si>
    <t>三ツ星食感　豚みそキャベツ</t>
  </si>
  <si>
    <t>サッとグルメ　汁無坦々麺の素</t>
  </si>
  <si>
    <t>サッとグルメ　スパイシーカレー麺の素</t>
  </si>
  <si>
    <t>サッとグルメ　ジュレつゆ麺の素</t>
  </si>
  <si>
    <t>三ツ星食感白みそ豚白菜</t>
  </si>
  <si>
    <t>三ツ星食感坦々もやし炒め</t>
  </si>
  <si>
    <t>三ツ星食感　サクッとジューシーミルフィーユ風カツ</t>
  </si>
  <si>
    <t>三ツ星食感皮目パリパリ油淋鶏</t>
  </si>
  <si>
    <t>三ツ星食感　パリパリチキンステーキ</t>
  </si>
  <si>
    <t>三ツ星食感　ねぎ塩チキン</t>
  </si>
  <si>
    <t>32.6G</t>
  </si>
  <si>
    <t>三ツ星食感皮目パリパリ照焼きチキン</t>
  </si>
  <si>
    <t>三ツ星食感　やわらかジューシートンテキ</t>
  </si>
  <si>
    <t>43.3ｇ</t>
  </si>
  <si>
    <t>とろみ菜オイスター醤油風味の豚こま白菜炒め</t>
  </si>
  <si>
    <t>とろみ菜濃厚ごまみそ風味の豚こま大根炒め</t>
  </si>
  <si>
    <t>とろみ菜韓国旨辛みそ風味の鶏肉キャベツ炒め</t>
  </si>
  <si>
    <t>ごはんがうまい白菜炒め</t>
  </si>
  <si>
    <t>ごはんがうまいキャベツ炒め</t>
  </si>
  <si>
    <t>ごはんがうまい大根炒め70g</t>
  </si>
  <si>
    <t>ちょっとぞうすい梅ひじき</t>
  </si>
  <si>
    <t>ﾋｶﾞｼﾏ</t>
  </si>
  <si>
    <t>ちょっと胡麻あえのもと</t>
  </si>
  <si>
    <t>ちょっと肉じゃがの素</t>
  </si>
  <si>
    <t>21g×3P</t>
  </si>
  <si>
    <t>ちょっと筑前煮の素</t>
  </si>
  <si>
    <t>焼かずに焼き豚調味料</t>
  </si>
  <si>
    <t>焼かずにてりやき調味料</t>
  </si>
  <si>
    <t>とり塩焼き飯の素</t>
  </si>
  <si>
    <t>ちょっとどんぶりうすくち</t>
  </si>
  <si>
    <t>ちょっとどんぶりこいくち</t>
  </si>
  <si>
    <t>ちょっと雑炊の素</t>
  </si>
  <si>
    <t>ちょっとぞうすい松茸</t>
  </si>
  <si>
    <t>ちょっとぞうすいふぐ</t>
  </si>
  <si>
    <t>ちょっとぞうすい_山菜</t>
  </si>
  <si>
    <t>ちょっとぞうすい鳥</t>
  </si>
  <si>
    <t>ちょっとぞうすい鮭</t>
  </si>
  <si>
    <t>ちょっとぞうすいカニ</t>
  </si>
  <si>
    <t>ちょっと丼_淡口</t>
  </si>
  <si>
    <t>ちょっと丼_濃口</t>
  </si>
  <si>
    <t>ちょっとどんぶり牛丼</t>
  </si>
  <si>
    <t>おまかせ菜々　肉じゃがの素</t>
  </si>
  <si>
    <t>ちょっとたまご焼名人</t>
  </si>
  <si>
    <t>ちょっと肉じゃが</t>
  </si>
  <si>
    <t>錦糸卵</t>
  </si>
  <si>
    <t>スイーツ　ヨーグルト風味</t>
  </si>
  <si>
    <t>スイーツ　みかん風味</t>
  </si>
  <si>
    <t>スイーツカスタードプリン風味</t>
  </si>
  <si>
    <t>スイーツ　杏仁豆腐</t>
  </si>
  <si>
    <t>今日は俺が作ります　炭火焼風やきとり丼の素</t>
  </si>
  <si>
    <t>今日は俺が作ります　豚ばらスタミナ丼の素</t>
  </si>
  <si>
    <t>今日は俺が作ります　豚ばら塩だれ丼の素</t>
  </si>
  <si>
    <t>２８ｇＸ３</t>
  </si>
  <si>
    <t>今日は俺が作ります　豚ばら生姜焼き丼の素</t>
  </si>
  <si>
    <t>今日は俺が作ります　つゆだく牛丼の素</t>
  </si>
  <si>
    <t>今日は俺が作ります　こくとうま味豚キムチ丼の素</t>
  </si>
  <si>
    <t>今日は俺が作ります　テリヤキチキン丼の素</t>
  </si>
  <si>
    <t>富士　今日は俺が作ります　牛すき焼き丼の素　９０ｇ</t>
  </si>
  <si>
    <t>今日は俺が作ります豚ばらガツンとすたみな丼素８１ｇ</t>
  </si>
  <si>
    <t>シーチキンチキン</t>
  </si>
  <si>
    <t>シーチキンチキンオイル不使用</t>
  </si>
  <si>
    <t>グリルフィッシュレモン＆ペッパー</t>
  </si>
  <si>
    <t>シーチキンガーリックしょうゆ</t>
  </si>
  <si>
    <t>だしぞうすい_とり</t>
  </si>
  <si>
    <t>激辛ハチネロカレーうどんの素</t>
  </si>
  <si>
    <t>クイックパスタ高菜</t>
  </si>
  <si>
    <t>だし雑炊鮭</t>
  </si>
  <si>
    <t>だし雑炊_カニ</t>
  </si>
  <si>
    <t>だし雑炊鶏</t>
  </si>
  <si>
    <t>スープで食べる和風ごま</t>
  </si>
  <si>
    <t>スープで食べるかにチゲ</t>
  </si>
  <si>
    <t>お肉の達人　鶏むね肉のソテー　２食</t>
  </si>
  <si>
    <t>お肉の達人　豚肉のしょうが焼き　２食</t>
  </si>
  <si>
    <t>タニタ監修ゆで豚の香味ソース</t>
  </si>
  <si>
    <t>タニタ監修鶏むねタンドリー風</t>
  </si>
  <si>
    <t>タニタ監修なすの肉みそ炒め</t>
  </si>
  <si>
    <t>タニタ監修鶏肉のごまみそ焼き</t>
  </si>
  <si>
    <t>タニタ監修　豚肉のオイスター炒め</t>
  </si>
  <si>
    <t>タニタ監修　豚肉のマスタード</t>
  </si>
  <si>
    <t>タニタ監修　西京焼き定食</t>
  </si>
  <si>
    <t>タニタ監修　野菜麻婆定食</t>
  </si>
  <si>
    <t>タニタ監修　鮭のみそ漬け焼き定食2Ｐ</t>
  </si>
  <si>
    <t>タニタ監修　豚のみそ漬け焼き定食2Ｐ</t>
  </si>
  <si>
    <t>タニタ監修　鯖のみそ焼定食</t>
  </si>
  <si>
    <t>豚もつ煮込み豆腐の素</t>
  </si>
  <si>
    <t>牛すじ煮込み豆腐の素</t>
  </si>
  <si>
    <t>ゆず酢たれ</t>
  </si>
  <si>
    <t>鶏肉の黒酢あん炒め</t>
  </si>
  <si>
    <t>チキン南蛮</t>
  </si>
  <si>
    <t>とろろごはんの素かつおだし風味</t>
  </si>
  <si>
    <t>32.6g</t>
  </si>
  <si>
    <t>とろろごはんの素わさび風味</t>
  </si>
  <si>
    <t>豚しゃぶ香味だれ</t>
  </si>
  <si>
    <t>串かつだるま監修どて焼きめしの素</t>
  </si>
  <si>
    <t>カット野菜でにんにく味噌風</t>
  </si>
  <si>
    <t>カット野菜でごま坦々風</t>
  </si>
  <si>
    <t>おうち食堂　もやしのネギ塩だれ</t>
  </si>
  <si>
    <t>おうち食堂なすの肉味噌だれ</t>
  </si>
  <si>
    <t>おうち食堂　ちゃべつのにんにく醤油だれ</t>
  </si>
  <si>
    <t>おうち食堂　鶏肉の筑前煮風の素　袋</t>
  </si>
  <si>
    <t>おうち食堂　厚揚げとひじき五目煮の素　袋</t>
  </si>
  <si>
    <t>おうち食堂豆腐の炒り煮の素</t>
  </si>
  <si>
    <t>おうち食堂　豚肉と筍のおかか煮の素</t>
  </si>
  <si>
    <t>おうち食堂　ちくわの根菜煮</t>
  </si>
  <si>
    <t>おうち食堂　こうや豆腐の卵とじの素</t>
  </si>
  <si>
    <t>おうち食堂厚揚げとひじき煮の素</t>
  </si>
  <si>
    <t>おうち食堂こんにゃくのピリ辛煮の素</t>
  </si>
  <si>
    <t>おうち食堂豆腐の鶏しおあんかけの素</t>
  </si>
  <si>
    <t>おうち食堂　厚揚げすき煮</t>
  </si>
  <si>
    <t>おうち食堂　こんにゃくごま味噌</t>
  </si>
  <si>
    <t>おうち食堂　トマトバジル</t>
  </si>
  <si>
    <t>おうち食堂　香ばしねぎ</t>
  </si>
  <si>
    <t>おうち食堂もやしと豚肉のうま塩炒め</t>
  </si>
  <si>
    <t>おうち食堂キャベツと豚肉のニンニク醤油炒めの素</t>
  </si>
  <si>
    <t>おうち食堂　白菜と豚肉の和風うま煮</t>
  </si>
  <si>
    <t>おうち食堂　大根豚肉醤油麹煮の素</t>
  </si>
  <si>
    <t>おうち食堂　大根のこってり煮の素</t>
  </si>
  <si>
    <t>おうち食堂豚とキャベツのにんにく醤油炒めの素</t>
  </si>
  <si>
    <t>おうち食堂豚となすのてりうま醤油炒めの素</t>
  </si>
  <si>
    <t>おうち食堂豚とピーマンのごま味噌炒めの素</t>
  </si>
  <si>
    <t>ｵｳﾁ食堂豚大根の甘ｶﾗﾃﾘ煮素</t>
  </si>
  <si>
    <t>ｵｳﾁ食堂豚白菜ｱﾝｶｹ煮素</t>
  </si>
  <si>
    <t>おうち食堂生姜焼きの素</t>
  </si>
  <si>
    <t>おうち食堂てりやきの素</t>
  </si>
  <si>
    <t>おうち食堂トンテキの素</t>
  </si>
  <si>
    <t>おうち食堂ひき肉とキャベツの味噌炒めの素</t>
  </si>
  <si>
    <t>とり五目おこわ　もち米ごはん付き</t>
  </si>
  <si>
    <t>197ｇ</t>
  </si>
  <si>
    <t>中華おこわ　もち米ごはん付き</t>
  </si>
  <si>
    <t>世界のごちそうごはんの素　パエリア</t>
  </si>
  <si>
    <t>世界のごちそうごはんの素　ピラフ</t>
  </si>
  <si>
    <t>世界のごちそうごはんの素　エビピラ</t>
  </si>
  <si>
    <t>釜飯の素セット</t>
  </si>
  <si>
    <t>丸美屋セット</t>
  </si>
  <si>
    <t>ほうれん草ごまあえ</t>
  </si>
  <si>
    <t>お肉まる鶏の照焼の素</t>
  </si>
  <si>
    <t>お肉まる肉豆腐の素</t>
  </si>
  <si>
    <t>お肉まる鶏のみぞれ煮の素</t>
  </si>
  <si>
    <t>お肉まる豚の生姜焼きの素</t>
  </si>
  <si>
    <t>お野菜まるなすのコク旨たれ</t>
  </si>
  <si>
    <t>お野菜まるピーマンのコク旨たれ</t>
  </si>
  <si>
    <t>お野菜まるゴーヤチャンプルーの素</t>
  </si>
  <si>
    <t>お野菜まる焼きなす</t>
  </si>
  <si>
    <t>だしCOOKかぼちゃのそぼろ煮</t>
  </si>
  <si>
    <t>だしCOOK鶏大根のてり煮の素</t>
  </si>
  <si>
    <t>お野菜まる旨辛もやしの素</t>
  </si>
  <si>
    <t>まぜこみご飯の素豚キムチ風</t>
  </si>
  <si>
    <t>まぜこみご飯の素五目ひじき</t>
  </si>
  <si>
    <t>まぜこみご飯の素牛ごぼう</t>
  </si>
  <si>
    <t>まぜこみご飯の素　鮭コーン</t>
  </si>
  <si>
    <t>まぜこみご飯の素　肉みそ</t>
  </si>
  <si>
    <t>おだしごはん　鹿児島鶏飯</t>
  </si>
  <si>
    <t>おだしごはん　札幌スープカレー風</t>
  </si>
  <si>
    <t>パックまぜごはんの素地鶏ごはん</t>
  </si>
  <si>
    <t>蟹と卵のカレー炒めの素</t>
  </si>
  <si>
    <t>タルタルソース１０ｇ</t>
  </si>
  <si>
    <t>10　ｇ</t>
  </si>
  <si>
    <t>手羽先甘辛揚げのたれ　９０ｇ</t>
  </si>
  <si>
    <t>鶏モモ油淋鶏の素</t>
  </si>
  <si>
    <t>鶏ムネ味噌マヨソース</t>
  </si>
  <si>
    <t>鶏ムネチキン南蛮の素</t>
  </si>
  <si>
    <t>つみれのタレ１５０ｇ</t>
  </si>
  <si>
    <t>肉しゃぶサラダの素</t>
  </si>
  <si>
    <t>カプレーゼ風トマトサラダ用セット</t>
  </si>
  <si>
    <t>とろとろ湯豆腐の素</t>
  </si>
  <si>
    <t>手作りおはぎセット</t>
  </si>
  <si>
    <t>帆立めしの素</t>
  </si>
  <si>
    <t>じゃこめしの素</t>
  </si>
  <si>
    <t>フライドチキンパウダー</t>
  </si>
  <si>
    <t>小さめどんぶり親子丼</t>
  </si>
  <si>
    <t>小さめどんぶり　麻婆なす丼</t>
  </si>
  <si>
    <t>小さめどんぶり中華丼</t>
  </si>
  <si>
    <t>小さめどんぶり牛とじ丼</t>
  </si>
  <si>
    <t>冷凍食材と炒める白湯醤油味</t>
  </si>
  <si>
    <t>冷凍食材と炒める味噌味</t>
  </si>
  <si>
    <t>豚バラ大根の素</t>
  </si>
  <si>
    <t>肉みそキャベツの素</t>
  </si>
  <si>
    <t>とろ卵豚キャベツの素</t>
  </si>
  <si>
    <t>鶏肉の黒酢あんの素</t>
  </si>
  <si>
    <t>からだスマイル野菜も摂れる五目あんかけ</t>
  </si>
  <si>
    <t>からだスマイル　味わい深い醤が決め手ピリ辛麻辣</t>
  </si>
  <si>
    <t>からだスマイル鶏そぼろときざみ生姜和風あんかけ</t>
  </si>
  <si>
    <t>6　パック</t>
  </si>
  <si>
    <t>牛カルビ丼の素</t>
  </si>
  <si>
    <t>しいたけ屋が作った簡単筑前煮の素</t>
  </si>
  <si>
    <t>第一三共ヘルスケア</t>
  </si>
  <si>
    <t>ﾀﾞｲｲﾁｻﾝｷｮｳ</t>
  </si>
  <si>
    <t>ホテイ　三陸ふかひれ茶碗蒸しの素　２５０ｇ</t>
  </si>
  <si>
    <t>ホテイ　三陸かに茶碗蒸しの素　２５０ｇ</t>
  </si>
  <si>
    <t>淡路島産オニオンソテー</t>
  </si>
  <si>
    <t>ビバレ・ジャパン</t>
  </si>
  <si>
    <t>ﾋﾞﾊﾞﾚｼﾞｬﾊﾟ</t>
  </si>
  <si>
    <t>ふくしま樽出し茄子</t>
  </si>
  <si>
    <t>ｷｸｺｳｼｮｸﾋﾝ</t>
  </si>
  <si>
    <t>ロスティ</t>
  </si>
  <si>
    <t>ﾋ-ﾛ-</t>
  </si>
  <si>
    <t>ブファリー冷凍モッツァレッラブファラＳ　３０ｇ×４</t>
  </si>
  <si>
    <t>３０g×４</t>
  </si>
  <si>
    <t>ブファリー　冷凍モッツァレラＭ　１２５ｇ×２</t>
  </si>
  <si>
    <t>１２５g×２</t>
  </si>
  <si>
    <t>スタミナ漬け</t>
  </si>
  <si>
    <t>こだわり食感塩レモン</t>
  </si>
  <si>
    <t>スパイスクッキング　キャロットラペ</t>
  </si>
  <si>
    <t>香港バル　牛肉の黒胡椒醤ソテー用</t>
  </si>
  <si>
    <t>香港バル　鶏肉のコク旨甜麺醤ソテー用</t>
  </si>
  <si>
    <t>ﾏﾙﾁｭｳ</t>
  </si>
  <si>
    <t>ごはんだモン</t>
  </si>
  <si>
    <t>200g*3P</t>
  </si>
  <si>
    <t>ホ－ルトマト</t>
  </si>
  <si>
    <t>390Ｇ</t>
  </si>
  <si>
    <t>ﾘ-ﾄﾞｵﾌ</t>
  </si>
  <si>
    <t>ｴｺﾛｼﾞｰﾌｯｸﾗｺﾞﾊﾝ</t>
  </si>
  <si>
    <t>3個入り</t>
  </si>
  <si>
    <t>ハンバーグヘルパ2個セット</t>
  </si>
  <si>
    <t>ハンバーグヘルパー　3個セット</t>
  </si>
  <si>
    <t>バターコーン＆ポテト</t>
  </si>
  <si>
    <t>富良野北あかりじゃがバター</t>
  </si>
  <si>
    <t>火鍋スープの素</t>
  </si>
  <si>
    <t>大地の生菓</t>
  </si>
  <si>
    <t>社会福祉法人さつき会</t>
  </si>
  <si>
    <t>トマトカレー</t>
  </si>
  <si>
    <t>JAｵｵﾊﾏ</t>
  </si>
  <si>
    <t>ﾎﾞﾝｺﾞﾚｿｰｽ</t>
  </si>
  <si>
    <t>ﾒﾃﾞｨｱﾌｰﾄﾞ</t>
  </si>
  <si>
    <t>ｲﾅｶｱｼﾞﾉｿﾊﾞ</t>
  </si>
  <si>
    <t>KW-SB</t>
  </si>
  <si>
    <t>ﾃﾞｺﾚｰﾄﾍﾟﾝﾁｮｺ</t>
  </si>
  <si>
    <t>ﾃﾞｺﾚｰﾄﾍﾟﾝﾋﾟﾝｸ</t>
  </si>
  <si>
    <t>ﾃﾞｺﾚｰﾄﾍﾟﾝﾎﾜｲﾄ</t>
  </si>
  <si>
    <t>ﾃﾞｺﾚｰﾄﾍﾟﾝﾌﾞﾙｰ</t>
  </si>
  <si>
    <t>ﾃﾞｺﾚｰﾄﾍﾟﾝｲｴﾛｰ</t>
  </si>
  <si>
    <t>ﾃﾞｺﾚｰﾄﾍﾟﾝｸﾞﾘｰﾝ</t>
  </si>
  <si>
    <t>ﾃﾞｺﾚｰﾄﾍﾟﾝﾊﾟｰﾌﾟﾙ</t>
  </si>
  <si>
    <t>ﾃﾞｺﾚｰﾄﾍﾟﾝｵﾚﾝｼﾞ</t>
  </si>
  <si>
    <t>ﾃﾞｺﾚｰﾄﾍﾟﾝｽﾄﾛﾍﾞﾘｰ</t>
  </si>
  <si>
    <t>ﾃﾞｺﾚｰﾄﾍﾟﾝﾌﾞﾗｯｸ</t>
  </si>
  <si>
    <t>ｶﾗﾌﾙｽﾌﾟﾚｰ</t>
  </si>
  <si>
    <t>ﾋﾟﾝｸﾐｯｸｽｽﾌﾟﾚｰ</t>
  </si>
  <si>
    <t>ｶﾗﾌﾙｼｭｶﾞｰﾐﾝﾂ</t>
  </si>
  <si>
    <t>ﾄｯﾋﾟﾝｸﾞｶﾗﾌﾙﾐｯｸ</t>
  </si>
  <si>
    <t>ﾄｯﾋﾟﾝｸﾞｺｺｱﾊﾟｳﾀﾞｰ</t>
  </si>
  <si>
    <t>ﾄｯﾋﾟﾝｸﾞﾊﾟｳﾀﾞｰｼｭｶﾞｰ</t>
  </si>
  <si>
    <t>ﾄｯﾋﾟﾝｸﾞｼｭｶﾞｰｽﾀｰ</t>
  </si>
  <si>
    <t>ﾄｯﾋﾟﾝｸﾞｼｭｶﾞｰﾊｰﾄ</t>
  </si>
  <si>
    <t>ﾄｩｲﾝｸﾙｱﾗｻﾞﾝｼﾙﾊﾞｰ</t>
  </si>
  <si>
    <t>ﾄｩｲﾝｸﾙｱﾗｻﾞﾝｲｴﾛｰｺﾞｰﾙﾄ</t>
  </si>
  <si>
    <t>ﾄｩｲﾝｸﾙｱﾗｻﾞﾝﾋﾟﾝｸ</t>
  </si>
  <si>
    <t>ﾄｩｲﾝｸﾙｱﾗｻﾞﾝﾌﾞﾙｰ</t>
  </si>
  <si>
    <t>ﾄｩｲﾝｸﾙｱﾗｻﾞﾝｸﾞﾘｰﾝ</t>
  </si>
  <si>
    <t>ﾌﾟﾁﾁｮｺﾁｯﾌﾟﾎﾜｲﾄ</t>
  </si>
  <si>
    <t>ﾌﾟﾁﾁｮｺﾁｯﾌﾟｽﾄﾛﾍﾞﾘ-</t>
  </si>
  <si>
    <t>ﾌﾟﾁﾁｮｺﾁｯﾌﾟﾁｮｺ</t>
  </si>
  <si>
    <t>ｱｰﾓﾝﾄﾞｽﾗｲｽ</t>
  </si>
  <si>
    <t>実りの収穫セミノール</t>
  </si>
  <si>
    <t>ｺﾐﾅﾐ</t>
  </si>
  <si>
    <t>音代丸のツナあかラベル</t>
  </si>
  <si>
    <t>のせのせバターしょうゆ瓶</t>
  </si>
  <si>
    <t>ｴﾌﾞﾘｼﾝｸﾞ</t>
  </si>
  <si>
    <t>牛もつカレー</t>
  </si>
  <si>
    <t>エヌ・ティー・ケイ</t>
  </si>
  <si>
    <t>ｵｰｴｽﾌｰｽﾞ</t>
  </si>
  <si>
    <t>野菜カレー</t>
  </si>
  <si>
    <t>ｸﾏﾓﾝｺｺｱﾋﾟｰﾅｯﾂ</t>
  </si>
  <si>
    <t>天草名産たこめしの素</t>
  </si>
  <si>
    <t>ｶｯﾌﾟｺｰﾙﾄﾞ栗かぼちゃ</t>
  </si>
  <si>
    <t>とろみ王国の野菜辛みそ</t>
  </si>
  <si>
    <t>とろみ王国の野菜うま塩</t>
  </si>
  <si>
    <t>BistroDoアンチョビガーリック</t>
  </si>
  <si>
    <t>コリアブルダック</t>
  </si>
  <si>
    <t>CookDo81炊飯器でつくるアジアン鶏飯用</t>
  </si>
  <si>
    <t>クックドゥおかずごはん鶏カレー飯</t>
  </si>
  <si>
    <t>クックドゥおかずごはん鶏パエリア</t>
  </si>
  <si>
    <t>９０Ｇ</t>
  </si>
  <si>
    <t>おかずごはん韓国風ビビンバ</t>
  </si>
  <si>
    <t>ｸｯｸﾄﾞｩおかずごはんﾊﾞﾀｰ鶏ﾋﾟﾗﾌ</t>
  </si>
  <si>
    <t>パスタドゥナスノトマトソ－ス</t>
  </si>
  <si>
    <t>パスタドゥボロ－ニャミ－ト</t>
  </si>
  <si>
    <t>アジア元気　メンタイトムヤム</t>
  </si>
  <si>
    <t>BistroDoなすのボローニャ風</t>
  </si>
  <si>
    <t>BistroDo鶏のブラウンソース</t>
  </si>
  <si>
    <t>BistroDo鶏ときのこのブラウンソース用</t>
  </si>
  <si>
    <t>BistroDo鶏のトマトクリーム</t>
  </si>
  <si>
    <t>（Ｂｉｓｔｒｏ　Ｄｏ）豚のガーリックソテー用</t>
  </si>
  <si>
    <t>BistroDoなすのボロネーゼ風炒め用</t>
  </si>
  <si>
    <t>おいしさパックえびピラフの素</t>
  </si>
  <si>
    <t>世界の食卓からパエリア</t>
  </si>
  <si>
    <t>50.2g</t>
  </si>
  <si>
    <t>牛乳で作るチーズフォンデュ</t>
  </si>
  <si>
    <t>牛乳で作るチーズフォンデュ_カレー風味</t>
  </si>
  <si>
    <t>世界の食卓からチーズフォンデュ</t>
  </si>
  <si>
    <t>ｺﾞｰﾙﾃﾞﾝﾊﾔｼﾗｲｽｿｰｽ</t>
  </si>
  <si>
    <t>旅する世界の一皿ポトフ</t>
  </si>
  <si>
    <t>旅する世界の一皿ビーフストロガノフ</t>
  </si>
  <si>
    <t>噂の名店チキンカレー＆ダルマサラ</t>
  </si>
  <si>
    <t>噂の名店ドライカレー＆チキンカレ</t>
  </si>
  <si>
    <t>ごちたま　麻婆玉子</t>
  </si>
  <si>
    <t>ごはんにあうオイスター炒め</t>
  </si>
  <si>
    <t>ごはんにコチュウジャン炒め</t>
  </si>
  <si>
    <t>ごちうま牛なすオイスター炒め</t>
  </si>
  <si>
    <t>ごちうま　スンドゥブチゲの素</t>
  </si>
  <si>
    <t>56.3g</t>
  </si>
  <si>
    <t>ごちうま　アクアパッツァ風の素</t>
  </si>
  <si>
    <t>ごちうま　麻婆玉子のの素</t>
  </si>
  <si>
    <t>ごちうま　コチュジャン炒めの素</t>
  </si>
  <si>
    <t>ごち一丁　豆腐チゲの素</t>
  </si>
  <si>
    <t>鶏じゃがのガーリック蒸しの素</t>
  </si>
  <si>
    <t>シーフードピラフの素</t>
  </si>
  <si>
    <t>バランス食堂鶏のカレー炒め</t>
  </si>
  <si>
    <t>グリコ　バランス食堂コチュジャン炒めの素　６２ｇ</t>
  </si>
  <si>
    <t>グリコ　バランス食堂麻婆玉子の素　８３ｇ</t>
  </si>
  <si>
    <t>バランス食堂八宝菜の素</t>
  </si>
  <si>
    <t>グリコバランス食堂麻婆茄子の素</t>
  </si>
  <si>
    <t>バランス食堂鶏キャベツのタッカルビの素</t>
  </si>
  <si>
    <t>バランス食堂回鍋肉の素</t>
  </si>
  <si>
    <t>152ｇ</t>
  </si>
  <si>
    <t>ポントクック中華風旨塩ソースの素</t>
  </si>
  <si>
    <t>赤坂璃宮監修中華おこわ</t>
  </si>
  <si>
    <t>ベジゴロおかず豆乳クリーム煮</t>
  </si>
  <si>
    <t>ベジゴロおかず赤から肉野菜炒めの素</t>
  </si>
  <si>
    <t>韓キッチンビビンバの素</t>
  </si>
  <si>
    <t>196ｇ</t>
  </si>
  <si>
    <t>韓キッチンチャプチェの素</t>
  </si>
  <si>
    <t>172ｇ</t>
  </si>
  <si>
    <t>Ｃ３０オグラヤツクダニ</t>
  </si>
  <si>
    <t>えびめし</t>
  </si>
  <si>
    <t>欧風亭オムライスの素</t>
  </si>
  <si>
    <t>76.8g</t>
  </si>
  <si>
    <t>大豆ミートのタコライス用ソース１００ｇ</t>
  </si>
  <si>
    <t>彩り野菜と大豆ミートのガパオ用ソース</t>
  </si>
  <si>
    <t>ヨウショクヤチキンライス</t>
  </si>
  <si>
    <t>ごろごろローストチキン</t>
  </si>
  <si>
    <t>洋食屋さんレシピチキンライス</t>
  </si>
  <si>
    <t>トマトブイヨン</t>
  </si>
  <si>
    <t>太陽のトマトハヤシ</t>
  </si>
  <si>
    <t>イタリアン風トマト肉じゃが</t>
  </si>
  <si>
    <t>イタリアン風さばのトマトみそ煮</t>
  </si>
  <si>
    <t>イタリアンチキン</t>
  </si>
  <si>
    <t>じゃがチーズ焼</t>
  </si>
  <si>
    <t>タコスライスソース</t>
  </si>
  <si>
    <t>90g*2</t>
  </si>
  <si>
    <t>鶏チリ</t>
  </si>
  <si>
    <t>カゴメ　なすと豚肉のトマトみそ炒め</t>
  </si>
  <si>
    <t>もやしと豚肉のﾄﾏﾄｶﾞｰﾘｯｸ炒め</t>
  </si>
  <si>
    <t>キャベツと豚肉のトマト塩だれ炒め</t>
  </si>
  <si>
    <t>豚トマ炒めさっぱりトマト塩だれ</t>
  </si>
  <si>
    <t>ゴーヤチャンプルートマト仕立て</t>
  </si>
  <si>
    <t>ガリトマチキン</t>
  </si>
  <si>
    <t>ごほうびブランチ　3種の豆のチリコンカン</t>
  </si>
  <si>
    <t>ごほうびブランチ　7種の野菜のトマトリゾット</t>
  </si>
  <si>
    <t>豚肉ピザ焼用</t>
  </si>
  <si>
    <t>豆腐ミートグラタン</t>
  </si>
  <si>
    <t>ﾃﾞﾘｼｬｽ</t>
  </si>
  <si>
    <t>生活派_ﾚｷﾞｭﾗｰﾊﾝﾊﾞｰｸﾞの素_24.4G</t>
  </si>
  <si>
    <t>よくばりDeliおうちでカンタンキッシュ用ソース</t>
  </si>
  <si>
    <t>よくばりDeliビビンバの素</t>
  </si>
  <si>
    <t>焼ビーフンごはん</t>
  </si>
  <si>
    <t>255ｇ</t>
  </si>
  <si>
    <t>札幌スープカレーの素</t>
  </si>
  <si>
    <t>北海道ザンギのたれ</t>
  </si>
  <si>
    <t>冷凍ストック名人キーマカレーの素</t>
  </si>
  <si>
    <t>冷凍ストック名人タコライスの素</t>
  </si>
  <si>
    <t>冷凍ストック名人タンドリーチキンの素</t>
  </si>
  <si>
    <t>CUPCOOK　牛プルコギ炒めのたれ　210g</t>
  </si>
  <si>
    <t>CUPCOOKプルコギ</t>
  </si>
  <si>
    <t>CUPCOOKエビチリ</t>
  </si>
  <si>
    <t>ﾆﾜﾄﾘﾋｷﾆｸﾉﾄﾏﾄﾘｿﾞｯﾄﾉﾓﾄ</t>
  </si>
  <si>
    <t>ｷﾉｺｺｰﾝﾉﾁｰｽﾞﾘｿﾞｯﾄ</t>
  </si>
  <si>
    <t>5ｼｭﾉﾔｻｲﾉｺﾝｿﾒﾘｿﾞｯﾄ</t>
  </si>
  <si>
    <t>ﾍﾞｰｺﾝﾎﾟﾃﾄｵﾑﾚﾂﾉﾓﾄ</t>
  </si>
  <si>
    <t>ﾐｰﾄｵﾑﾚﾂﾉﾓﾄ</t>
  </si>
  <si>
    <t>ﾄﾏﾄｺｰﾝｵﾑﾚﾂﾉﾓﾄ</t>
  </si>
  <si>
    <t>果実と野菜のうまみ豊かなミートソ</t>
  </si>
  <si>
    <t>金のパスタ　ボロネーゼ</t>
  </si>
  <si>
    <t>無添加ﾐｰﾄｿｰｽ</t>
  </si>
  <si>
    <t>無添加ﾅﾎﾟﾘﾀﾝｿｰｽ</t>
  </si>
  <si>
    <t>無添加ｶﾙﾎﾞﾅｰﾗ</t>
  </si>
  <si>
    <t>無添加ミ－トソ－ス</t>
  </si>
  <si>
    <t>無添加カルボナーラ</t>
  </si>
  <si>
    <t>無添加トマトソ－ス</t>
  </si>
  <si>
    <t>香り立つバジル</t>
  </si>
  <si>
    <t>海香るイカスミ</t>
  </si>
  <si>
    <t>和パスタ好きのための梅</t>
  </si>
  <si>
    <t>バーニャカウダの素_袋</t>
  </si>
  <si>
    <t>鶏の塩レモン焼き</t>
  </si>
  <si>
    <t>豚肉のにんにく醤油焼き</t>
  </si>
  <si>
    <t>ほめDELI　バーニャカウダの素</t>
  </si>
  <si>
    <t>７０g</t>
  </si>
  <si>
    <t>濃厚デミグラスハンバーグ</t>
  </si>
  <si>
    <t>完熟トマトソースハンバーグ</t>
  </si>
  <si>
    <t>オーマイホールトマト</t>
  </si>
  <si>
    <t>ﾎｰﾙﾄﾏﾄ</t>
  </si>
  <si>
    <t>ｶｯﾄﾄﾏﾄ</t>
  </si>
  <si>
    <t>濃厚ボロネーゼ</t>
  </si>
  <si>
    <t>トマットリア　パエリア</t>
  </si>
  <si>
    <t>トマットリア濃厚トマトクリームグラタン</t>
  </si>
  <si>
    <t>具Tanto鶏肉のトマト煮用ソース</t>
  </si>
  <si>
    <t>具Tantoミネストローネ用ソース</t>
  </si>
  <si>
    <t>具Tantoパスタソース完熟トマト＆バジル</t>
  </si>
  <si>
    <t>具Tantoコーンスープの素</t>
  </si>
  <si>
    <t>トマットリア　トマト煮込みハンバーグソース</t>
  </si>
  <si>
    <t>トマットリア　鶏肉のトマト煮込みソース</t>
  </si>
  <si>
    <t>鶏肉のトマト煮込みソース</t>
  </si>
  <si>
    <t>トマットリア濃厚仕込みハンバーグ</t>
  </si>
  <si>
    <t>234ｇ</t>
  </si>
  <si>
    <t>ﾊﾟｲﾝ＆ｱﾛｴﾀｲﾖｳﾉｾﾞｲﾀｸ</t>
  </si>
  <si>
    <t>トマットリア牛肉の赤ワイン煮込みソース</t>
  </si>
  <si>
    <t>トマットリア豚肉のソテー　ﾏｽﾀｰﾄﾞｸﾘｰﾑｿｰｽ</t>
  </si>
  <si>
    <t>トマットリア　ボルシチ風トマトシチュー</t>
  </si>
  <si>
    <t>トマットリア　野菜と鶏肉のトマトシチューソース</t>
  </si>
  <si>
    <t>トマットリア　豚肉のソテートマトジンジャーソース</t>
  </si>
  <si>
    <t>トマットリアトマト煮込みハンバーグソース</t>
  </si>
  <si>
    <t>トマットリア野菜と鶏肉のトマトシチューソース</t>
  </si>
  <si>
    <t>トマットリア豚肉のソテートマトソースジンジャー仕立て</t>
  </si>
  <si>
    <t>トマットリア鶏肉のフリカッセ濃厚クリーム仕立て</t>
  </si>
  <si>
    <t>洋ごはんつくろ　チキントマト煮</t>
  </si>
  <si>
    <t>洋ごはんつくろ　ガーリックポークソテー</t>
  </si>
  <si>
    <t>洋ごはんつくろ　なすのトマトミート</t>
  </si>
  <si>
    <t>洋ごはんつくろ　バジルチキンソテー</t>
  </si>
  <si>
    <t>洋ごはんつくろ　じゃがポークソテー</t>
  </si>
  <si>
    <t>洋ごはんつくろ　オニオンチキン</t>
  </si>
  <si>
    <t>洋ごはんつくろチキンクリーム煮</t>
  </si>
  <si>
    <t>ﾃﾞﾙﾓﾝﾃ_洋ｺﾞﾊﾝ_ﾓﾔｼのﾍﾟﾍﾟﾛﾝﾁｰﾉ_100G</t>
  </si>
  <si>
    <t>ｶﾞﾘﾊﾞﾀｷｬﾍﾞﾂ</t>
  </si>
  <si>
    <t>ﾃﾞﾙﾓﾝﾃ_洋ｺﾞﾊﾝ_ｽｲｰﾄﾁﾘﾁｷﾝ_117G</t>
  </si>
  <si>
    <t>ﾃﾞﾙﾓﾝﾃ_洋ごはんつくろこくうまきのこﾃﾞﾐ_150g</t>
  </si>
  <si>
    <t>洋ごはんつくろ洋風惣菜の素白菜ｶﾙﾎﾞﾅｰﾗ_100</t>
  </si>
  <si>
    <t>洋ごはんつくろ　ガーリックポテト</t>
  </si>
  <si>
    <t>洋ごはんつくろ　ハッシュドチキン</t>
  </si>
  <si>
    <t>洋ごはんつくろ　オーロラチキン</t>
  </si>
  <si>
    <t>洋ごはんつくろ　ガリバタキャベツ</t>
  </si>
  <si>
    <t>洋ごはんつくろ　スイートチリチキン</t>
  </si>
  <si>
    <t>洋ごはんつくろ白菜カルボナーラ</t>
  </si>
  <si>
    <t>洋ごはんつくろ　ミラノ風カツレツ</t>
  </si>
  <si>
    <t>洋ごはんつくろ　タンドリーチキン</t>
  </si>
  <si>
    <t>洋ごはんつくろ　なすと豚肉のラタトゥイユ</t>
  </si>
  <si>
    <t>洋ごはんつくろ　ミートローフ</t>
  </si>
  <si>
    <t>洋ごはんつくろ　白菜ミルフィーユ</t>
  </si>
  <si>
    <t>洋ごはんつくろ　デミグラスチキンソテー</t>
  </si>
  <si>
    <t>洋ごはんつくろ　チキングラタン</t>
  </si>
  <si>
    <t>トマットリア濃厚クリームグラタンソース</t>
  </si>
  <si>
    <t>トマットリアクリーミートマトグラタン</t>
  </si>
  <si>
    <t>１４３ｇ</t>
  </si>
  <si>
    <t>トマットリア　鶏肉のソテー　ﾊﾞｼﾞﾙｸﾘｰﾑｿｰｽ</t>
  </si>
  <si>
    <t>トマットリア　豚肉のソテー　トマトソース</t>
  </si>
  <si>
    <t>トマットリア　鶏肉のソテーマスタードクリームソース</t>
  </si>
  <si>
    <t>のっけごはんビビンバ</t>
  </si>
  <si>
    <t>のっけごはんタコライス</t>
  </si>
  <si>
    <t>のっけごはん彩りジャージャー</t>
  </si>
  <si>
    <t>デミ玉</t>
  </si>
  <si>
    <t>134.2g</t>
  </si>
  <si>
    <t>おうちで韓国ごはん_とろみｽﾝﾄﾞｩﾌﾞ</t>
  </si>
  <si>
    <t>おうちで韓国ごはん　ふんわりチヂミ</t>
  </si>
  <si>
    <t>おうちで韓国ごはん　ヤンニョムチキン</t>
  </si>
  <si>
    <t>おうちで韓国ごはん　甘辛タッカルビ</t>
  </si>
  <si>
    <t>永谷園　アジアグリーンカレー風チキン</t>
  </si>
  <si>
    <t>おうちでアジアごはん　トムヤム風チキン炒め</t>
  </si>
  <si>
    <t>焼豚炒飯２個パック</t>
  </si>
  <si>
    <t>五目炒飯２個パック</t>
  </si>
  <si>
    <t>徳用味噌汁つめあわせ</t>
  </si>
  <si>
    <t>お茶漬け海苔カートン</t>
  </si>
  <si>
    <t>1カートン</t>
  </si>
  <si>
    <t>松茸の味お吸い物カートン</t>
  </si>
  <si>
    <t>焼ナポリタン風甘うまトマト味</t>
  </si>
  <si>
    <t>松茸のお吸い物ｾｯﾄ</t>
  </si>
  <si>
    <t>ハンバーグヘルパーテリヤキ</t>
  </si>
  <si>
    <t>パンでプディングクリーム</t>
  </si>
  <si>
    <t>パンでプディングカスタード</t>
  </si>
  <si>
    <t>おてがるクッキングヘルパーハンバーグの素</t>
  </si>
  <si>
    <t>てりやきチキンバーグの素</t>
  </si>
  <si>
    <t>ビストロシェフ　煮込みハンバーグ</t>
  </si>
  <si>
    <t>釜玉すぱ</t>
  </si>
  <si>
    <t>ｶﾙﾎﾞﾅｰﾗ</t>
  </si>
  <si>
    <t>釜玉すぱ和風カレー</t>
  </si>
  <si>
    <t>ﾊﾞﾀｰｼｮｳﾕ</t>
  </si>
  <si>
    <t>英国式バターチキンカレー</t>
  </si>
  <si>
    <t>釜玉すぱ明太カルボナーラ</t>
  </si>
  <si>
    <t>おやつフォンデュチョコ味</t>
  </si>
  <si>
    <t>68Ｇ</t>
  </si>
  <si>
    <t>おやつフォンデュ練乳苺味</t>
  </si>
  <si>
    <t>56Ｇ</t>
  </si>
  <si>
    <t>ビストロシェフ煮込みハンバーグ</t>
  </si>
  <si>
    <t>カレーなおかず　タイ風　グリーンカレー炒め</t>
  </si>
  <si>
    <t>カレーなおかず　タイ風　鶏肉とピーマンのバジル炒め</t>
  </si>
  <si>
    <t>こんがりデリ　こぶみかん香るトムヤムチキン</t>
  </si>
  <si>
    <t>ハンバーグヘルパー袋</t>
  </si>
  <si>
    <t>トマトチーズ風味のサーモン焼</t>
  </si>
  <si>
    <t>まぜのびチーズソースの素</t>
  </si>
  <si>
    <t>豆腐ハンバーグヘルパー根菜入り</t>
  </si>
  <si>
    <t>しその実のり</t>
  </si>
  <si>
    <t>九州みかんＥＯ缶</t>
  </si>
  <si>
    <t>和風あんかけの素３Ｐ</t>
  </si>
  <si>
    <t>ツナカルライトまぐろ</t>
  </si>
  <si>
    <t>80g*3</t>
  </si>
  <si>
    <t>430ｇ</t>
  </si>
  <si>
    <t>12種のスパイスと挽肉のタコライスソース</t>
  </si>
  <si>
    <t>赤飯の素</t>
  </si>
  <si>
    <t>橋本</t>
  </si>
  <si>
    <t>ｼｰﾁｷﾝﾌﾟﾗｽﾀﾞﾌﾞﾙﾋﾞｰﾝｽﾞ</t>
  </si>
  <si>
    <t>ｼｰﾁｷﾝﾌﾟﾗｽ大豆</t>
  </si>
  <si>
    <t>さばで健康しょうゆ味</t>
  </si>
  <si>
    <t>さばで健康みそ味</t>
  </si>
  <si>
    <t>あさりと野菜トマトクリーム</t>
  </si>
  <si>
    <t>はごろもﾌﾙｰﾂみつ豆</t>
  </si>
  <si>
    <t>はごろもﾌﾙｰﾂﾎﾟﾝﾁEO</t>
  </si>
  <si>
    <t>はごろもみかんEOM</t>
  </si>
  <si>
    <t>こしあん好きのおしるこ</t>
  </si>
  <si>
    <t>うま麺油そばの素</t>
  </si>
  <si>
    <t>うま麺汁なしちゃんぽんの素</t>
  </si>
  <si>
    <t>100Ｇ</t>
  </si>
  <si>
    <t>うま麺五目あんかけの素</t>
  </si>
  <si>
    <t>ＷＤインド風炊き込みご飯ビリヤニ</t>
  </si>
  <si>
    <t>ＷＤスペイン風炊き込みご飯パエリ</t>
  </si>
  <si>
    <t>ＷＤアジア風炊き込みご飯海南鶏飯</t>
  </si>
  <si>
    <t>カレー専門店のこだわりのカレ</t>
  </si>
  <si>
    <t>辛口　210g</t>
  </si>
  <si>
    <t>デリシャスカレー　辛口</t>
  </si>
  <si>
    <t>170ｇ×4Ｐ</t>
  </si>
  <si>
    <t>ベジタブルキーマカレー</t>
  </si>
  <si>
    <t>こってり濃厚ビーフカレー中辛</t>
  </si>
  <si>
    <t>こってり濃厚チーズカレー中辛</t>
  </si>
  <si>
    <t>たっぷりスモークサーモンクリ</t>
  </si>
  <si>
    <t>激辛ミートソース</t>
  </si>
  <si>
    <t>140Ｇ</t>
  </si>
  <si>
    <t>激辛カルボナーラ</t>
  </si>
  <si>
    <t>クイックパスタバジル</t>
  </si>
  <si>
    <t>炊き込みわかめ柚子こしょう</t>
  </si>
  <si>
    <t>たまご食堂</t>
  </si>
  <si>
    <t>かに玉子炒め</t>
  </si>
  <si>
    <t>（モランボン）ハンバーグの素</t>
  </si>
  <si>
    <t>鶏チリソース</t>
  </si>
  <si>
    <t>ビストロ煮込みチキンステーキ用ソース</t>
  </si>
  <si>
    <t>ビストロカツレツ粉レモンフレンチソース付</t>
  </si>
  <si>
    <t>DistroDishチキンソテーの素</t>
  </si>
  <si>
    <t>BistroDishポークソテーの素</t>
  </si>
  <si>
    <t>韓の食彩ブデチゲ１９５ｇ</t>
  </si>
  <si>
    <t>豚バラ白湯煮込みのたれ（モランボン）</t>
  </si>
  <si>
    <t>牛こま甘辛煮込みのたれ（モランボン）</t>
  </si>
  <si>
    <t>ひきにくとナスの麻婆春雨炒め</t>
  </si>
  <si>
    <t>タコライスソース７０ｇ</t>
  </si>
  <si>
    <t>ロコモコソース１５０ｇ</t>
  </si>
  <si>
    <t>チキンチャウダースープ</t>
  </si>
  <si>
    <t>ビストロディッシュ　ハンバーグの素</t>
  </si>
  <si>
    <t>ＢｉｓｔｒｏＤｉｓｈローストビーフサラダソース</t>
  </si>
  <si>
    <t>スマイルＤｅｌｉ鶏チリソースの素１２０ｇ</t>
  </si>
  <si>
    <t>フライパンで作るシュウマイの素</t>
  </si>
  <si>
    <t>焼肉屋直伝　冷やしクッパ　３５０ｇ</t>
  </si>
  <si>
    <t>エビチリ飯の素</t>
  </si>
  <si>
    <t>もちとからめてあんこもちの素</t>
  </si>
  <si>
    <t>38.1G</t>
  </si>
  <si>
    <t>おもちとからめてごまみそ</t>
  </si>
  <si>
    <t>43.2ｇ</t>
  </si>
  <si>
    <t>ちょいクック青椒肉絲風炒めの素</t>
  </si>
  <si>
    <t>２７Ｇ</t>
  </si>
  <si>
    <t>ちょいクックチリソース炒めの素</t>
  </si>
  <si>
    <t>３７．５Ｇ</t>
  </si>
  <si>
    <t>ちょいクックプルコギの素</t>
  </si>
  <si>
    <t>完熟トマト麻婆豆腐の素</t>
  </si>
  <si>
    <t>マーラーヒ鍋の素</t>
  </si>
  <si>
    <t>酸辣鍋の素</t>
  </si>
  <si>
    <t>おうちde旅ごはん_タコライスの素</t>
  </si>
  <si>
    <t>簡単まぜごはんの素彩りピラフ</t>
  </si>
  <si>
    <t>簡単まぜごはんの素ドライカレー</t>
  </si>
  <si>
    <t>麻婆豆腐辛口</t>
  </si>
  <si>
    <t>２個パック</t>
  </si>
  <si>
    <t>ﾘｰﾄﾞｵﾌｼﾞｬﾝ</t>
  </si>
  <si>
    <t>ルーローハン</t>
  </si>
  <si>
    <t>メキシカンライス</t>
  </si>
  <si>
    <t>さざなみマイパック</t>
  </si>
  <si>
    <t>ローストポークのたれ</t>
  </si>
  <si>
    <t>18　ｇ</t>
  </si>
  <si>
    <t>ローストビーフのタレ</t>
  </si>
  <si>
    <t>焼きとうもろこし仕立てのポタ</t>
  </si>
  <si>
    <t>ごま豆乳ポタージュ</t>
  </si>
  <si>
    <t>ほたてポタージュ</t>
  </si>
  <si>
    <t>和ポタージュたまご</t>
  </si>
  <si>
    <t>和ポタージュほたて</t>
  </si>
  <si>
    <t>ﾘｶﾝ</t>
  </si>
  <si>
    <t>ローストビーフの素</t>
  </si>
  <si>
    <t>ビビンバ</t>
  </si>
  <si>
    <t>ハンバーグの素４５ｇＲ</t>
  </si>
  <si>
    <t>東京スカイツリーふりかけ20P</t>
  </si>
  <si>
    <t>東京スカイツリーふりかけ</t>
  </si>
  <si>
    <t>20P×4個</t>
  </si>
  <si>
    <t>もやしで皿うどん</t>
  </si>
  <si>
    <t>フライパンでタンドリーチキンのたれ</t>
  </si>
  <si>
    <t>豚肉の黒酢炒めの素</t>
  </si>
  <si>
    <t>鶏肉がおいしい　カオマンガイの素</t>
  </si>
  <si>
    <t>95　ｇ</t>
  </si>
  <si>
    <t>豚肉がおいしい　中華角煮飯の素</t>
  </si>
  <si>
    <t>サラダチキンの素にんにく＆しょうゆ</t>
  </si>
  <si>
    <t>63　ｇ</t>
  </si>
  <si>
    <t>サラダチキンの素ハーブ＆レモン</t>
  </si>
  <si>
    <t>餃子の素</t>
  </si>
  <si>
    <t>79　ｇ</t>
  </si>
  <si>
    <t>デコポン缶詰め</t>
  </si>
  <si>
    <t>6缶</t>
  </si>
  <si>
    <t>芦北柑橘</t>
  </si>
  <si>
    <t>10缶</t>
  </si>
  <si>
    <t>マキシマム詰替え用</t>
  </si>
  <si>
    <t>ﾄﾞｰﾙﾄﾛﾋﾟｶﾙﾌﾙｰﾂﾐｯｸｽ</t>
  </si>
  <si>
    <t>150Ｇ</t>
  </si>
  <si>
    <t>鏡餅</t>
  </si>
  <si>
    <t>味覚園白菜キムチ</t>
  </si>
  <si>
    <t>ホルモン味噌炒めの素</t>
  </si>
  <si>
    <t>ホルモン旨塩炒めの素</t>
  </si>
  <si>
    <t>ホルモンキムチ炒めの素</t>
  </si>
  <si>
    <t>柳川海苔本舗有明産海苔詰合せ</t>
  </si>
  <si>
    <t>ADY-30A</t>
  </si>
  <si>
    <t>蜂蜜とフルーツの恵み　ブルー</t>
  </si>
  <si>
    <t>蜂蜜とフルーツの恵みりんご</t>
  </si>
  <si>
    <t>蜂蜜とフルーツの恵みあまおう</t>
  </si>
  <si>
    <t>杵つきもち</t>
  </si>
  <si>
    <t>チリコンカン</t>
  </si>
  <si>
    <t>レアチーズケーキ</t>
  </si>
  <si>
    <t>ｸﾏﾓﾄﾌﾟﾚﾐｱﾑｴｸｾﾚﾝﾄｼｮｺﾗ</t>
  </si>
  <si>
    <t>ｸﾏﾓﾄｽｲｰﾄﾒﾓﾘｰ</t>
  </si>
  <si>
    <t>小　12枚</t>
  </si>
  <si>
    <t>ﾚｱﾁｰｽﾞｹｰｷ</t>
  </si>
  <si>
    <t>白インゲンと豚肉煮込カスレ</t>
  </si>
  <si>
    <t>68g×3P</t>
  </si>
  <si>
    <t>福ふく食堂　雑煮</t>
  </si>
  <si>
    <t>天草大王カレー</t>
  </si>
  <si>
    <t>あさりスープ</t>
  </si>
  <si>
    <t>冷凍食材と炒める海鮮旨塩味</t>
  </si>
  <si>
    <t>冷凍食材と炒めるトマト味</t>
  </si>
  <si>
    <t>こんこん佃煮</t>
  </si>
  <si>
    <t>若竹佃煮</t>
  </si>
  <si>
    <t>韓流ごはん_石焼風ピビンバの素</t>
  </si>
  <si>
    <t>ｸﾏﾓﾝﾀｲｿｳｸﾗﾝﾁ</t>
  </si>
  <si>
    <t>ワッフルクッキー</t>
  </si>
  <si>
    <t>大漁たこめしの素</t>
  </si>
  <si>
    <t>カロリーメイトメープル味</t>
  </si>
  <si>
    <t>スイスデリ　ロスティ</t>
  </si>
  <si>
    <t>ｽｲｽﾃﾞﾘ</t>
  </si>
  <si>
    <t>ｲﾀﾘｱ産あらごしトマト</t>
  </si>
  <si>
    <t>390G</t>
  </si>
  <si>
    <t>レンジ商材</t>
  </si>
  <si>
    <t>カップdeクッキング肉豆腐の素</t>
  </si>
  <si>
    <t>スチーミー鶏手羽バーベキュー75g</t>
  </si>
  <si>
    <t>スチーミー豚チャーシュー用</t>
  </si>
  <si>
    <t>スチーミー　鶏のうま煮用</t>
  </si>
  <si>
    <t>スチーミー鶏のガーリックオニオン味</t>
  </si>
  <si>
    <t>スチーミー鶏チャーシュー用</t>
  </si>
  <si>
    <t>スチーミー鶏のデミグラス煮用</t>
  </si>
  <si>
    <t>レンジで煮物かぼちゃのそぼろ煮</t>
  </si>
  <si>
    <t>スチームベジレモンハーブ味</t>
  </si>
  <si>
    <t>スチームベジ魚介ガーリック味</t>
  </si>
  <si>
    <t>味噌煮の素酒粕入り</t>
  </si>
  <si>
    <t>うちごはん香味ねぎだれふっくらチキン</t>
  </si>
  <si>
    <t>うちごはんにんにく味噌のふっくらチキン</t>
  </si>
  <si>
    <t>うちのごはん香味ねぎだれふっくらチキン</t>
  </si>
  <si>
    <t>うちのごはん肉おかずの素にんにく味噌のふっくらチキン</t>
  </si>
  <si>
    <t>うちのごはんやみつきガーリックふっくらチキン</t>
  </si>
  <si>
    <t>うちのごはんじゃがチキンのりバター醤油</t>
  </si>
  <si>
    <t>うちのごはん黒酢酢豚</t>
  </si>
  <si>
    <t>うちのごはん肉おかずの素塩ふっくらチキン</t>
  </si>
  <si>
    <t>うちのごはん鶏なすタンドリー</t>
  </si>
  <si>
    <t>うちのごはんごちそうレンジの素豚じゃがガーリック醤油</t>
  </si>
  <si>
    <t>うちのごはんてりたまチキン</t>
  </si>
  <si>
    <t>レンジで神うま神豚チャーシュー</t>
  </si>
  <si>
    <t>おかずアシスト八宝菜の素</t>
  </si>
  <si>
    <t>ニッスイ工業</t>
  </si>
  <si>
    <t>本日の逸品広東風麻婆豆腐</t>
  </si>
  <si>
    <t>本日の逸品四川風麻婆豆腐</t>
  </si>
  <si>
    <t>本日の逸品麻婆茄子中辛</t>
  </si>
  <si>
    <t>本日の逸品ふんわりかに玉</t>
  </si>
  <si>
    <t>レンジでちょっとてり焼調味料</t>
  </si>
  <si>
    <t>18gX2</t>
  </si>
  <si>
    <t>レンジでちょっと花椒手羽調味料</t>
  </si>
  <si>
    <t>6gX2</t>
  </si>
  <si>
    <t>レンジで簡単　ポップコーン（塩味）</t>
  </si>
  <si>
    <t>レンジで簡単　ポップコーン（塩キャラメル味）</t>
  </si>
  <si>
    <t>カップdeクッキング麻婆豆腐の素</t>
  </si>
  <si>
    <t>カップdeクッキング麻辣カレー豆腐</t>
  </si>
  <si>
    <t>スチーミースペアリブ用</t>
  </si>
  <si>
    <t>うちのごはんスペアリブ風ジューシー豚バラ</t>
  </si>
  <si>
    <t>うちのごはんコク旨トマトふっくらチキン</t>
  </si>
  <si>
    <t>うちのごはん肉おかずの素スペアリブ風ジューシー豚バラ</t>
  </si>
  <si>
    <t>うちのごはん肉おかずの素トマトチキン</t>
  </si>
  <si>
    <t>うちのごはん濃厚デミチーズふっくらチキン</t>
  </si>
  <si>
    <t>レンジのススメ広東風麻婆豆腐中辛</t>
  </si>
  <si>
    <t>レンジのススメ四川風麻婆豆腐辛口</t>
  </si>
  <si>
    <t>レンジのススメ麻婆茄子</t>
  </si>
  <si>
    <t>レンジのススメ肉豆腐</t>
  </si>
  <si>
    <t>レンジのススメ広東風麻婆</t>
  </si>
  <si>
    <t>レンジのススメ海老チリ</t>
  </si>
  <si>
    <t>ご飯の素</t>
  </si>
  <si>
    <t>混ぜご飯の素</t>
  </si>
  <si>
    <t>ふんわりおじや中華</t>
  </si>
  <si>
    <t>ご飯の素野沢菜ちりめん</t>
  </si>
  <si>
    <t>ご飯の素梅じゃこ麹</t>
  </si>
  <si>
    <t>ご飯の素生姜</t>
  </si>
  <si>
    <t>ちょこっとあずきまぜごはんの素</t>
  </si>
  <si>
    <t>ちょこっとあさりまぜご飯の素</t>
  </si>
  <si>
    <t>ちょこっと鶏五目の素</t>
  </si>
  <si>
    <t>はかた本舗みっけ高菜まぜこみご飯の素</t>
  </si>
  <si>
    <t>はかた本舗</t>
  </si>
  <si>
    <t>ﾊｶﾀﾎﾝﾎﾟ</t>
  </si>
  <si>
    <t>夜の速ごはん　ほぐし鶏ときのこのカレースープごはんの素</t>
  </si>
  <si>
    <t>名古屋どてめし</t>
  </si>
  <si>
    <t>うちのごはん混ぜご飯の素とうもろこしごはん</t>
  </si>
  <si>
    <t>うちのごはん雑穀ごはん</t>
  </si>
  <si>
    <t>うちのごはん混ぜごはんの素もちもち赤飯</t>
  </si>
  <si>
    <t>うちごはん混ぜごはんの素筍ごはん</t>
  </si>
  <si>
    <t>うちのごはん混ぜごはんの素牛ガーリック飯</t>
  </si>
  <si>
    <t>うちのごはん混ぜごはんの素鶏ごぼう</t>
  </si>
  <si>
    <t>うちのごはん牛ごぼうすき焼き</t>
  </si>
  <si>
    <t>うちのごはん鶏そぼろしょうゆ</t>
  </si>
  <si>
    <t>うちのごはん五目ごはん旨だし</t>
  </si>
  <si>
    <t>うちの牛ごぼうすきやき味</t>
  </si>
  <si>
    <t>うちのごはん鶏そぼろ甘辛醤油味</t>
  </si>
  <si>
    <t>うちのごはん混ぜご飯の素五目ごはん旨だし</t>
  </si>
  <si>
    <t>うちのごはん　十目ひじき１０種の具材入</t>
  </si>
  <si>
    <t>うちのごはん　かにめし</t>
  </si>
  <si>
    <t>うちのごはん　ほたてめし</t>
  </si>
  <si>
    <t>92.5g</t>
  </si>
  <si>
    <t>うちのごはん　混ぜご飯の素筍ごはん</t>
  </si>
  <si>
    <t>うちのごはん栗きのこほんのり甘い栗の旨み</t>
  </si>
  <si>
    <t>うちのごはん　梅五目</t>
  </si>
  <si>
    <t>うちのごはん　牛すきごはん</t>
  </si>
  <si>
    <t>混ぜごはんの素豚おこわ風</t>
  </si>
  <si>
    <t>うちのごはん焼鶏おこわ風</t>
  </si>
  <si>
    <t>うちのごはん　３種のきのこ</t>
  </si>
  <si>
    <t>うちのごはん　根菜ごはん</t>
  </si>
  <si>
    <t>うちのごはん　混ぜご飯の素梅しそごはん</t>
  </si>
  <si>
    <t>まぜご飯のもと　古賀の牛めし　</t>
  </si>
  <si>
    <t>期間限定　混ぜ込み鯛めし風</t>
  </si>
  <si>
    <t>期間限定　混ぜ込みわかめ貝柱めし</t>
  </si>
  <si>
    <t>期間限定　混ぜ込みわかめうにめし</t>
  </si>
  <si>
    <t>簡単まぜごはんの素和風五目</t>
  </si>
  <si>
    <t>簡単まぜごはんの素五目ちらし</t>
  </si>
  <si>
    <t>五目まぜご飯の素</t>
  </si>
  <si>
    <t>まぜこみご飯の素　牛ごぼう</t>
  </si>
  <si>
    <t>まぜこみご飯の素　五目ひじき</t>
  </si>
  <si>
    <t>まぜこみご飯の素　鶏きのこ</t>
  </si>
  <si>
    <t>まぜこみご飯の素　かしわめし</t>
  </si>
  <si>
    <t>まぜるだけ九州かしわめし</t>
  </si>
  <si>
    <t>まぜるだけ北海道とうもろこしごはん</t>
  </si>
  <si>
    <t>お赤飯の素ささげ</t>
  </si>
  <si>
    <t>手間いらずしょうゆおこわ</t>
  </si>
  <si>
    <t>千葉県産生姜のしょうがご飯の素</t>
  </si>
  <si>
    <t>三浦大根葉使用混ぜ込みご飯の素</t>
  </si>
  <si>
    <t>伊予の鶏めしの素</t>
  </si>
  <si>
    <t>ｷﾞﾉｰﾐｿ</t>
  </si>
  <si>
    <t>伊予のひじきごはんの素</t>
  </si>
  <si>
    <t>石焼風ビビンバの素</t>
  </si>
  <si>
    <t>塩レモンビビンバ素</t>
  </si>
  <si>
    <t>赤からビビンバの素</t>
  </si>
  <si>
    <t>韓Kitchenビビンバの素</t>
  </si>
  <si>
    <t>プチッとごはんズユッケジャン味</t>
  </si>
  <si>
    <t>マイサイズビビンバの素</t>
  </si>
  <si>
    <t>うちのごはんビビンバコチュジャン</t>
  </si>
  <si>
    <t>洋ごはんつくろチキンライス1人前</t>
  </si>
  <si>
    <t>洋ごはんつくろガーリックライス1人前</t>
  </si>
  <si>
    <t>洋ごはんつくろガパイ風ライス1人前</t>
  </si>
  <si>
    <t>洋ごはんつくろガリバタピラフ</t>
  </si>
  <si>
    <t>洋ごはんつくろチキンライス</t>
  </si>
  <si>
    <t>洋ごはんつくろドライカレー</t>
  </si>
  <si>
    <t>洋ごはんつくろタコライス</t>
  </si>
  <si>
    <t>洋ごはんつくろ　パエリア</t>
  </si>
  <si>
    <t>洋ごはんつくろ　ジャンバラヤ</t>
  </si>
  <si>
    <t>洋ごはんつくろ　タコライス</t>
  </si>
  <si>
    <t>洋ごはんつくろバターしょうゆピラフ</t>
  </si>
  <si>
    <t>洋ごはん　ガーリックライス</t>
  </si>
  <si>
    <t>台湾まぜめしの素</t>
  </si>
  <si>
    <t>おうちde旅ごはん_石焼き風ビビンバの素</t>
  </si>
  <si>
    <t>簡単まぜごはんの素チキンライス</t>
  </si>
  <si>
    <t>世界のごちそうごはんパエリアの素</t>
  </si>
  <si>
    <t>世界のごちそうごはんエビピラフの素</t>
  </si>
  <si>
    <t>炊き込みご飯の素</t>
  </si>
  <si>
    <t>たこめしの素</t>
  </si>
  <si>
    <t>鳥釜飯の素</t>
  </si>
  <si>
    <t>とり釜めしの素134g5個セット</t>
  </si>
  <si>
    <t>とり釜めしの素2個セット</t>
  </si>
  <si>
    <t>鹿児島黒豚めしレトルト2個セット</t>
  </si>
  <si>
    <t>鳥釜飯の素_3個セット</t>
  </si>
  <si>
    <t>五目釜めしの素_2個ｾｯﾄ</t>
  </si>
  <si>
    <t>147g*2</t>
  </si>
  <si>
    <t>炊き込みご飯の素鮎と筍とぶどう山椒の和風だし風味</t>
  </si>
  <si>
    <t>有田川</t>
  </si>
  <si>
    <t>ｱﾘﾀﾞｶﾞﾜ</t>
  </si>
  <si>
    <t>炊き込みご飯の素みかん鶏と生姜の和風ドライカレー風味</t>
  </si>
  <si>
    <t>炊き込みご飯の素トマトとしらすのブイヤベース風味</t>
  </si>
  <si>
    <t>炊き込みご飯の素紀州梅豚と醤油麹の和風ルーロー飯風味</t>
  </si>
  <si>
    <t>炊き込みご飯の素紀州鯛と南高梅の昆布仕立て風味</t>
  </si>
  <si>
    <t>日本人ならたまらない漁師飯</t>
  </si>
  <si>
    <t>海工房</t>
  </si>
  <si>
    <t>ﾏﾙﾔﾏｼｮｸﾋﾝ</t>
  </si>
  <si>
    <t>漁師町の海苔ご飯</t>
  </si>
  <si>
    <t>ぶっかけ海苔とろろ</t>
  </si>
  <si>
    <t>かづの牛牛だし炊き込みご飯の素</t>
  </si>
  <si>
    <t>恋する鹿角カンパニー</t>
  </si>
  <si>
    <t>柔らか穂先筍の炊き込みご飯</t>
  </si>
  <si>
    <t>たっぷりきのこの炊き込みご飯</t>
  </si>
  <si>
    <t>国産ひじきがたっぷり入った炊き込みご飯</t>
  </si>
  <si>
    <t>阿波尾鶏を使った鶏七目炊き込みご飯</t>
  </si>
  <si>
    <t>宮城県産真さばの炊き込みご飯</t>
  </si>
  <si>
    <t>国産のどぐろの炊き込みご飯</t>
  </si>
  <si>
    <t>境港産紅ズワイガニの炊き込みご飯</t>
  </si>
  <si>
    <t>八戸産赤イカの炊き込みご飯</t>
  </si>
  <si>
    <t>穴子釜めし</t>
  </si>
  <si>
    <t>酔心</t>
  </si>
  <si>
    <t>ｽｲｼﾝ</t>
  </si>
  <si>
    <t>鯛釜めし</t>
  </si>
  <si>
    <t>まぜるだけご飯たっぷり三陸漁師めしさけ</t>
  </si>
  <si>
    <t>鮮冷</t>
  </si>
  <si>
    <t>ｾﾝﾋﾔ</t>
  </si>
  <si>
    <t>まぜるだけご飯たっぷり三陸漁師めし焼きさば</t>
  </si>
  <si>
    <t>まぜるだけご飯たっぷり三陸漁師めしほたて</t>
  </si>
  <si>
    <t>まぜるだけご飯たっぷり三陸漁師めしサーモンピラフ</t>
  </si>
  <si>
    <t>まぜるだけご飯たっぷり三陸漁師めしほたてピラフ</t>
  </si>
  <si>
    <t>炊込コーンバターごはんの素</t>
  </si>
  <si>
    <t>ＰＬＵＳワン</t>
  </si>
  <si>
    <t>plusﾜﾝ</t>
  </si>
  <si>
    <t>ドライブイン鳥鳥めしの素レトルトパウチ</t>
  </si>
  <si>
    <t>アリウラ</t>
  </si>
  <si>
    <t>ビビンバ風炊き込みごはんの素</t>
  </si>
  <si>
    <t>パエリア風炊き込みご飯の素</t>
  </si>
  <si>
    <t>ジャンバラヤ風炊き込みご飯の素</t>
  </si>
  <si>
    <t>炊き込み御膳</t>
  </si>
  <si>
    <t>2号用</t>
  </si>
  <si>
    <t>かしわ飯</t>
  </si>
  <si>
    <t>2合</t>
  </si>
  <si>
    <t>炊き込み御膳とり五目　２合用</t>
  </si>
  <si>
    <t>152.7g</t>
  </si>
  <si>
    <t>炊き込み御膳鶏きのこ　２合用</t>
  </si>
  <si>
    <t>とり五目　香り仕立て2合用</t>
  </si>
  <si>
    <t>炊き込み御膳とり五目</t>
  </si>
  <si>
    <t>炊込み御前とり五目　２合用</t>
  </si>
  <si>
    <t>炊き込み御膳かしわ飯</t>
  </si>
  <si>
    <t>185.4g</t>
  </si>
  <si>
    <t>炊き込み御膳_鶏まいたけ</t>
  </si>
  <si>
    <t>炊込み松茸</t>
  </si>
  <si>
    <t>炊込み御膳　鶏ごぼう</t>
  </si>
  <si>
    <t>特選炊き込み御膳松茸ごはん</t>
  </si>
  <si>
    <t>特選炊き込み御膳栗ごはん</t>
  </si>
  <si>
    <t>特選炊き込み御膳　海鮮風五目</t>
  </si>
  <si>
    <t>炊き込み御膳　さば舞茸</t>
  </si>
  <si>
    <t>238ｇ</t>
  </si>
  <si>
    <t>炊き込み御膳五目ごはん</t>
  </si>
  <si>
    <t>炊込み御膳山菜きのこ</t>
  </si>
  <si>
    <t>炊き込み御膳　たけのこ御飯</t>
  </si>
  <si>
    <t>炊き込み御膳鶏ごぼう</t>
  </si>
  <si>
    <t>炊き込み御膳　山椒ごはん</t>
  </si>
  <si>
    <t>２５４ｇ</t>
  </si>
  <si>
    <t>特選炊き込み御膳お赤飯</t>
  </si>
  <si>
    <t>482g</t>
  </si>
  <si>
    <t>炊き込み御膳　きのこ五目</t>
  </si>
  <si>
    <t>もちっと炊きたてお赤飯</t>
  </si>
  <si>
    <t>炊き込み御膳ごろっと鶏釜めし</t>
  </si>
  <si>
    <t>556g</t>
  </si>
  <si>
    <t>炊き込み御膳ごろっと鶏きのこ釜めし_550g</t>
  </si>
  <si>
    <t>炊込御膳ごろっと鶏ごぼう釜めし</t>
  </si>
  <si>
    <t>炊き込み御飯栗</t>
  </si>
  <si>
    <t>炊き込み御膳　筍ごはん</t>
  </si>
  <si>
    <t>ちょい炊き名人　五目釜めし</t>
  </si>
  <si>
    <t>ちょい炊き名人　ごぼう釜めし</t>
  </si>
  <si>
    <t>豆ごはんの素</t>
  </si>
  <si>
    <t>230Ｇ</t>
  </si>
  <si>
    <t>お赤飯の素　２合炊き</t>
  </si>
  <si>
    <t>１４６ｇ</t>
  </si>
  <si>
    <t>393g</t>
  </si>
  <si>
    <t>とり五目おこわ</t>
  </si>
  <si>
    <t>鶏そぼろちらしの素</t>
  </si>
  <si>
    <t>炊飯器でらくらくパエリア</t>
  </si>
  <si>
    <t>赤飯おこわ国産米</t>
  </si>
  <si>
    <t>中華おこわ国産米</t>
  </si>
  <si>
    <t>らくらく炊きたておこわとり五目</t>
  </si>
  <si>
    <t>2合用</t>
  </si>
  <si>
    <t>ストレートたこめしの素</t>
  </si>
  <si>
    <t>521g</t>
  </si>
  <si>
    <t>ストイレートほたて釜めしの素</t>
  </si>
  <si>
    <t>ストレートあさり釜めしの素</t>
  </si>
  <si>
    <t>ストレート金目鯛釜めしの素</t>
  </si>
  <si>
    <t>ストレート梅ひじき釜めしの素　５３０ｇ</t>
  </si>
  <si>
    <t>ストレート甲羅本店かに釜めしの素</t>
  </si>
  <si>
    <t>炙り鯖釜めしの素ストレート</t>
  </si>
  <si>
    <t>たこめしの素ストレート</t>
  </si>
  <si>
    <t>491g</t>
  </si>
  <si>
    <t>ほたて釜めしの素ストレート</t>
  </si>
  <si>
    <t>504g</t>
  </si>
  <si>
    <t>あさり釜めしの素ストレート</t>
  </si>
  <si>
    <t>524g</t>
  </si>
  <si>
    <t>金目鯛釜めしの素ストレート</t>
  </si>
  <si>
    <t>464g</t>
  </si>
  <si>
    <t>炊飯器でらくらく中華おこわ</t>
  </si>
  <si>
    <t>ろくさん亭松茸釜めし</t>
  </si>
  <si>
    <t>ろくさん亭五目釜めし</t>
  </si>
  <si>
    <t>ろくさん亭鮭釜めし</t>
  </si>
  <si>
    <t>銀座ろくさん亭鶏釜めし</t>
  </si>
  <si>
    <t>銀座ろくさん亭五目釜飯の素</t>
  </si>
  <si>
    <t>３０３ｇ</t>
  </si>
  <si>
    <t>銀座ろくさん亭料亭の五目釜めし</t>
  </si>
  <si>
    <t>287.5g</t>
  </si>
  <si>
    <t>銀座ろくさん亭　料亭の鶏ごぼう釜めし　２４７．５ｇ</t>
  </si>
  <si>
    <t>247.5G</t>
  </si>
  <si>
    <t>ﾛｸｻﾝﾃｲ</t>
  </si>
  <si>
    <t>銀座ろくさん亭五目釜めし</t>
  </si>
  <si>
    <t>174ｇ</t>
  </si>
  <si>
    <t>鶏飯の素</t>
  </si>
  <si>
    <t>たこめし</t>
  </si>
  <si>
    <t>北海道とうもろこしごはんの素</t>
  </si>
  <si>
    <t>マイタケカマメシノモト</t>
  </si>
  <si>
    <t>竹の子釜めしの素</t>
  </si>
  <si>
    <t>炊き込みとりごはん</t>
  </si>
  <si>
    <t>炊き込みあさりたけのこ</t>
  </si>
  <si>
    <t>炊き込み金目鯛ごはんの素</t>
  </si>
  <si>
    <t>炊き込み帆立五目ごはんの素</t>
  </si>
  <si>
    <t>炊き込み烏賊ごはんの素２合用</t>
  </si>
  <si>
    <t>ふかひれぞうすい</t>
  </si>
  <si>
    <t>炊き込みご飯の素鶏五目カレンダー</t>
  </si>
  <si>
    <t>炊き込みご飯の素きのこカレンダー</t>
  </si>
  <si>
    <t>博多地どりのかしわめし</t>
  </si>
  <si>
    <t>まぜご飯のもと玄界灘の鯛めし</t>
  </si>
  <si>
    <t>まぜご飯のもと糸島豚の豚めし</t>
  </si>
  <si>
    <t>五目ちらし</t>
  </si>
  <si>
    <t>釜めしの素とり五目</t>
  </si>
  <si>
    <t>273.4g</t>
  </si>
  <si>
    <t>釜めしの素香りごぼう</t>
  </si>
  <si>
    <t>釜めしの素十目ごはん</t>
  </si>
  <si>
    <t>とり五目釜めし</t>
  </si>
  <si>
    <t>香りごぼう釜めし</t>
  </si>
  <si>
    <t>十目ごはん釜めし</t>
  </si>
  <si>
    <t>やきとり屋さんの鶏釜めし　甘辛しょうゆ味</t>
  </si>
  <si>
    <t>やきとり屋さんの鶏釜めし　うま塩味</t>
  </si>
  <si>
    <t>鶏釜めし</t>
  </si>
  <si>
    <t>五目釜めし</t>
  </si>
  <si>
    <t>だし炊き五目釜めし</t>
  </si>
  <si>
    <t>だし炊きあごだし鶏ごぼう釜めし</t>
  </si>
  <si>
    <t>そぼろちらし</t>
  </si>
  <si>
    <t>209ｇ</t>
  </si>
  <si>
    <t>ラーメン屋さんのまかない飯醤油豚骨スープ味</t>
  </si>
  <si>
    <t>ラーメン屋さんのまかない飯塩豚骨スープ味120g</t>
  </si>
  <si>
    <t>らーめん山頭火まかない飯醤油豚骨スープ味</t>
  </si>
  <si>
    <t>ヤマナカ　ひじきの炊き込みごはん</t>
  </si>
  <si>
    <t>ほたてめし</t>
  </si>
  <si>
    <t>豚めし</t>
  </si>
  <si>
    <t>鮭釜飯の素</t>
  </si>
  <si>
    <t>松茸釜飯の素</t>
  </si>
  <si>
    <t>五目釜めしの素</t>
  </si>
  <si>
    <t>炊き込みごはん菜めし高菜</t>
  </si>
  <si>
    <t>ごぼう釜飯の素</t>
  </si>
  <si>
    <t>筍釜めしの素</t>
  </si>
  <si>
    <t>松茸釜めしの素</t>
  </si>
  <si>
    <t>とり釜飯の素２Ｐ</t>
  </si>
  <si>
    <t>五目釜飯の素２Ｐ</t>
  </si>
  <si>
    <t>山ちゃん監修手羽先風釜めしの素</t>
  </si>
  <si>
    <t>とりごぼう釜めしの素</t>
  </si>
  <si>
    <t>鮭五目釜めしの素</t>
  </si>
  <si>
    <t>鯛釜めしの素</t>
  </si>
  <si>
    <t>ひじき五目釜飯の素</t>
  </si>
  <si>
    <t>舞茸山菜釜めしの素</t>
  </si>
  <si>
    <t>関西風だし釜めしの素</t>
  </si>
  <si>
    <t>だしこだわり鶏五目釜めし素箱</t>
  </si>
  <si>
    <t>153.5g</t>
  </si>
  <si>
    <t>だしのこだわり　舞茸ごぼう釜</t>
  </si>
  <si>
    <t>豚めしの素</t>
  </si>
  <si>
    <t>牛めしの素</t>
  </si>
  <si>
    <t>鮭めしの素</t>
  </si>
  <si>
    <t>しらすめしの素</t>
  </si>
  <si>
    <t>季節限定　栗きのこ釜飯</t>
  </si>
  <si>
    <t>栗きのこ釜めしの素</t>
  </si>
  <si>
    <t>季節限定はまぐり釜めしの素</t>
  </si>
  <si>
    <t>季節限定鯛釜めしの素</t>
  </si>
  <si>
    <t>季節限定　かに貝柱釜めしの素</t>
  </si>
  <si>
    <t>期間限定筍釜めしの素</t>
  </si>
  <si>
    <t>期間限定鯛釜めしの素</t>
  </si>
  <si>
    <t>期間限定はまぐり釜めしの素</t>
  </si>
  <si>
    <t>期間限定枝豆入りお赤飯の素</t>
  </si>
  <si>
    <t>期間限定松茸釜めしの素</t>
  </si>
  <si>
    <t>期間限定栗きのこ釜めしの素</t>
  </si>
  <si>
    <t>期間限定かに貝柱釜めしの素</t>
  </si>
  <si>
    <t>期間限定栗入りお赤飯の素</t>
  </si>
  <si>
    <t>期間限定鮭貝柱釜めしの素</t>
  </si>
  <si>
    <t>1合用混ぜて作るとり釜めしの素</t>
  </si>
  <si>
    <t>1合用混ぜて作る五目釜めしの素</t>
  </si>
  <si>
    <t>さけ釜めしの素</t>
  </si>
  <si>
    <t>中華おこわの素</t>
  </si>
  <si>
    <t>山菜おこわの素</t>
  </si>
  <si>
    <t>鳥釜飯2個パック</t>
  </si>
  <si>
    <t>五目釜飯2個パック</t>
  </si>
  <si>
    <t>筍ごはんの素</t>
  </si>
  <si>
    <t>松茸ご飯の素</t>
  </si>
  <si>
    <t>栗ご飯の素</t>
  </si>
  <si>
    <t>きんぴらごぼうご飯の素</t>
  </si>
  <si>
    <t>地鶏釜めしの素</t>
  </si>
  <si>
    <t>山菜五目釜めしの素</t>
  </si>
  <si>
    <t>シャキっときのこ釜めしの素</t>
  </si>
  <si>
    <t>五目ひじき釜めしの素</t>
  </si>
  <si>
    <t>彩り五目釜めし</t>
  </si>
  <si>
    <t>生姜が香るあさり釜めしの素</t>
  </si>
  <si>
    <t>ほんのり梅味ひじき釜めしの素</t>
  </si>
  <si>
    <t>減塩でおいしいとり釜めしの素</t>
  </si>
  <si>
    <t>減塩でおいしいごぼう釜めしの素</t>
  </si>
  <si>
    <t>焦がし醤油の香りきのこ釜めしの素</t>
  </si>
  <si>
    <t>桜海老と貝柱釜めしの素</t>
  </si>
  <si>
    <t>期間限定釜飯の素　桜海老ごはん</t>
  </si>
  <si>
    <t>期間限定釜飯の素_蛸めし</t>
  </si>
  <si>
    <t>釜めしの素九州かしわめし</t>
  </si>
  <si>
    <t>期間限定釜飯の素　焼き筍ごはん</t>
  </si>
  <si>
    <t>駿河湾しらすごはん</t>
  </si>
  <si>
    <t>黒豚めし</t>
  </si>
  <si>
    <t>北海道とうきびごはん　２００ｇ</t>
  </si>
  <si>
    <t>十勝豚めし</t>
  </si>
  <si>
    <t>減塩でおいしい国産五目釜めしの素</t>
  </si>
  <si>
    <t>炊き込みパエリア</t>
  </si>
  <si>
    <t>地鶏ごぼう釜めしの素</t>
  </si>
  <si>
    <t>瀬戸内うま塩鶏めし</t>
  </si>
  <si>
    <t>江戸前深川めし</t>
  </si>
  <si>
    <t>九州あごだし五目めし</t>
  </si>
  <si>
    <t>鶏ごぼう釜めしの素</t>
  </si>
  <si>
    <t>彩り１０種の具五目釜めしの素</t>
  </si>
  <si>
    <t>焦がし醤油の香きのこ釜めしの素</t>
  </si>
  <si>
    <t>九州かしわめし</t>
  </si>
  <si>
    <t>ヤマモリ　江戸前深川めし　１６５ｇ</t>
  </si>
  <si>
    <t>減塩鶏五目釜めしの素</t>
  </si>
  <si>
    <t>鹿児島黒豚めし</t>
  </si>
  <si>
    <t>北海道バター香る鮭ごはん</t>
  </si>
  <si>
    <t>ヤマモリ　だし炊き鶏そぼろ釜めしの素　１８０ｇ</t>
  </si>
  <si>
    <t>京風白だし仕立て筍ごはん</t>
  </si>
  <si>
    <t>わかめラーメシの素</t>
  </si>
  <si>
    <t>74.5g</t>
  </si>
  <si>
    <t>紀州南高梅梅ひじき釜めしの素</t>
  </si>
  <si>
    <t>豆屋が作った豆ご飯の素</t>
  </si>
  <si>
    <t>マツタケカマメシ</t>
  </si>
  <si>
    <t>クリカマメシ</t>
  </si>
  <si>
    <t>あさりめしの素</t>
  </si>
  <si>
    <t>ﾀｶﾗ</t>
  </si>
  <si>
    <t>小豆島炊っこみご飯の素</t>
  </si>
  <si>
    <t>牡蠣めしの素</t>
  </si>
  <si>
    <t>瀬戸内産たこめしの素</t>
  </si>
  <si>
    <t>貝柱と舞茸ご飯の素</t>
  </si>
  <si>
    <t>ﾀｶﾗｼｮｸｯﾋﾝ</t>
  </si>
  <si>
    <t>さばめしの素</t>
  </si>
  <si>
    <t>ﾀｶﾗｼｮｸﾆﾝ</t>
  </si>
  <si>
    <t>かしわ飯の素５Pセット</t>
  </si>
  <si>
    <t>185g×5</t>
  </si>
  <si>
    <t>平食品</t>
  </si>
  <si>
    <t>ﾀｲﾗｼｮｸﾋﾝ</t>
  </si>
  <si>
    <t>ほぐし焼ホタテ</t>
  </si>
  <si>
    <t>ｱｻﾌF＆H_ごはんの素_坦々飯_27.8G</t>
  </si>
  <si>
    <t>かしわ飯の素</t>
  </si>
  <si>
    <t>北九州駅弁当</t>
  </si>
  <si>
    <t>ｷﾀｷｭｳｼｭｳｴｷ</t>
  </si>
  <si>
    <t>牛炊き込みご飯</t>
  </si>
  <si>
    <t>ﾆﾝｷﾞｮｳﾁｮｳｲ</t>
  </si>
  <si>
    <t>牛そぼろ五目炊き込みご飯</t>
  </si>
  <si>
    <t>松茸ごはんの素</t>
  </si>
  <si>
    <t>栗ごはんの素</t>
  </si>
  <si>
    <t>鶏五目ごはんの素</t>
  </si>
  <si>
    <t>山菜ごはんの素</t>
  </si>
  <si>
    <t>ｱﾓﾁﾝﾐ</t>
  </si>
  <si>
    <t>京風桜ごはん</t>
  </si>
  <si>
    <t>手間入らずお赤飯</t>
  </si>
  <si>
    <t>鹿児島パールライス</t>
  </si>
  <si>
    <t>ｱｸﾞﾚｯｸｽ</t>
  </si>
  <si>
    <t>筍ごはん</t>
  </si>
  <si>
    <t>きのこご飯</t>
  </si>
  <si>
    <t>山菜ごはん</t>
  </si>
  <si>
    <t>かしわめしの素</t>
  </si>
  <si>
    <t>山菜釜めしの素</t>
  </si>
  <si>
    <t>あさり釜めしの素</t>
  </si>
  <si>
    <t>釜めしの素</t>
  </si>
  <si>
    <t>一膳炊き五目ごはん</t>
  </si>
  <si>
    <t>一膳炊き筍ごはん</t>
  </si>
  <si>
    <t>寿司の素・寿司関連</t>
  </si>
  <si>
    <t>寿司の素・寿司関連その他</t>
  </si>
  <si>
    <t>ちらし寿司の素</t>
  </si>
  <si>
    <t>すし太郎せっと</t>
  </si>
  <si>
    <t>寿司太郎2個セット</t>
  </si>
  <si>
    <t>198g×2P</t>
  </si>
  <si>
    <t>ちょこっと寿司</t>
  </si>
  <si>
    <t>桜でんぶ袋</t>
  </si>
  <si>
    <t>五目ちらしの素2人前</t>
  </si>
  <si>
    <t>カネカ食品</t>
  </si>
  <si>
    <t>ｶﾈｶｼｮｸﾋﾝ</t>
  </si>
  <si>
    <t>味付スライスしいたけ煮</t>
  </si>
  <si>
    <t>桜でんぶ赤</t>
  </si>
  <si>
    <t>青でんぶ</t>
  </si>
  <si>
    <t>錦糸たまご</t>
  </si>
  <si>
    <t>玉九　錦糸たまご</t>
  </si>
  <si>
    <t>キンシタマゴ</t>
  </si>
  <si>
    <t>すしのこ</t>
  </si>
  <si>
    <t>寿司の子</t>
  </si>
  <si>
    <t>すしのこ3個パック</t>
  </si>
  <si>
    <t>295.4g</t>
  </si>
  <si>
    <t>十目ちらし</t>
  </si>
  <si>
    <t>364.8g</t>
  </si>
  <si>
    <t>鶏そぼろちらし</t>
  </si>
  <si>
    <t>ひじき七目ちらし</t>
  </si>
  <si>
    <t>ﾐﾂｶﾝ_混ぜ込みいなり_270G</t>
  </si>
  <si>
    <t>いなりちらし</t>
  </si>
  <si>
    <t>おすしの素まろやか昆布風味</t>
  </si>
  <si>
    <t>永谷園すし太郎黒酢入直送品</t>
  </si>
  <si>
    <t>すし太郎黒酢入り4人前</t>
  </si>
  <si>
    <t>シンスシタロウ　２ニンマエ</t>
  </si>
  <si>
    <t>ちらし王</t>
  </si>
  <si>
    <t>200.6g</t>
  </si>
  <si>
    <t>お弁当すし太郎</t>
  </si>
  <si>
    <t>すし太郎_黒酢入</t>
  </si>
  <si>
    <t>すし太郎_華やかちらし</t>
  </si>
  <si>
    <t>お茶碗でもすし太郎</t>
  </si>
  <si>
    <t>寿司太郎</t>
  </si>
  <si>
    <t>すし太郎</t>
  </si>
  <si>
    <t>すし太郎４人前　松茸吸物付</t>
  </si>
  <si>
    <t>310.4g</t>
  </si>
  <si>
    <t>寿司太郎彩りちらし</t>
  </si>
  <si>
    <t>すし太郎　黒酢入り</t>
  </si>
  <si>
    <t>スシハナコ</t>
  </si>
  <si>
    <t>寿司花子</t>
  </si>
  <si>
    <t>すし太郎彩ちらしお吸物</t>
  </si>
  <si>
    <t>鯛のおぼろちらし</t>
  </si>
  <si>
    <t>すし太郎　彩りちらし</t>
  </si>
  <si>
    <t>すし太郎セット</t>
  </si>
  <si>
    <t>おいなりさん</t>
  </si>
  <si>
    <t>ミニおいなりさん_8個分</t>
  </si>
  <si>
    <t>ミニおいなりさん</t>
  </si>
  <si>
    <t>まぜまぜごはん_ちらし寿し</t>
  </si>
  <si>
    <t>ひとくち_ちらし寿し</t>
  </si>
  <si>
    <t>五目寿司のたね</t>
  </si>
  <si>
    <t>アマダキ　デンブ</t>
  </si>
  <si>
    <t>チャント五目寿司のたね</t>
  </si>
  <si>
    <t>あまだきでんぶ</t>
  </si>
  <si>
    <t>味付かんぴょう</t>
  </si>
  <si>
    <t>椎茸うま煮スライス</t>
  </si>
  <si>
    <t>味つけかんぴょう</t>
  </si>
  <si>
    <t>椎茸ふくめ煮</t>
  </si>
  <si>
    <t>ＴＢ五目ずしの素</t>
  </si>
  <si>
    <t>五目寿司の素</t>
  </si>
  <si>
    <t>五目ずしの素</t>
  </si>
  <si>
    <t>テーブルランド五目寿司の素</t>
  </si>
  <si>
    <t>五目すしの素</t>
  </si>
  <si>
    <t>302g</t>
  </si>
  <si>
    <t>味付けおいなり</t>
  </si>
  <si>
    <t>味付けいなり</t>
  </si>
  <si>
    <t>適量パック桜でんぶ</t>
  </si>
  <si>
    <t>成城石井　ちらし寿司の素__１５０ｇ×２</t>
  </si>
  <si>
    <t>五目ちらし寿しの素</t>
  </si>
  <si>
    <t>五目ちらし寿しのもと</t>
  </si>
  <si>
    <t>232.8g</t>
  </si>
  <si>
    <t>京風ちらし寿司の素</t>
  </si>
  <si>
    <t>160gx2</t>
  </si>
  <si>
    <t>ｶｵﾐｾ</t>
  </si>
  <si>
    <t>チラシ寿司の素</t>
  </si>
  <si>
    <t>エスニック調味料</t>
  </si>
  <si>
    <t>メキシチョイスハラペーニョスライス</t>
  </si>
  <si>
    <t>BagoongRegS</t>
  </si>
  <si>
    <t>ネスレチャッキー</t>
  </si>
  <si>
    <t>ﾋﾗｼｮｳｼｮｳﾃﾝ</t>
  </si>
  <si>
    <t>MAMASITAカレカレミックス</t>
  </si>
  <si>
    <t>ﾏﾏｼｯﾀｰ</t>
  </si>
  <si>
    <t>サンタマリアタコスパイスミックス</t>
  </si>
  <si>
    <t>サンタマリアタコシェル</t>
  </si>
  <si>
    <t>ヴィナグレ　エスクロ</t>
  </si>
  <si>
    <t>ヴィナグレ　クラーロ</t>
  </si>
  <si>
    <t>アステカマラゲッタペッパー</t>
  </si>
  <si>
    <t>ココナッツウォーターココフレッシュ</t>
  </si>
  <si>
    <t>Vinamilk</t>
  </si>
  <si>
    <t>ｳﾞｨﾅ</t>
  </si>
  <si>
    <t>えびの塩漬け瓶詰(マムトム)</t>
  </si>
  <si>
    <t>ｱｲｴｽｼｰ</t>
  </si>
  <si>
    <t>チンスチリソース</t>
  </si>
  <si>
    <t>チンスナムヌーヌクマムペット</t>
  </si>
  <si>
    <t>BARONABBQレモングラスソース</t>
  </si>
  <si>
    <t>チンスチリソースエキストラホット</t>
  </si>
  <si>
    <t>エスニック即席</t>
  </si>
  <si>
    <t>骨なしカムジャタン</t>
  </si>
  <si>
    <t>ファイブ・イー・ライフ</t>
  </si>
  <si>
    <t>ﾌｧｲﾌﾞ･ｲｰ･ﾗ</t>
  </si>
  <si>
    <t>アロズライス</t>
  </si>
  <si>
    <t>ロイヤルオレンジ330ml</t>
  </si>
  <si>
    <t>ダイズラボ大豆のお肉ガパオライスの素</t>
  </si>
  <si>
    <t>ダイズラボ大豆のお肉キーマカレーの素</t>
  </si>
  <si>
    <t>フラワートルティーヤミディアム</t>
  </si>
  <si>
    <t>ミニタコタブ</t>
  </si>
  <si>
    <t>ベテハーバ　エン　コンセルバ</t>
  </si>
  <si>
    <t>ポークフェイジョアーダ</t>
  </si>
  <si>
    <t>エスニック食材</t>
  </si>
  <si>
    <t>HOBEスペシャルパラボック</t>
  </si>
  <si>
    <t>タンダットビーフンブントゥイコー</t>
  </si>
  <si>
    <t>タンダット</t>
  </si>
  <si>
    <t>チリビーンズ4号缶</t>
  </si>
  <si>
    <t>パルミット　（ホール）</t>
  </si>
  <si>
    <t>400g　　</t>
  </si>
  <si>
    <t>パルミット　（スライス）</t>
  </si>
  <si>
    <t>チリウィズビンズ</t>
  </si>
  <si>
    <t>アヲハタ_ポーク＆ビーンズ</t>
  </si>
  <si>
    <t>チャンキーサルサマイルド</t>
  </si>
  <si>
    <t>チャンキーサルサミディアム</t>
  </si>
  <si>
    <t>タコキット</t>
  </si>
  <si>
    <t>パルミット　プップンニャ　カステロ</t>
  </si>
  <si>
    <t>330g　　　　　　　　　　</t>
  </si>
  <si>
    <t>グリーンオリーブ種なし</t>
  </si>
  <si>
    <t>薄ライスペーパー四角小</t>
  </si>
  <si>
    <t>HSC</t>
  </si>
  <si>
    <t>八宝ぜんざい</t>
  </si>
  <si>
    <t>黒もち米ぜんざい</t>
  </si>
  <si>
    <t>フレッシュロールライスペーパー</t>
  </si>
  <si>
    <t>ライスヌードルバンフォー</t>
  </si>
  <si>
    <t>調理補助</t>
  </si>
  <si>
    <t>酒</t>
  </si>
  <si>
    <t>料理用酒</t>
  </si>
  <si>
    <t>1000ml以下</t>
  </si>
  <si>
    <t>国産米100%_米麹二段仕込本みりん＿3本セット</t>
  </si>
  <si>
    <t>国産米本みりんペット</t>
  </si>
  <si>
    <t>国産米使用　本みりん</t>
  </si>
  <si>
    <t>本みりん　瓶</t>
  </si>
  <si>
    <t>黄桜</t>
  </si>
  <si>
    <t>ｷｻﾞｸﾗ</t>
  </si>
  <si>
    <t>濃厚熟成本みりんペット</t>
  </si>
  <si>
    <t>米麹仕込本みりん</t>
  </si>
  <si>
    <t>お米だけのあまさの本みりん450ml</t>
  </si>
  <si>
    <t>マンジョウ　芳醇本みりん</t>
  </si>
  <si>
    <t>ﾏﾝｼﾞｮｳ</t>
  </si>
  <si>
    <t>万上芳醇　本みりんペット</t>
  </si>
  <si>
    <t>万上芳醇みりん５００ｍｌ</t>
  </si>
  <si>
    <t>マンジョウ芳醇本みりん【これはお酒です】</t>
  </si>
  <si>
    <t>米麹本みりんペット</t>
  </si>
  <si>
    <t>ミツカン　本みりん</t>
  </si>
  <si>
    <t>タカラ本みりん純米ペット</t>
  </si>
  <si>
    <t>タカラ　有機本みりん　ペット</t>
  </si>
  <si>
    <t>本みりん　純米　ペット</t>
  </si>
  <si>
    <t>タカラ　本みりん　醇良　パウチ</t>
  </si>
  <si>
    <t>国産米100％本みりん_ペット</t>
  </si>
  <si>
    <t>宝　本みりん　ペット</t>
  </si>
  <si>
    <t>本みりん　あめ色のコク　ペット</t>
  </si>
  <si>
    <t>本みりん贅沢米麹国産米100%500ml</t>
  </si>
  <si>
    <t>タカラ本みりん贅沢米麹国産米100%450ml</t>
  </si>
  <si>
    <t>タカラ本みりん米麹二段仕込ペット</t>
  </si>
  <si>
    <t>タカラ　本みりん　醇良　ペット</t>
  </si>
  <si>
    <t>本みりん　醇良　ペット</t>
  </si>
  <si>
    <t>本ミリン　ジュンリョウ（ケース）</t>
  </si>
  <si>
    <t>500ml×12</t>
  </si>
  <si>
    <t>300ml×12</t>
  </si>
  <si>
    <t>三州三河みりん　瓶</t>
  </si>
  <si>
    <t>ｶｸﾀﾆ</t>
  </si>
  <si>
    <t>古式本みりん</t>
  </si>
  <si>
    <t>相生ユニビオ</t>
  </si>
  <si>
    <t>ｱｲｵｲﾐﾘﾝ</t>
  </si>
  <si>
    <t>本みりん九重櫻_瓶</t>
  </si>
  <si>
    <t>本みりん　九重櫻　瓶</t>
  </si>
  <si>
    <t>1000ー1500ml</t>
  </si>
  <si>
    <t>新潟住乃井本みりん</t>
  </si>
  <si>
    <t>ｽﾐﾉｲｼｭｿﾞｳ</t>
  </si>
  <si>
    <t>本みりん1L</t>
  </si>
  <si>
    <t>住乃井酒造</t>
  </si>
  <si>
    <t>本みりんケース</t>
  </si>
  <si>
    <t>1000ml×12</t>
  </si>
  <si>
    <t>タカラ　本みりん　醇良　ペット×2</t>
  </si>
  <si>
    <t>1000ml×2</t>
  </si>
  <si>
    <t>本みりん1.5L_2本セット</t>
  </si>
  <si>
    <t>本みりん醇良ペット</t>
  </si>
  <si>
    <t>味三昧本みりん</t>
  </si>
  <si>
    <t>割烹本みりん</t>
  </si>
  <si>
    <t>万上芳醇本みりん_ペット</t>
  </si>
  <si>
    <t>万上芳醇本みりん１．１Ｌ増量【お酒】</t>
  </si>
  <si>
    <t>1100ml</t>
  </si>
  <si>
    <t>本みりん_お料理番【これはお酒です】</t>
  </si>
  <si>
    <t>中国醸造</t>
  </si>
  <si>
    <t>ﾁｭｳｺﾞｸ</t>
  </si>
  <si>
    <t>本みりん　ペット</t>
  </si>
  <si>
    <t>蔵出し本みりん　ペット</t>
  </si>
  <si>
    <t>タカラ　本みりん　純米　ペット</t>
  </si>
  <si>
    <t>タカラ　本みりん　ペット</t>
  </si>
  <si>
    <t>本みりん贅沢米麹国産米100%ペット1L</t>
  </si>
  <si>
    <t>タカラ本みりん醇良ペット</t>
  </si>
  <si>
    <t>タカラ本みりん・キャノーラ油セット_ＭＡＳ－３０Ｎ</t>
  </si>
  <si>
    <t>1L×2</t>
  </si>
  <si>
    <t>タカラ_みりんセットＭＡＳ－３０</t>
  </si>
  <si>
    <t>宝みりんセット_ミサー１６Ｎ</t>
  </si>
  <si>
    <t>本みりん　醇良　ペット　ケース</t>
  </si>
  <si>
    <t>宝　本みりん　醇良　ペット　ケース</t>
  </si>
  <si>
    <t>1500ml×6</t>
  </si>
  <si>
    <t>醇良本みりん【これはお酒です】</t>
  </si>
  <si>
    <t>本みりん　富貴　ペット</t>
  </si>
  <si>
    <t>合同酒精</t>
  </si>
  <si>
    <t>ｺﾞｳﾄﾞｳｼｭｾｲ</t>
  </si>
  <si>
    <t>富貴本味淋料理自慢</t>
  </si>
  <si>
    <t>本みりんセット_ＭＧ－２０</t>
  </si>
  <si>
    <t>メルシャン</t>
  </si>
  <si>
    <t>ﾒﾙｼｬﾝ</t>
  </si>
  <si>
    <t>1500ml以上</t>
  </si>
  <si>
    <t>本みりん1.8L</t>
  </si>
  <si>
    <t>おふくろの本みりんペット</t>
  </si>
  <si>
    <t>日の出　本みりん　醇良　ペット</t>
  </si>
  <si>
    <t>ダルマ本みりん　お料理番【お酒】</t>
  </si>
  <si>
    <t>ﾁｭｳｺﾞｸｼﾞｮｳ</t>
  </si>
  <si>
    <t>宝本みりんペット【これはお酒です】</t>
  </si>
  <si>
    <t>本みりん　カジュアルパック　パック</t>
  </si>
  <si>
    <t>料理のための清酒_ペット　</t>
  </si>
  <si>
    <t>みりんセット</t>
  </si>
  <si>
    <t>ｼｮｳﾁｸﾊﾞｲ</t>
  </si>
  <si>
    <t>本みりんカジュアルボトル（ケース）【これはお酒です】</t>
  </si>
  <si>
    <t>本みりんカジュアルパック（ケース）</t>
  </si>
  <si>
    <t>2000ml×6</t>
  </si>
  <si>
    <t>1800ml×8</t>
  </si>
  <si>
    <t>本みりん富貴ペット</t>
  </si>
  <si>
    <t>九重本みりん　ペット</t>
  </si>
  <si>
    <t>三楽本みりん_味ひとすじ</t>
  </si>
  <si>
    <t>本みりんセット_ＭＧ－２５</t>
  </si>
  <si>
    <t>本みりんセット_ＭＧ－３０</t>
  </si>
  <si>
    <t>本みりんてりこく_ペット</t>
  </si>
  <si>
    <t>本坊酒造</t>
  </si>
  <si>
    <t>ﾎﾝﾎﾞｳｼｭｿﾞｳ</t>
  </si>
  <si>
    <t>発酵みりんペット</t>
  </si>
  <si>
    <t>鷹正宗</t>
  </si>
  <si>
    <t>ﾀｶﾏｻﾑﾈ</t>
  </si>
  <si>
    <t>清酒ｶｯﾌﾟB　ｼﾞｬﾊﾟﾝｽﾀｲﾙ</t>
  </si>
  <si>
    <t>本みりん味ひとすじ</t>
  </si>
  <si>
    <t>美味しく仕上がる料理清酒　パック</t>
  </si>
  <si>
    <t>月桂冠</t>
  </si>
  <si>
    <t>ｹﾞｯｹｲｶﾝ</t>
  </si>
  <si>
    <t>万能料理酒パック</t>
  </si>
  <si>
    <t>料理専用米だけの酒【これはお酒です】</t>
  </si>
  <si>
    <t>国産米料理の清酒ペット</t>
  </si>
  <si>
    <t>コクと旨みたっぷりの料理の清酒　パック</t>
  </si>
  <si>
    <t>白鶴酒造</t>
  </si>
  <si>
    <t>ﾊｸﾂﾙｼｭｿﾞｳ</t>
  </si>
  <si>
    <t>コクと旨みたっぷりの料理の清酒【お酒】</t>
  </si>
  <si>
    <t>麹たっぷりの料理の清酒パック</t>
  </si>
  <si>
    <t>コクと旨みたっぷりの料理の日本酒</t>
  </si>
  <si>
    <t>清酒ｶｯﾌﾟB　ｼﾞｬﾊﾟﾝｽﾀｲﾙ　ｹｰｽ</t>
  </si>
  <si>
    <t>180ml*8本</t>
  </si>
  <si>
    <t>清酒ｶｯﾌﾟAﾆｭｰｽﾀｲﾙ　ｹｰｽ</t>
  </si>
  <si>
    <t>タカラ　料理のための清酒　パック</t>
  </si>
  <si>
    <t>ﾎﾝﾘｮｳﾘｼｭﾍﾟｯﾄ</t>
  </si>
  <si>
    <t>料理のための清酒ペット</t>
  </si>
  <si>
    <t>本料理清酒　濃醇　紙パック</t>
  </si>
  <si>
    <t>タカラ料理のための清酒ペット</t>
  </si>
  <si>
    <t>タカラ「料理のための清酒」</t>
  </si>
  <si>
    <t>宝　料理のための清酒純米</t>
  </si>
  <si>
    <t>料理のための清酒</t>
  </si>
  <si>
    <t>600ｍｌ</t>
  </si>
  <si>
    <t>タカラ　料理のための清酒　パウチ</t>
  </si>
  <si>
    <t>タカラ「料理のための清酒」500</t>
  </si>
  <si>
    <t>料理のための清酒　純米　パック</t>
  </si>
  <si>
    <t>ﾎﾝﾘｮｳﾘｼｭ_ｼﾞｭﾝﾘｮｳ</t>
  </si>
  <si>
    <t>タカラ料理のための清酒_ペット</t>
  </si>
  <si>
    <t>料理のための清酒　米麹双麹仕込　ペット</t>
  </si>
  <si>
    <t>本料理清酒ペット</t>
  </si>
  <si>
    <t>タカラ　ホンリョウリセイシュ</t>
  </si>
  <si>
    <t>本料理酒カジュアル</t>
  </si>
  <si>
    <t>宝　本料理酒【これはお酒です】</t>
  </si>
  <si>
    <t>ﾀｶﾗﾎﾝﾘｮｳﾘｾｲｼｭ</t>
  </si>
  <si>
    <t>タカラ料理のための清酒パック</t>
  </si>
  <si>
    <t>料理のための清酒　パック　セット</t>
  </si>
  <si>
    <t>1800ml×2</t>
  </si>
  <si>
    <t>料理のための清酒米麹二倍仕込450ml</t>
  </si>
  <si>
    <t>タカラ本みりん料理清酒・厳選調味料セット</t>
  </si>
  <si>
    <t>MSP-S</t>
  </si>
  <si>
    <t>ﾀｶﾗ調味料（純米）厳選調味料ｾｯﾄ</t>
  </si>
  <si>
    <t>MSJ</t>
  </si>
  <si>
    <t>ﾀｶﾗ厳選調味料ｾｯﾄ</t>
  </si>
  <si>
    <t>ﾐﾘﾝ500*2+ｾｲｼｭ500</t>
  </si>
  <si>
    <t>料理のための清酒パックケース</t>
  </si>
  <si>
    <t>料理のための清酒（ケース）【これはお酒です】</t>
  </si>
  <si>
    <t>900ml×6</t>
  </si>
  <si>
    <t>本みりんらくらく調節</t>
  </si>
  <si>
    <t>和風天国わが家の料理清酒Ｐ</t>
  </si>
  <si>
    <t>東亜酒造</t>
  </si>
  <si>
    <t>ﾄｳｱｼｭｿﾞｳ</t>
  </si>
  <si>
    <t>和風天国「わが家の料理清酒」</t>
  </si>
  <si>
    <t>ﾘｮｰｼｮｸﾘｶｰ</t>
  </si>
  <si>
    <t>清酒ｶｯﾌﾟA　ﾆｭｰｽﾀｲﾙ</t>
  </si>
  <si>
    <t>八木酒造部</t>
  </si>
  <si>
    <t>双葉山料理酒パック</t>
  </si>
  <si>
    <t>大分銘醸</t>
  </si>
  <si>
    <t>ｵｵｲﾀﾒｲｼﾞｮｳ</t>
  </si>
  <si>
    <t>こんにちは料理酒【これはお酒です】</t>
  </si>
  <si>
    <t>大木代吉本店</t>
  </si>
  <si>
    <t>ｵｵｷ</t>
  </si>
  <si>
    <t>割烹仕立て料理酒パック</t>
  </si>
  <si>
    <t>割烹仕立て料理酒ペット</t>
  </si>
  <si>
    <t>三楽　本みりんﾍﾟｯﾄ</t>
  </si>
  <si>
    <t>ｻﾝﾗｸ</t>
  </si>
  <si>
    <t>料理酒_ペット</t>
  </si>
  <si>
    <t>ハクレイ酒造</t>
  </si>
  <si>
    <t>料理酒_糖質オフ</t>
  </si>
  <si>
    <t>料理のための清酒糖質0パック</t>
  </si>
  <si>
    <t>幅</t>
    <rPh sb="0" eb="1">
      <t>ハバ</t>
    </rPh>
    <phoneticPr fontId="2"/>
  </si>
  <si>
    <t>高さ</t>
    <rPh sb="0" eb="1">
      <t>タカ</t>
    </rPh>
    <phoneticPr fontId="2"/>
  </si>
  <si>
    <t>奥行</t>
    <rPh sb="0" eb="2">
      <t>オクユキ</t>
    </rPh>
    <phoneticPr fontId="2"/>
  </si>
  <si>
    <t>マスタ登録</t>
    <rPh sb="3" eb="5">
      <t>トウロク</t>
    </rPh>
    <phoneticPr fontId="2"/>
  </si>
  <si>
    <t>〇</t>
    <phoneticPr fontId="2"/>
  </si>
  <si>
    <t>平均単価</t>
    <rPh sb="0" eb="4">
      <t>ヘイキンタンカ</t>
    </rPh>
    <phoneticPr fontId="2"/>
  </si>
  <si>
    <t>市場平均単価</t>
    <rPh sb="0" eb="2">
      <t>シジョウ</t>
    </rPh>
    <rPh sb="2" eb="6">
      <t>ヘイキンタンカ</t>
    </rPh>
    <phoneticPr fontId="2"/>
  </si>
  <si>
    <t>●売上数量</t>
    <rPh sb="1" eb="5">
      <t>ウリアゲスウリョウ</t>
    </rPh>
    <phoneticPr fontId="1"/>
  </si>
  <si>
    <t>●売上数量/1店</t>
    <rPh sb="1" eb="5">
      <t>ウリアゲスウリョウ</t>
    </rPh>
    <rPh sb="7" eb="8">
      <t>ミセ</t>
    </rPh>
    <phoneticPr fontId="1"/>
  </si>
  <si>
    <t>●売上金額/1店</t>
    <rPh sb="1" eb="3">
      <t>ウリアゲ</t>
    </rPh>
    <rPh sb="3" eb="5">
      <t>キンガク</t>
    </rPh>
    <rPh sb="7" eb="8">
      <t>ミセ</t>
    </rPh>
    <phoneticPr fontId="1"/>
  </si>
  <si>
    <t>●PI値</t>
    <rPh sb="3" eb="4">
      <t>アタイ</t>
    </rPh>
    <phoneticPr fontId="2"/>
  </si>
  <si>
    <t>市場PI値</t>
    <rPh sb="0" eb="2">
      <t>シジョウ</t>
    </rPh>
    <rPh sb="4" eb="5">
      <t>アタイ</t>
    </rPh>
    <phoneticPr fontId="2"/>
  </si>
  <si>
    <t>PI値(参考)</t>
    <rPh sb="2" eb="3">
      <t>アタイ</t>
    </rPh>
    <rPh sb="4" eb="6">
      <t>サンコウ</t>
    </rPh>
    <phoneticPr fontId="2"/>
  </si>
  <si>
    <t>POS客数全体</t>
    <rPh sb="3" eb="5">
      <t>キャクスウ</t>
    </rPh>
    <rPh sb="5" eb="7">
      <t>ゼンタイ</t>
    </rPh>
    <phoneticPr fontId="1"/>
  </si>
  <si>
    <t>POS客数全体/1店</t>
    <rPh sb="3" eb="5">
      <t>キャクスウ</t>
    </rPh>
    <rPh sb="5" eb="7">
      <t>ゼンタイ</t>
    </rPh>
    <rPh sb="9" eb="10">
      <t>ミセ</t>
    </rPh>
    <phoneticPr fontId="1"/>
  </si>
  <si>
    <t>導入時推定売上金額/1店</t>
    <rPh sb="0" eb="3">
      <t>ドウニュウジ</t>
    </rPh>
    <rPh sb="3" eb="5">
      <t>スイテイ</t>
    </rPh>
    <rPh sb="5" eb="7">
      <t>ウリアゲ</t>
    </rPh>
    <rPh sb="7" eb="9">
      <t>キンガク</t>
    </rPh>
    <rPh sb="11" eb="12">
      <t>ミセ</t>
    </rPh>
    <phoneticPr fontId="1"/>
  </si>
  <si>
    <t>最大顧客年代層</t>
    <rPh sb="0" eb="2">
      <t>サイダイ</t>
    </rPh>
    <rPh sb="2" eb="4">
      <t>コキャク</t>
    </rPh>
    <rPh sb="4" eb="7">
      <t>ネンダイソウ</t>
    </rPh>
    <phoneticPr fontId="1"/>
  </si>
  <si>
    <t>最大ライフステージ層</t>
    <rPh sb="0" eb="2">
      <t>サイダイ</t>
    </rPh>
    <rPh sb="9" eb="10">
      <t>ソウ</t>
    </rPh>
    <phoneticPr fontId="1"/>
  </si>
  <si>
    <t>安全在庫数量</t>
    <rPh sb="0" eb="2">
      <t>アンゼン</t>
    </rPh>
    <rPh sb="2" eb="4">
      <t>ザイコ</t>
    </rPh>
    <rPh sb="4" eb="6">
      <t>スウリョウ</t>
    </rPh>
    <phoneticPr fontId="2"/>
  </si>
  <si>
    <t>安全係数</t>
    <rPh sb="0" eb="2">
      <t>アンゼン</t>
    </rPh>
    <rPh sb="2" eb="4">
      <t>ケイスウ</t>
    </rPh>
    <phoneticPr fontId="2"/>
  </si>
  <si>
    <t/>
  </si>
  <si>
    <t>×</t>
  </si>
  <si>
    <t>●売上金額(円)</t>
    <rPh sb="1" eb="3">
      <t>ウリアゲ</t>
    </rPh>
    <rPh sb="3" eb="5">
      <t>キンガク</t>
    </rPh>
    <rPh sb="6" eb="7">
      <t>エン</t>
    </rPh>
    <phoneticPr fontId="1"/>
  </si>
  <si>
    <t>DINKS</t>
  </si>
  <si>
    <t>DEWKS</t>
  </si>
  <si>
    <t>老年夫婦</t>
  </si>
  <si>
    <t>単身</t>
  </si>
  <si>
    <t>30代</t>
  </si>
  <si>
    <t>40代</t>
  </si>
  <si>
    <t>70代</t>
  </si>
  <si>
    <t>60代</t>
  </si>
  <si>
    <t>50代</t>
  </si>
  <si>
    <t>80代以上</t>
  </si>
  <si>
    <t>導入時推定売上数量/1店</t>
    <rPh sb="0" eb="3">
      <t>ドウニュウジ</t>
    </rPh>
    <rPh sb="3" eb="5">
      <t>スイテイ</t>
    </rPh>
    <rPh sb="5" eb="7">
      <t>ウリアゲ</t>
    </rPh>
    <rPh sb="7" eb="9">
      <t>スウリョウ</t>
    </rPh>
    <rPh sb="11" eb="12">
      <t>ミセ</t>
    </rPh>
    <phoneticPr fontId="2"/>
  </si>
  <si>
    <t>●1回あたり点数</t>
    <rPh sb="2" eb="3">
      <t>カイ</t>
    </rPh>
    <rPh sb="6" eb="8">
      <t>テンスウ</t>
    </rPh>
    <phoneticPr fontId="2"/>
  </si>
  <si>
    <t>●バスケット出現率</t>
    <rPh sb="6" eb="9">
      <t>シュツゲンリツ</t>
    </rPh>
    <phoneticPr fontId="2"/>
  </si>
  <si>
    <t>●リピート率</t>
    <phoneticPr fontId="2"/>
  </si>
  <si>
    <t>5位/10位</t>
  </si>
  <si>
    <t>8位/10位</t>
  </si>
  <si>
    <t>6位/10位</t>
  </si>
  <si>
    <t>5位/8位</t>
  </si>
  <si>
    <t>1位/10位</t>
  </si>
  <si>
    <t>3位/10位</t>
  </si>
  <si>
    <t>1位/9位</t>
  </si>
  <si>
    <t>2位/10位</t>
  </si>
  <si>
    <t>9位/10位</t>
  </si>
  <si>
    <t>6位/9位</t>
  </si>
  <si>
    <t>4位/7位</t>
  </si>
  <si>
    <t>4位/10位</t>
  </si>
  <si>
    <t>5位/9位</t>
  </si>
  <si>
    <t>1位/6位</t>
  </si>
  <si>
    <t>8位/9位</t>
  </si>
  <si>
    <t>6位/8位</t>
  </si>
  <si>
    <t>7位/9位</t>
  </si>
  <si>
    <t>4位/4位</t>
  </si>
  <si>
    <t>1位/5位</t>
  </si>
  <si>
    <t>4位/8位</t>
  </si>
  <si>
    <t>4位/6位</t>
  </si>
  <si>
    <t>3位/9位</t>
  </si>
  <si>
    <t>3位/3位</t>
  </si>
  <si>
    <t>3位/7位</t>
  </si>
  <si>
    <t>1位/4位</t>
  </si>
  <si>
    <t>4位/9位</t>
  </si>
  <si>
    <t>7位/10位</t>
  </si>
  <si>
    <t>2位/4位</t>
  </si>
  <si>
    <t>1位/8位</t>
  </si>
  <si>
    <t>9位/9位</t>
  </si>
  <si>
    <t>6位/6位</t>
  </si>
  <si>
    <t>1位/2位</t>
  </si>
  <si>
    <t>8位/8位</t>
  </si>
  <si>
    <t>3位/6位</t>
  </si>
  <si>
    <t>7位/8位</t>
  </si>
  <si>
    <t>2位/6位</t>
  </si>
  <si>
    <t>2位/9位</t>
  </si>
  <si>
    <t>1位/1位</t>
  </si>
  <si>
    <t>7位/7位</t>
  </si>
  <si>
    <t>5位/6位</t>
  </si>
  <si>
    <t>1位/7位</t>
  </si>
  <si>
    <t>3位/8位</t>
  </si>
  <si>
    <t>2位/7位</t>
  </si>
  <si>
    <t>3位/4位</t>
  </si>
  <si>
    <t>3位/5位</t>
  </si>
  <si>
    <t>10位/10位</t>
  </si>
  <si>
    <t>2位/5位</t>
  </si>
  <si>
    <t>4位/5位</t>
  </si>
  <si>
    <t>2位/8位</t>
  </si>
  <si>
    <t>5位/7位</t>
  </si>
  <si>
    <t>1位/3位</t>
  </si>
  <si>
    <t>6位/7位</t>
  </si>
  <si>
    <t>2位/2位</t>
  </si>
  <si>
    <t>2位/3位</t>
  </si>
  <si>
    <t>5位/5位</t>
  </si>
  <si>
    <t>【東海】数量PI値順位</t>
    <rPh sb="1" eb="3">
      <t>トウカイ</t>
    </rPh>
    <rPh sb="4" eb="6">
      <t>スウリョウ</t>
    </rPh>
    <phoneticPr fontId="2"/>
  </si>
  <si>
    <t>【東海】数量PI値相対指数</t>
    <rPh sb="1" eb="3">
      <t>トウカイ</t>
    </rPh>
    <phoneticPr fontId="2"/>
  </si>
  <si>
    <t>【東海】エリア特化指数(RPI)</t>
    <rPh sb="1" eb="3">
      <t>トウカイ</t>
    </rPh>
    <rPh sb="7" eb="9">
      <t>トッカ</t>
    </rPh>
    <rPh sb="9" eb="11">
      <t>シスウ</t>
    </rPh>
    <phoneticPr fontId="2"/>
  </si>
  <si>
    <t>MEGA店舗数</t>
    <rPh sb="4" eb="7">
      <t>テンポスウ</t>
    </rPh>
    <phoneticPr fontId="2"/>
  </si>
  <si>
    <t>SuC店舗数</t>
    <rPh sb="3" eb="6">
      <t>テンポスウ</t>
    </rPh>
    <phoneticPr fontId="2"/>
  </si>
  <si>
    <t>●SMART(L/S)店舗数</t>
    <rPh sb="11" eb="14">
      <t>テンポスウ</t>
    </rPh>
    <phoneticPr fontId="1"/>
  </si>
  <si>
    <t>SMART(boxなど)店舗数</t>
    <rPh sb="12" eb="15">
      <t>テンポスウ</t>
    </rPh>
    <phoneticPr fontId="2"/>
  </si>
  <si>
    <t>3位/6位</t>
    <phoneticPr fontId="2"/>
  </si>
  <si>
    <t>発単</t>
    <rPh sb="0" eb="2">
      <t>ハッタン</t>
    </rPh>
    <phoneticPr fontId="2"/>
  </si>
  <si>
    <t>定番</t>
    <rPh sb="0" eb="2">
      <t>テイバン</t>
    </rPh>
    <phoneticPr fontId="2"/>
  </si>
  <si>
    <t>〇</t>
  </si>
  <si>
    <t>推定値算出可否</t>
    <rPh sb="0" eb="3">
      <t>スイテイチ</t>
    </rPh>
    <rPh sb="3" eb="5">
      <t>サンシュツ</t>
    </rPh>
    <rPh sb="5" eb="7">
      <t>カヒ</t>
    </rPh>
    <phoneticPr fontId="2"/>
  </si>
  <si>
    <t>ディビジョン</t>
    <phoneticPr fontId="2"/>
  </si>
  <si>
    <t>カテゴリー</t>
    <phoneticPr fontId="2"/>
  </si>
  <si>
    <t>サブカテゴリー</t>
    <phoneticPr fontId="2"/>
  </si>
  <si>
    <t>セグメント</t>
    <phoneticPr fontId="2"/>
  </si>
  <si>
    <t>サブセグメント</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_);[Red]\(0\)"/>
    <numFmt numFmtId="177" formatCode="0.0%"/>
    <numFmt numFmtId="178" formatCode="0.00_);[Red]\(0.00\)"/>
  </numFmts>
  <fonts count="3" x14ac:knownFonts="1">
    <font>
      <sz val="11"/>
      <color theme="1"/>
      <name val="Meiryo UI"/>
      <family val="2"/>
      <charset val="128"/>
    </font>
    <font>
      <sz val="11"/>
      <color theme="1"/>
      <name val="Meiryo UI"/>
      <family val="2"/>
      <charset val="128"/>
    </font>
    <font>
      <sz val="6"/>
      <name val="Meiryo UI"/>
      <family val="2"/>
      <charset val="128"/>
    </font>
  </fonts>
  <fills count="2">
    <fill>
      <patternFill patternType="none"/>
    </fill>
    <fill>
      <patternFill patternType="gray125"/>
    </fill>
  </fills>
  <borders count="1">
    <border>
      <left/>
      <right/>
      <top/>
      <bottom/>
      <diagonal/>
    </border>
  </borders>
  <cellStyleXfs count="3">
    <xf numFmtId="0" fontId="0" fillId="0" borderId="0">
      <alignment vertical="center"/>
    </xf>
    <xf numFmtId="38" fontId="1" fillId="0" borderId="0" applyFont="0" applyFill="0" applyBorder="0" applyAlignment="0" applyProtection="0">
      <alignment vertical="center"/>
    </xf>
    <xf numFmtId="9" fontId="1" fillId="0" borderId="0" applyFont="0" applyFill="0" applyBorder="0" applyAlignment="0" applyProtection="0">
      <alignment vertical="center"/>
    </xf>
  </cellStyleXfs>
  <cellXfs count="13">
    <xf numFmtId="0" fontId="0" fillId="0" borderId="0" xfId="0">
      <alignment vertical="center"/>
    </xf>
    <xf numFmtId="0" fontId="0" fillId="0" borderId="0" xfId="0" applyAlignment="1">
      <alignment horizontal="center" vertical="center" shrinkToFit="1"/>
    </xf>
    <xf numFmtId="176" fontId="0" fillId="0" borderId="0" xfId="0" applyNumberFormat="1" applyAlignment="1">
      <alignment horizontal="center" vertical="center" shrinkToFit="1"/>
    </xf>
    <xf numFmtId="0" fontId="0" fillId="0" borderId="0" xfId="0" applyAlignment="1">
      <alignment vertical="center" shrinkToFit="1"/>
    </xf>
    <xf numFmtId="176" fontId="0" fillId="0" borderId="0" xfId="0" applyNumberFormat="1" applyAlignment="1">
      <alignment vertical="center" shrinkToFit="1"/>
    </xf>
    <xf numFmtId="38" fontId="0" fillId="0" borderId="0" xfId="1" applyFont="1" applyAlignment="1">
      <alignment horizontal="center" vertical="center" shrinkToFit="1"/>
    </xf>
    <xf numFmtId="38" fontId="0" fillId="0" borderId="0" xfId="1" applyFont="1" applyAlignment="1">
      <alignment vertical="center" shrinkToFit="1"/>
    </xf>
    <xf numFmtId="177" fontId="0" fillId="0" borderId="0" xfId="2" applyNumberFormat="1" applyFont="1" applyAlignment="1">
      <alignment horizontal="center" vertical="center" shrinkToFit="1"/>
    </xf>
    <xf numFmtId="177" fontId="0" fillId="0" borderId="0" xfId="2" applyNumberFormat="1" applyFont="1" applyAlignment="1">
      <alignment vertical="center" shrinkToFit="1"/>
    </xf>
    <xf numFmtId="10" fontId="0" fillId="0" borderId="0" xfId="2" applyNumberFormat="1" applyFont="1" applyAlignment="1">
      <alignment horizontal="center" vertical="center" shrinkToFit="1"/>
    </xf>
    <xf numFmtId="10" fontId="0" fillId="0" borderId="0" xfId="2" applyNumberFormat="1" applyFont="1" applyAlignment="1">
      <alignment vertical="center" shrinkToFit="1"/>
    </xf>
    <xf numFmtId="178" fontId="0" fillId="0" borderId="0" xfId="0" applyNumberFormat="1" applyAlignment="1">
      <alignment vertical="center" shrinkToFit="1"/>
    </xf>
    <xf numFmtId="38" fontId="0" fillId="0" borderId="0" xfId="0" applyNumberFormat="1" applyAlignment="1">
      <alignment vertical="center" shrinkToFit="1"/>
    </xf>
  </cellXfs>
  <cellStyles count="3">
    <cellStyle name="パーセント" xfId="2" builtinId="5"/>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yazaki,YuTKZRGjsma</dc:creator>
  <cp:lastModifiedBy>Miyazaki,YuTKZRGjsma</cp:lastModifiedBy>
  <dcterms:created xsi:type="dcterms:W3CDTF">2025-11-08T07:00:45Z</dcterms:created>
  <dcterms:modified xsi:type="dcterms:W3CDTF">2025-11-10T09:24:05Z</dcterms:modified>
</cp:coreProperties>
</file>